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s010285\AppData\Local\Microsoft\Windows\Temporary Internet Files\Content.Outlook\P4JV9KP6\"/>
    </mc:Choice>
  </mc:AlternateContent>
  <bookViews>
    <workbookView xWindow="480" yWindow="75" windowWidth="18075" windowHeight="12525"/>
  </bookViews>
  <sheets>
    <sheet name="AEP Bill Redesign QPRO Survey d" sheetId="1" r:id="rId1"/>
  </sheets>
  <calcPr calcId="125725"/>
</workbook>
</file>

<file path=xl/sharedStrings.xml><?xml version="1.0" encoding="utf-8"?>
<sst xmlns="http://schemas.openxmlformats.org/spreadsheetml/2006/main" count="51680" uniqueCount="4619">
  <si>
    <t>Response ID</t>
  </si>
  <si>
    <t>Timestamp</t>
  </si>
  <si>
    <t>language</t>
  </si>
  <si>
    <t>Custom 1</t>
  </si>
  <si>
    <t>Custom 2</t>
  </si>
  <si>
    <t>Custom 3</t>
  </si>
  <si>
    <t>Custom 4</t>
  </si>
  <si>
    <t>Custom 5</t>
  </si>
  <si>
    <t>External Reference</t>
  </si>
  <si>
    <t>Respondent Email</t>
  </si>
  <si>
    <t>EP is considering making some changes to its monthly bills. As a valued AEP customer we would like to get your</t>
  </si>
  <si>
    <t/>
  </si>
  <si>
    <t>Is the person most familiar with your household's monthly electric bills currently available to answer some questions ab</t>
  </si>
  <si>
    <t>We ask that only the person most familiar with your household's monthly electric bills answer some questions about those</t>
  </si>
  <si>
    <t>- Other</t>
  </si>
  <si>
    <t>As an ebill customer that receives their electric bills by email, how frequently do you log into your ${custom1} account</t>
  </si>
  <si>
    <t>Thinking about the ${custom2} that you receive from ${custom1}, overall how satisfied are you with the look and design o</t>
  </si>
  <si>
    <t>Why are you less than satisfied with the appearance of the ${custom2} that you receive from ${custom1}? Please do not co</t>
  </si>
  <si>
    <t>leas</t>
  </si>
  <si>
    <t>Being easy to read</t>
  </si>
  <si>
    <t>Being easy to understand</t>
  </si>
  <si>
    <t>Understanding of billing charges</t>
  </si>
  <si>
    <t>Ease in understanding my usage history</t>
  </si>
  <si>
    <t>Ease of finding my amount due</t>
  </si>
  <si>
    <t>Ease of finding the due date</t>
  </si>
  <si>
    <t>Providing contact information if I have questions</t>
  </si>
  <si>
    <t>Being clean and uncluttered</t>
  </si>
  <si>
    <t>Are you currently on an average monthly payment plan or budget billing plan where you pay a level flat rate every month</t>
  </si>
  <si>
    <t>Please rank the following components that could be included in a typical monthly electric bill. Please rank them in orde</t>
  </si>
  <si>
    <t>In addition to the items above and basic information such as account number and mailing address, what other types of inf</t>
  </si>
  <si>
    <t>Which of the following types of bill messages are important to you as a(n) ${custom1} customer? These are helpful messag</t>
  </si>
  <si>
    <t>If you only received the short summary bill as your regular bill but could go online to see the full, expanded bill, how</t>
  </si>
  <si>
    <t>Thinking about your other utility bills, such as water and natural gas, how do ${custom1}'s monthly electric bills compa</t>
  </si>
  <si>
    <t>Other than the size (amount) of the bill, why do you think that ${custom1}'s monthly bills are worse than your other uti</t>
  </si>
  <si>
    <t>For the next set of questions you will be asked to select from two different ways of displaying information on your mont</t>
  </si>
  <si>
    <t>Why did you pick that one?</t>
  </si>
  <si>
    <t>Please provide any additional comments or suggestions about how ${custom1} could improve the appearance and effectivenes</t>
  </si>
  <si>
    <t>Unfortunately we need the person in your household most familiar with your monthly electric bills to answer this questio</t>
  </si>
  <si>
    <t>06/23/2016 14:03:26</t>
  </si>
  <si>
    <t>English</t>
  </si>
  <si>
    <t>06/23/2016 14:03:57</t>
  </si>
  <si>
    <t>06/23/2016 14:06:38</t>
  </si>
  <si>
    <t>No</t>
  </si>
  <si>
    <t>06/23/2016 14:06:45</t>
  </si>
  <si>
    <t>06/23/2016 14:06:55</t>
  </si>
  <si>
    <t>06/23/2016 14:08:29</t>
  </si>
  <si>
    <t>06/23/2016 14:12:38</t>
  </si>
  <si>
    <t>06/23/2016 14:20:37</t>
  </si>
  <si>
    <t>06/23/2016 14:22:51</t>
  </si>
  <si>
    <t>Not Sure Dont Know</t>
  </si>
  <si>
    <t>06/23/2016 14:23:11</t>
  </si>
  <si>
    <t>06/23/2016 14:35:38</t>
  </si>
  <si>
    <t>Yes</t>
  </si>
  <si>
    <t>06/23/2016 14:38:11</t>
  </si>
  <si>
    <t>06/23/2016 14:38:44</t>
  </si>
  <si>
    <t>06/23/2016 15:05:58</t>
  </si>
  <si>
    <t>06/23/2016 15:15:42</t>
  </si>
  <si>
    <t>06/23/2016 15:39:04</t>
  </si>
  <si>
    <t>06/23/2016 15:55:04</t>
  </si>
  <si>
    <t>06/23/2016 16:01:52</t>
  </si>
  <si>
    <t>06/23/2016 16:09:33</t>
  </si>
  <si>
    <t>06/23/2016 16:13:12</t>
  </si>
  <si>
    <t>06/23/2016 16:23:17</t>
  </si>
  <si>
    <t>06/23/2016 16:33:22</t>
  </si>
  <si>
    <t>06/23/2016 16:34:32</t>
  </si>
  <si>
    <t>06/23/2016 16:38:18</t>
  </si>
  <si>
    <t>06/23/2016 16:55:37</t>
  </si>
  <si>
    <t>06/23/2016 16:55:44</t>
  </si>
  <si>
    <t>06/23/2016 16:55:49</t>
  </si>
  <si>
    <t>06/23/2016 16:55:55</t>
  </si>
  <si>
    <t>06/23/2016 16:55:59</t>
  </si>
  <si>
    <t>06/23/2016 16:56:03</t>
  </si>
  <si>
    <t>06/23/2016 16:57:33</t>
  </si>
  <si>
    <t>06/23/2016 17:09:10</t>
  </si>
  <si>
    <t>06/23/2016 17:14:22</t>
  </si>
  <si>
    <t>06/23/2016 17:15:17</t>
  </si>
  <si>
    <t>06/23/2016 17:24:00</t>
  </si>
  <si>
    <t>06/23/2016 17:24:46</t>
  </si>
  <si>
    <t>06/23/2016 18:05:53</t>
  </si>
  <si>
    <t>06/23/2016 18:07:40</t>
  </si>
  <si>
    <t>06/23/2016 18:08:42</t>
  </si>
  <si>
    <t>06/23/2016 18:24:20</t>
  </si>
  <si>
    <t>06/23/2016 18:25:44</t>
  </si>
  <si>
    <t>06/23/2016 18:46:06</t>
  </si>
  <si>
    <t>06/23/2016 18:58:47</t>
  </si>
  <si>
    <t>06/23/2016 18:58:55</t>
  </si>
  <si>
    <t>06/23/2016 18:59:05</t>
  </si>
  <si>
    <t>06/23/2016 18:59:10</t>
  </si>
  <si>
    <t>06/23/2016 18:59:13</t>
  </si>
  <si>
    <t>06/23/2016 18:59:23</t>
  </si>
  <si>
    <t>06/23/2016 18:59:27</t>
  </si>
  <si>
    <t>06/23/2016 18:59:33</t>
  </si>
  <si>
    <t>06/23/2016 18:59:43</t>
  </si>
  <si>
    <t>06/23/2016 19:10:16</t>
  </si>
  <si>
    <t>06/23/2016 19:17:40</t>
  </si>
  <si>
    <t>06/23/2016 19:21:23</t>
  </si>
  <si>
    <t>06/23/2016 19:28:12</t>
  </si>
  <si>
    <t>06/23/2016 20:04:27</t>
  </si>
  <si>
    <t>06/23/2016 20:12:55</t>
  </si>
  <si>
    <t>06/23/2016 20:19:58</t>
  </si>
  <si>
    <t>06/23/2016 20:20:05</t>
  </si>
  <si>
    <t>06/23/2016 20:20:17</t>
  </si>
  <si>
    <t>06/23/2016 20:28:17</t>
  </si>
  <si>
    <t>06/23/2016 21:22:39</t>
  </si>
  <si>
    <t>06/23/2016 21:26:28</t>
  </si>
  <si>
    <t>06/23/2016 22:00:55</t>
  </si>
  <si>
    <t>06/23/2016 22:12:13</t>
  </si>
  <si>
    <t>06/23/2016 22:24:16</t>
  </si>
  <si>
    <t>06/23/2016 22:46:06</t>
  </si>
  <si>
    <t>06/23/2016 22:46:19</t>
  </si>
  <si>
    <t>06/23/2016 22:46:28</t>
  </si>
  <si>
    <t>06/23/2016 22:46:51</t>
  </si>
  <si>
    <t>06/23/2016 22:46:56</t>
  </si>
  <si>
    <t>06/23/2016 22:47:00</t>
  </si>
  <si>
    <t>06/23/2016 22:47:07</t>
  </si>
  <si>
    <t>06/23/2016 22:47:12</t>
  </si>
  <si>
    <t>06/23/2016 22:47:18</t>
  </si>
  <si>
    <t>06/23/2016 22:47:22</t>
  </si>
  <si>
    <t>06/23/2016 22:47:26</t>
  </si>
  <si>
    <t>06/23/2016 22:47:39</t>
  </si>
  <si>
    <t>06/23/2016 22:47:43</t>
  </si>
  <si>
    <t>06/23/2016 23:02:53</t>
  </si>
  <si>
    <t>06/23/2016 23:03:27</t>
  </si>
  <si>
    <t>06/23/2016 23:24:29</t>
  </si>
  <si>
    <t>06/24/2016 00:02:16</t>
  </si>
  <si>
    <t>06/24/2016 01:11:02</t>
  </si>
  <si>
    <t>06/24/2016 01:11:08</t>
  </si>
  <si>
    <t>06/24/2016 01:11:20</t>
  </si>
  <si>
    <t>06/24/2016 01:11:24</t>
  </si>
  <si>
    <t>06/24/2016 01:11:33</t>
  </si>
  <si>
    <t>06/24/2016 01:11:39</t>
  </si>
  <si>
    <t>06/24/2016 01:11:44</t>
  </si>
  <si>
    <t>06/24/2016 07:00:29</t>
  </si>
  <si>
    <t>06/24/2016 07:13:51</t>
  </si>
  <si>
    <t>06/24/2016 10:06:31</t>
  </si>
  <si>
    <t>06/24/2016 12:09:26</t>
  </si>
  <si>
    <t>06/24/2016 12:25:25</t>
  </si>
  <si>
    <t>06/24/2016 13:39:28</t>
  </si>
  <si>
    <t>06/24/2016 13:54:14</t>
  </si>
  <si>
    <t>06/24/2016 14:50:09</t>
  </si>
  <si>
    <t>06/24/2016 15:41:18</t>
  </si>
  <si>
    <t>06/24/2016 17:54:57</t>
  </si>
  <si>
    <t>06/24/2016 18:20:29</t>
  </si>
  <si>
    <t>06/24/2016 18:42:30</t>
  </si>
  <si>
    <t>06/24/2016 20:13:34</t>
  </si>
  <si>
    <t>06/24/2016 23:24:05</t>
  </si>
  <si>
    <t>06/25/2016 14:05:21</t>
  </si>
  <si>
    <t>06/26/2016 01:07:24</t>
  </si>
  <si>
    <t>06/26/2016 12:36:25</t>
  </si>
  <si>
    <t>06/26/2016 14:29:22</t>
  </si>
  <si>
    <t>06/26/2016 16:32:37</t>
  </si>
  <si>
    <t>06/26/2016 20:51:39</t>
  </si>
  <si>
    <t>06/26/2016 22:08:28</t>
  </si>
  <si>
    <t>06/27/2016 10:46:05</t>
  </si>
  <si>
    <t>06/27/2016 20:22:01</t>
  </si>
  <si>
    <t>06/27/2016 22:57:13</t>
  </si>
  <si>
    <t>06/28/2016 06:42:34</t>
  </si>
  <si>
    <t>06/28/2016 15:50:21</t>
  </si>
  <si>
    <t>06/28/2016 16:48:22</t>
  </si>
  <si>
    <t>06/28/2016 18:58:50</t>
  </si>
  <si>
    <t>06/28/2016 23:52:37</t>
  </si>
  <si>
    <t>06/30/2016 19:28:25</t>
  </si>
  <si>
    <t>07/01/2016 11:01:15</t>
  </si>
  <si>
    <t>07/01/2016 21:13:09</t>
  </si>
  <si>
    <t>07/03/2016 23:38:58</t>
  </si>
  <si>
    <t>07/07/2016 12:19:07</t>
  </si>
  <si>
    <t>07/07/2016 20:45:27</t>
  </si>
  <si>
    <t>07/08/2016 12:06:42</t>
  </si>
  <si>
    <t>07/10/2016 18:58:46</t>
  </si>
  <si>
    <t>07/12/2016 18:26:27</t>
  </si>
  <si>
    <t>07/12/2016 23:46:12</t>
  </si>
  <si>
    <t>07/14/2016 16:33:31</t>
  </si>
  <si>
    <t>07/15/2016 12:23:11</t>
  </si>
  <si>
    <t>06/23/2016 14:03:10</t>
  </si>
  <si>
    <t>AEP Ohio</t>
  </si>
  <si>
    <t>Satisfied</t>
  </si>
  <si>
    <t>electronic bills by email ebills</t>
  </si>
  <si>
    <t>Online using my personal bank account</t>
  </si>
  <si>
    <t>Almost every month</t>
  </si>
  <si>
    <t>Use graphs or illustrations to explain my charges</t>
  </si>
  <si>
    <t>Up to 5 Minutes</t>
  </si>
  <si>
    <t>Neutral</t>
  </si>
  <si>
    <t>Billing period</t>
  </si>
  <si>
    <t>Detailed charges by type</t>
  </si>
  <si>
    <t>Previous bill amount</t>
  </si>
  <si>
    <t>Monthly usage history</t>
  </si>
  <si>
    <t>Account specific messages</t>
  </si>
  <si>
    <t>Energy efficiency messages</t>
  </si>
  <si>
    <t>New program offerings</t>
  </si>
  <si>
    <t>A different looking bill but with all the current information</t>
  </si>
  <si>
    <t>Dont Know Not Applicable</t>
  </si>
  <si>
    <t>NEW</t>
  </si>
  <si>
    <t>Easy to read</t>
  </si>
  <si>
    <t>Simple to understand</t>
  </si>
  <si>
    <t>First one is too busy</t>
  </si>
  <si>
    <t>electronic bills by email (e-bills)</t>
  </si>
  <si>
    <t>Automatic deduction from my personal bank account</t>
  </si>
  <si>
    <t>Neither Satisfied nor Dissatisfied</t>
  </si>
  <si>
    <t>I don't really pay attention to the appearance.  I only care that I can read the bill.</t>
  </si>
  <si>
    <t>5 to Less than 10 Minutes</t>
  </si>
  <si>
    <t>Very Satisfied</t>
  </si>
  <si>
    <t>Amount due before shut off</t>
  </si>
  <si>
    <t>Previous date paid</t>
  </si>
  <si>
    <t>Next meter read date</t>
  </si>
  <si>
    <t>Previous amount paid</t>
  </si>
  <si>
    <t>Budget versus nonbudget amount</t>
  </si>
  <si>
    <t>Shut off date if not paid</t>
  </si>
  <si>
    <t>Electric usage information</t>
  </si>
  <si>
    <t>Electric safety messages</t>
  </si>
  <si>
    <t>Budget billing options</t>
  </si>
  <si>
    <t>The current format bill</t>
  </si>
  <si>
    <t>About the Same</t>
  </si>
  <si>
    <t>The background color leads me to what I immediately want to know.</t>
  </si>
  <si>
    <t>The graphic gives me immediate understanding.</t>
  </si>
  <si>
    <t>When seeing these components together, I like the information in more of a reading format than the graphics.</t>
  </si>
  <si>
    <t>06/23/2016 14:03:59</t>
  </si>
  <si>
    <t>paper bills by mail</t>
  </si>
  <si>
    <t>better looking.</t>
  </si>
  <si>
    <t>OLD</t>
  </si>
  <si>
    <t>Don't need to know a breakdown of charges.</t>
  </si>
  <si>
    <t>more info.</t>
  </si>
  <si>
    <t>06/23/2016 14:04:30</t>
  </si>
  <si>
    <t>Only when it seems unusually high or low</t>
  </si>
  <si>
    <t>I am not less than satisfied</t>
  </si>
  <si>
    <t>Limit the bill to just one page</t>
  </si>
  <si>
    <t>None</t>
  </si>
  <si>
    <t>The amount due.</t>
  </si>
  <si>
    <t>asthetics</t>
  </si>
  <si>
    <t>same</t>
  </si>
  <si>
    <t>06/23/2016 14:04:38</t>
  </si>
  <si>
    <t>Not Satisfied</t>
  </si>
  <si>
    <t>Clearly identify unaffiliated company's charges.</t>
  </si>
  <si>
    <t>A new shorter summary bill in front of the current bill</t>
  </si>
  <si>
    <t>A Few Times a Year</t>
  </si>
  <si>
    <t>That is easier to understand, however a break down of non-affiliated company charges would make sense.</t>
  </si>
  <si>
    <t>But the Generation should state the actual supplier.</t>
  </si>
  <si>
    <t>Much easier to understand.</t>
  </si>
  <si>
    <t>06/23/2016 14:04:52</t>
  </si>
  <si>
    <t>Online using the electric companys website</t>
  </si>
  <si>
    <t>06/23/2016 14:04:57</t>
  </si>
  <si>
    <t>Clearer, uses words that make more sense to a consumer.</t>
  </si>
  <si>
    <t>Break down that is understandable</t>
  </si>
  <si>
    <t>Easier to read, relative info right up front</t>
  </si>
  <si>
    <t>06/23/2016 14:05:21</t>
  </si>
  <si>
    <t>Use a larger typefont size</t>
  </si>
  <si>
    <t>06/23/2016 14:05:27</t>
  </si>
  <si>
    <t>I just wanna know how much i owe, seeing where (what generation method) my power comes from would be cool but not necessary to me understanding my power bill. Also understanding some of the charges on my bill would help, for instance i hand no idea that i</t>
  </si>
  <si>
    <t>Better</t>
  </si>
  <si>
    <t>It shows me where my money is being spent</t>
  </si>
  <si>
    <t>again its easier to read</t>
  </si>
  <si>
    <t>06/23/2016 14:05:31</t>
  </si>
  <si>
    <t>More info should be sent in the email. PDFs are slow.</t>
  </si>
  <si>
    <t>Simpler</t>
  </si>
  <si>
    <t>Simplicity</t>
  </si>
  <si>
    <t>Less cluttered</t>
  </si>
  <si>
    <t>06/23/2016 14:06:42</t>
  </si>
  <si>
    <t>Once or twice a year</t>
  </si>
  <si>
    <t>06/23/2016 14:06:57</t>
  </si>
  <si>
    <t>Call in my payment over the phone</t>
  </si>
  <si>
    <t>Amount due and date due more clear.</t>
  </si>
  <si>
    <t>06/23/2016 14:07:27</t>
  </si>
  <si>
    <t>06/23/2016 14:07:41</t>
  </si>
  <si>
    <t>Use multiple colors</t>
  </si>
  <si>
    <t>06/23/2016 14:08:35</t>
  </si>
  <si>
    <t>Billing address</t>
  </si>
  <si>
    <t>06/23/2016 14:08:39</t>
  </si>
  <si>
    <t>10 to Less than 20 Minutes</t>
  </si>
  <si>
    <t>06/23/2016 14:09:46</t>
  </si>
  <si>
    <t>It's very clear what each piece of information is. The other option doesn't put a priority on any piece of info.</t>
  </si>
  <si>
    <t>More information in a way that makes sense!</t>
  </si>
  <si>
    <t>I can understand usage and charges better in a visual manner. It also draws the most important info to they eye first.</t>
  </si>
  <si>
    <t>06/23/2016 14:10:21</t>
  </si>
  <si>
    <t>06/23/2016 14:11:50</t>
  </si>
  <si>
    <t>Other</t>
  </si>
  <si>
    <t>make usage and charges easier to find</t>
  </si>
  <si>
    <t>contact information for billing questions
Phone number to talk to a human being
Lights out number prominently displayed</t>
  </si>
  <si>
    <t>Every Other Month or So</t>
  </si>
  <si>
    <t>all necessary information displayed prominently and easy to understand</t>
  </si>
  <si>
    <t>shows where my money is going -still could be clearer as to what each of the labels means</t>
  </si>
  <si>
    <t>More information on first page (do like heading of second bill better except that the one I chose does indicate the late charge)</t>
  </si>
  <si>
    <t>06/23/2016 14:11:51</t>
  </si>
  <si>
    <t>looks more updated</t>
  </si>
  <si>
    <t>makes more sense</t>
  </si>
  <si>
    <t>I prefer charts over graphs</t>
  </si>
  <si>
    <t>06/23/2016 14:11:55</t>
  </si>
  <si>
    <t>NOTHING</t>
  </si>
  <si>
    <t>NOTHING ELSE</t>
  </si>
  <si>
    <t>JUST LOOKS BETTER</t>
  </si>
  <si>
    <t>EASY TO READ</t>
  </si>
  <si>
    <t>JUST BECAUSE</t>
  </si>
  <si>
    <t>DON;T CHANGE ANYTHING</t>
  </si>
  <si>
    <t>06/23/2016 14:12:40</t>
  </si>
  <si>
    <t>A new shorter summary bill only</t>
  </si>
  <si>
    <t>less clutter and straightforward.</t>
  </si>
  <si>
    <t>I like the split, but the image is too big</t>
  </si>
  <si>
    <t>They are both ok, but the first one is more clutter free and straightforward</t>
  </si>
  <si>
    <t>06/23/2016 14:12:55</t>
  </si>
  <si>
    <t>Dissatisfied</t>
  </si>
  <si>
    <t>I find it difficult to understand the many different charges</t>
  </si>
  <si>
    <t>Very Dissatisfied</t>
  </si>
  <si>
    <t>06/23/2016 14:13:49</t>
  </si>
  <si>
    <t>Monthly</t>
  </si>
  <si>
    <t>Worse</t>
  </si>
  <si>
    <t>06/23/2016 14:13:50</t>
  </si>
  <si>
    <t>More clear and concise.</t>
  </si>
  <si>
    <t>Can better understand.</t>
  </si>
  <si>
    <t>Visually appealing and easily understood.</t>
  </si>
  <si>
    <t>06/23/2016 14:14:54</t>
  </si>
  <si>
    <t>color, simple,included due date prominent,more info same space and still not cluttered or overwhelming</t>
  </si>
  <si>
    <t>Color and more info</t>
  </si>
  <si>
    <t>actually like a combo of two.like info grids and graphs also like color</t>
  </si>
  <si>
    <t>clean neat presentation as much info as possible. also would prefer more consistency in billing cycles and payment dates. this might increase frequency of looking at staterments</t>
  </si>
  <si>
    <t>06/23/2016 14:15:06</t>
  </si>
  <si>
    <t>It's a little confusing When comparing your monthly cost to a year ago</t>
  </si>
  <si>
    <t>06/23/2016 14:15:50</t>
  </si>
  <si>
    <t>Never</t>
  </si>
  <si>
    <t>More information and easier to read</t>
  </si>
  <si>
    <t>easier to read</t>
  </si>
  <si>
    <t>better information</t>
  </si>
  <si>
    <t>06/23/2016 14:16:19</t>
  </si>
  <si>
    <t>Very straight forward</t>
  </si>
  <si>
    <t>06/23/2016 14:17:18</t>
  </si>
  <si>
    <t>Mail in a check</t>
  </si>
  <si>
    <t>06/23/2016 14:18:25</t>
  </si>
  <si>
    <t>it stands out and gets your attention</t>
  </si>
  <si>
    <t>easier to understand</t>
  </si>
  <si>
    <t>not as congested with too much information</t>
  </si>
  <si>
    <t>06/23/2016 14:19:33</t>
  </si>
  <si>
    <t>In person at an authorized payment center</t>
  </si>
  <si>
    <t>06/23/2016 14:19:42</t>
  </si>
  <si>
    <t>I said neither satisfied or dissatisfied....</t>
  </si>
  <si>
    <t>I would like to see a 2 year history instead of 13 months.
Also, over and under meter reads of 1000 kWh continue on the history and distort your usage history.
The Rider fees should indicate see definitions on back of the page, and also list in the desc</t>
  </si>
  <si>
    <t>It has more information and tells you how much and when.
The current bill portion to mail in does not give the due date, just the amount.</t>
  </si>
  <si>
    <t>more information and better summary</t>
  </si>
  <si>
    <t>I like that one for the first page, but like the bottom one for the additional information that I use.</t>
  </si>
  <si>
    <t>Color is nice, but black and white is fine if the cost to print the color increases operating expenses that you will pass on to the customer.</t>
  </si>
  <si>
    <t>06/23/2016 14:21:18</t>
  </si>
  <si>
    <t>Clearly states the amount due in larger character font.</t>
  </si>
  <si>
    <t>A pie chart if effective when showing pieces of a whole</t>
  </si>
  <si>
    <t>less busy</t>
  </si>
  <si>
    <t>06/23/2016 14:22:26</t>
  </si>
  <si>
    <t>Right to the point.</t>
  </si>
  <si>
    <t>Has the charged right there.</t>
  </si>
  <si>
    <t>06/23/2016 14:22:57</t>
  </si>
  <si>
    <t>06/23/2016 14:23:04</t>
  </si>
  <si>
    <t>Color and size of font for important numbers.</t>
  </si>
  <si>
    <t>Color and picture</t>
  </si>
  <si>
    <t>Color, picture, and not cluttered.</t>
  </si>
  <si>
    <t>06/23/2016 14:23:44</t>
  </si>
  <si>
    <t>Every few months</t>
  </si>
  <si>
    <t>It doesn't look any different than it did 15 years ago.  I am happy with the way it looks, no need to really re-create the wheel.</t>
  </si>
  <si>
    <t>The numbers pop more.</t>
  </si>
  <si>
    <t>Actually don't like either.</t>
  </si>
  <si>
    <t>It's more inline with what I am used to seeing.  I'm sure that after a few months we won't even notice the change.</t>
  </si>
  <si>
    <t>Well, I am pretty happy with my service, and want to thank you for being here when we need you.</t>
  </si>
  <si>
    <t>06/23/2016 14:24:08</t>
  </si>
  <si>
    <t>Because it really doesn't matter to me how it looks</t>
  </si>
  <si>
    <t>Nothing</t>
  </si>
  <si>
    <t>Offers more information. Easier to read and understand.</t>
  </si>
  <si>
    <t>More information. Explains how usage is charged and additional charges.</t>
  </si>
  <si>
    <t>Because it gives all the pertinent information</t>
  </si>
  <si>
    <t>06/23/2016 14:26:20</t>
  </si>
  <si>
    <t>stands out better. more bold easy to see</t>
  </si>
  <si>
    <t>explains what the bills is about. and like the color and bolder print</t>
  </si>
  <si>
    <t>it explains better, not as Confusing just makes more sense seeing it like this.</t>
  </si>
  <si>
    <t>love the color graphs. all black you just don't pay attention as much</t>
  </si>
  <si>
    <t>06/23/2016 14:29:18</t>
  </si>
  <si>
    <t>More info</t>
  </si>
  <si>
    <t>06/23/2016 14:31:49</t>
  </si>
  <si>
    <t>Previous year comparison</t>
  </si>
  <si>
    <t>06/23/2016 14:32:19</t>
  </si>
  <si>
    <t>06/23/2016 14:35:55</t>
  </si>
  <si>
    <t>Email &amp; snail mail notification re tree trimming to clear power lines</t>
  </si>
  <si>
    <t>Data includes: Account #, Address, Time Period Billed &amp; Last Bill Amount.
More information.</t>
  </si>
  <si>
    <t>Graphic format provides more information...</t>
  </si>
  <si>
    <t>Graphic format is cleaner and easier to interpret...takes less time to 'read'.</t>
  </si>
  <si>
    <t>Overall AEP does a good job, however, I like the graphic summary presented here.</t>
  </si>
  <si>
    <t>06/23/2016 14:37:47</t>
  </si>
  <si>
    <t>EASIER TO UNDERSTAND</t>
  </si>
  <si>
    <t>NO REASON</t>
  </si>
  <si>
    <t>06/23/2016 14:38:37</t>
  </si>
  <si>
    <t>They are not the easiest to read.</t>
  </si>
  <si>
    <t>Ways to make an old home efficient</t>
  </si>
  <si>
    <t>Easier to read.... maybe make graph numbered better</t>
  </si>
  <si>
    <t>06/23/2016 14:39:55</t>
  </si>
  <si>
    <t>06/23/2016 14:40:26</t>
  </si>
  <si>
    <t>06/23/2016 14:40:36</t>
  </si>
  <si>
    <t>Its not organized as well as need be</t>
  </si>
  <si>
    <t>06/23/2016 14:52:17</t>
  </si>
  <si>
    <t>Because it stands out</t>
  </si>
  <si>
    <t>Na</t>
  </si>
  <si>
    <t>06/23/2016 14:57:15</t>
  </si>
  <si>
    <t>06/23/2016 14:57:34</t>
  </si>
  <si>
    <t>Does not show usage stats, trends or other information that may increase my knowledge of good utility/energy management.
Does not show opportunities to participate/engage with AEP services/tips/tricks/programs.</t>
  </si>
  <si>
    <t>06/23/2016 14:58:30</t>
  </si>
  <si>
    <t>06/23/2016 15:06:00</t>
  </si>
  <si>
    <t>06/23/2016 15:06:47</t>
  </si>
  <si>
    <t>Make the bill larger</t>
  </si>
  <si>
    <t>06/23/2016 15:06:49</t>
  </si>
  <si>
    <t>06/23/2016 15:09:22</t>
  </si>
  <si>
    <t>Cleaner image.</t>
  </si>
  <si>
    <t>Easier to understand.</t>
  </si>
  <si>
    <t>Better graphs.</t>
  </si>
  <si>
    <t>06/23/2016 15:10:49</t>
  </si>
  <si>
    <t>06/23/2016 15:11:30</t>
  </si>
  <si>
    <t>Easier to read/information easy to find incolor</t>
  </si>
  <si>
    <t>Great grahics &amp; color</t>
  </si>
  <si>
    <t>Many AEP users have the same qustions about understanding their bill/ Breaking down various charges may look good but hardly anyone understands the reason behind charges. I work on the front lines of AEP and I get several questions monthly about our AEP a</t>
  </si>
  <si>
    <t>06/23/2016 15:12:18</t>
  </si>
  <si>
    <t>06/23/2016 15:16:36</t>
  </si>
  <si>
    <t>The bills still come by mail and by email.</t>
  </si>
  <si>
    <t>Make important information such as disconnections more prominent. It may say in the large box at the top that a bill is due on a date but then say a past due amount is due before that or you face disconnection in the small print of the bill.</t>
  </si>
  <si>
    <t>Much Worse</t>
  </si>
  <si>
    <t>AEP's bills are the worst. They provide the least important information prominently and the most important information is stuffed into the cluttered text.</t>
  </si>
  <si>
    <t>Out of 2 poor choices it was the best.</t>
  </si>
  <si>
    <t>You still cannot determine from these whether AEP would place the disconnection notices more prominently but I assume it would be easier to find on the top choice. I've had a disconnection simply by reading the bill wrong! I saw the due date at the top an</t>
  </si>
  <si>
    <t>Stop hiding critical information to avoid working with consumers on payment of their bills!</t>
  </si>
  <si>
    <t>06/23/2016 15:20:59</t>
  </si>
  <si>
    <t>concise</t>
  </si>
  <si>
    <t>06/23/2016 15:22:06</t>
  </si>
  <si>
    <t>Energy supplier and the rate</t>
  </si>
  <si>
    <t>highlights the amount due; color and 'space' more appealing</t>
  </si>
  <si>
    <t>more granularity - again color is more appealing</t>
  </si>
  <si>
    <t>picked the first one due to more information &amp; details which I would prefer not to give up</t>
  </si>
  <si>
    <t>I would maintain the 'cost-per-day' figure on the bill to remind users of the value received.</t>
  </si>
  <si>
    <t>06/23/2016 15:22:26</t>
  </si>
  <si>
    <t>06/23/2016 15:23:35</t>
  </si>
  <si>
    <t>Ease of understanding.</t>
  </si>
  <si>
    <t>Same as above.</t>
  </si>
  <si>
    <t>06/23/2016 15:26:22</t>
  </si>
  <si>
    <t>06/23/2016 15:26:57</t>
  </si>
  <si>
    <t>It was easier to read</t>
  </si>
  <si>
    <t>I know what the costs are</t>
  </si>
  <si>
    <t>Has more information and easier to read</t>
  </si>
  <si>
    <t>I am satisfy with it as it is. I get all the information I need</t>
  </si>
  <si>
    <t>06/23/2016 15:33:56</t>
  </si>
  <si>
    <t>06/23/2016 15:45:34</t>
  </si>
  <si>
    <t>06/23/2016 15:48:57</t>
  </si>
  <si>
    <t>06/23/2016 15:49:33</t>
  </si>
  <si>
    <t>06/23/2016 15:51:20</t>
  </si>
  <si>
    <t>Easy to understand and larger print.</t>
  </si>
  <si>
    <t>Color is bright and got my attention.</t>
  </si>
  <si>
    <t>06/23/2016 15:55:17</t>
  </si>
  <si>
    <t>Cυѕтoмer ѕervιce nυмвer
How тo pay online</t>
  </si>
  <si>
    <t>06/23/2016 15:56:14</t>
  </si>
  <si>
    <t>I never thought about satisfaction. There are too many places to look for information in different columns and on different sides of the page.</t>
  </si>
  <si>
    <t>What others in homes similar to mine are using energy wise.</t>
  </si>
  <si>
    <t>Lots of Succinct information in a small artful design</t>
  </si>
  <si>
    <t>I like the breakdown but there isn't a date on it.</t>
  </si>
  <si>
    <t>Fewer words.</t>
  </si>
  <si>
    <t>I'm not a marketing genius. I want all the information without all the words.</t>
  </si>
  <si>
    <t>06/23/2016 15:59:47</t>
  </si>
  <si>
    <t>Looks nicer. Easier to read</t>
  </si>
  <si>
    <t>06/23/2016 16:00:40</t>
  </si>
  <si>
    <t>This is much easier to read</t>
  </si>
  <si>
    <t>Very reader friendly</t>
  </si>
  <si>
    <t>Reader friendly</t>
  </si>
  <si>
    <t>06/23/2016 16:01:16</t>
  </si>
  <si>
    <t>More noticeable what it is</t>
  </si>
  <si>
    <t>Noticeable</t>
  </si>
  <si>
    <t>Easier to read different sections</t>
  </si>
  <si>
    <t>06/23/2016 16:02:18</t>
  </si>
  <si>
    <t>Show bar graph for bill amount history</t>
  </si>
  <si>
    <t>Bill amount history, energy usage as compared to similar homes</t>
  </si>
  <si>
    <t>Much Better</t>
  </si>
  <si>
    <t>Friendlier text</t>
  </si>
  <si>
    <t>Graphical display</t>
  </si>
  <si>
    <t>graphical display</t>
  </si>
  <si>
    <t>Graphical display suggested is easier to read. If you could add the bill amount history as a bar graph, that would be my ask.</t>
  </si>
  <si>
    <t>06/23/2016 16:11:59</t>
  </si>
  <si>
    <t>Continue</t>
  </si>
  <si>
    <t>It Big to read</t>
  </si>
  <si>
    <t>06/23/2016 16:15:02</t>
  </si>
  <si>
    <t>https://aep-bill-feedback.questionpro.com/qp_userimages/sub-1/862489/AAQ20-NEW-HEADER-75pc.gif</t>
  </si>
  <si>
    <t>https://aep-bill-feedback.questionpro.com/qp_userimages/sub-1/862489/AA-Q24-OLD-SUMMARY2.gif</t>
  </si>
  <si>
    <t>just like the lay out better</t>
  </si>
  <si>
    <t>06/23/2016 16:29:22</t>
  </si>
  <si>
    <t>06/23/2016 16:32:29</t>
  </si>
  <si>
    <t>06/23/2016 16:37:03</t>
  </si>
  <si>
    <t>Looks more professional</t>
  </si>
  <si>
    <t>Understand it more</t>
  </si>
  <si>
    <t>It's the one I'm familiar with</t>
  </si>
  <si>
    <t>06/23/2016 16:37:27</t>
  </si>
  <si>
    <t>Not as cluttered</t>
  </si>
  <si>
    <t>Whatever AEP decides is fine with me.</t>
  </si>
  <si>
    <t>06/23/2016 16:39:03</t>
  </si>
  <si>
    <t>06/23/2016 16:49:24</t>
  </si>
  <si>
    <t>service period, date due</t>
  </si>
  <si>
    <t>easy to read and understand</t>
  </si>
  <si>
    <t>history</t>
  </si>
  <si>
    <t>06/23/2016 16:51:32</t>
  </si>
  <si>
    <t>I feel Rate Billing should not be with Amount Due.  That seems more confusing.  Rate Billing can be elsewhere.</t>
  </si>
  <si>
    <t>Easy to understand.  An easy, quick view of charges.</t>
  </si>
  <si>
    <t>Easier to understand.  I do not care for the graph  design.</t>
  </si>
  <si>
    <t>I like the monthly bill exactly as it is.  I don't see any area for improvement.  I will say another utility company recently revised the monthly bill.  I didn't like it before, I don't like the revision. Not nearly as good as the AEP bill.</t>
  </si>
  <si>
    <t>06/23/2016 16:53:15</t>
  </si>
  <si>
    <t>06/23/2016 16:56:05</t>
  </si>
  <si>
    <t>I don't really care what the bill looks like.</t>
  </si>
  <si>
    <t>Just what I owe!</t>
  </si>
  <si>
    <t>It looks better and I can read it better</t>
  </si>
  <si>
    <t>Because it's colorful!</t>
  </si>
  <si>
    <t>It looks better and understand it better.</t>
  </si>
  <si>
    <t>06/23/2016 16:58:57</t>
  </si>
  <si>
    <t>Everything is fine the way it is.</t>
  </si>
  <si>
    <t>probably the monthly kilowatt usage</t>
  </si>
  <si>
    <t>well there is a lot more useful information that helps, easier to keep track of the account</t>
  </si>
  <si>
    <t>easier to understand, very simplified</t>
  </si>
  <si>
    <t>either way is fine with me</t>
  </si>
  <si>
    <t>06/23/2016 17:07:13</t>
  </si>
  <si>
    <t>If there are increases to any portion I want a brief statement on front of bill why the increase or decrease next to what has changed.</t>
  </si>
  <si>
    <t>We have made changes in our household but difference in bill is small. stop telling me we use so much more electric than everyone else when we have cut off everything we can. we have updated appliances we do not have central air or electric heat. there ar</t>
  </si>
  <si>
    <t>Most of us have no idea what tariff 015 Is. Account number more important and what bill I'm looking at.</t>
  </si>
  <si>
    <t>More info.</t>
  </si>
  <si>
    <t>More info. Need to work to combine both</t>
  </si>
  <si>
    <t>06/23/2016 17:10:03</t>
  </si>
  <si>
    <t>06/23/2016 17:11:41</t>
  </si>
  <si>
    <t>06/23/2016 17:12:53</t>
  </si>
  <si>
    <t>Cleaner</t>
  </si>
  <si>
    <t>Easier to read</t>
  </si>
  <si>
    <t>More detail</t>
  </si>
  <si>
    <t>06/23/2016 17:15:05</t>
  </si>
  <si>
    <t>None not that complicated!</t>
  </si>
  <si>
    <t>Simple and to the point!</t>
  </si>
  <si>
    <t>Don't like either To much figures and totals to prove your point!</t>
  </si>
  <si>
    <t>read my last coment!</t>
  </si>
  <si>
    <t>06/23/2016 17:15:44</t>
  </si>
  <si>
    <t>the information contained on it is pertinent to me. the format is clean and easy  to understand.</t>
  </si>
  <si>
    <t>information is there and easy to see.</t>
  </si>
  <si>
    <t>again... information is there, is easy to comprehend and just simpler. the old format has so much clutter with the information that it is hard to get.</t>
  </si>
  <si>
    <t>aftre seeing the new style choice, I hope you change to it. I am usually against changes like these, but this just seems to be MUCH better.</t>
  </si>
  <si>
    <t>06/23/2016 17:23:40</t>
  </si>
  <si>
    <t>Sometimes the usage over a years time is hard to read, the writing is spotty.</t>
  </si>
  <si>
    <t>Size of print</t>
  </si>
  <si>
    <t>I did not completely understand the wording on the chart.</t>
  </si>
  <si>
    <t>I suppose I'm used to it.</t>
  </si>
  <si>
    <t>Explain exactly what all the extra charges are for, or just print the total owed.</t>
  </si>
  <si>
    <t>06/23/2016 17:24:19</t>
  </si>
  <si>
    <t>Explanation of line items</t>
  </si>
  <si>
    <t>Format takes less effort to read</t>
  </si>
  <si>
    <t>Graph aids comprehension</t>
  </si>
  <si>
    <t>More white space, color and graphs require less effort to read. Additional information could be included on a second page.</t>
  </si>
  <si>
    <t>06/23/2016 17:27:49</t>
  </si>
  <si>
    <t>Amount due and date clearly stated.</t>
  </si>
  <si>
    <t>Easier to see specific dates due</t>
  </si>
  <si>
    <t>06/23/2016 17:40:36</t>
  </si>
  <si>
    <t>06/23/2016 17:46:21</t>
  </si>
  <si>
    <t>the amount due and date it is due is very apparent to me. No question.</t>
  </si>
  <si>
    <t>You get to see the breakdown of the bill.</t>
  </si>
  <si>
    <t>It's not perfect but it looks less cluttered and more streamlined.</t>
  </si>
  <si>
    <t>06/23/2016 17:47:44</t>
  </si>
  <si>
    <t>Contact numbers for billing questions, outages and repairs.</t>
  </si>
  <si>
    <t>More info same space. Colors help to separate the information.</t>
  </si>
  <si>
    <t>More information on one page. Includes contact info too.</t>
  </si>
  <si>
    <t>06/23/2016 18:04:52</t>
  </si>
  <si>
    <t>06/23/2016 18:10:08</t>
  </si>
  <si>
    <t>for the details</t>
  </si>
  <si>
    <t>easier to read each charge</t>
  </si>
  <si>
    <t>like the information</t>
  </si>
  <si>
    <t>no comments</t>
  </si>
  <si>
    <t>06/23/2016 18:13:58</t>
  </si>
  <si>
    <t>06/23/2016 18:18:37</t>
  </si>
  <si>
    <t>Outages</t>
  </si>
  <si>
    <t>Easy</t>
  </si>
  <si>
    <t>06/23/2016 18:23:22</t>
  </si>
  <si>
    <t>It seems jumbled and there is no clear explanation of the different fees.</t>
  </si>
  <si>
    <t>A fee breakdown</t>
  </si>
  <si>
    <t>More concise</t>
  </si>
  <si>
    <t>It gives a visual break down</t>
  </si>
  <si>
    <t>06/23/2016 18:58:09</t>
  </si>
  <si>
    <t>I really don't know of anything else!</t>
  </si>
  <si>
    <t>caught my eye faster</t>
  </si>
  <si>
    <t>gives over all picture of what I'm charged for</t>
  </si>
  <si>
    <t>brighter colors, different color for each charge</t>
  </si>
  <si>
    <t>06/23/2016 19:21:53</t>
  </si>
  <si>
    <t>06/23/2016 19:22:30</t>
  </si>
  <si>
    <t>Easier to read and understand</t>
  </si>
  <si>
    <t>Easier to understand</t>
  </si>
  <si>
    <t>06/23/2016 19:25:11</t>
  </si>
  <si>
    <t>I would rather pay my bill early. I can't do that as it is currently formatted</t>
  </si>
  <si>
    <t>Going green stuff</t>
  </si>
  <si>
    <t>Familiar</t>
  </si>
  <si>
    <t>Explained better</t>
  </si>
  <si>
    <t>Details</t>
  </si>
  <si>
    <t>Make it so I can pay anytime and don't charge me for it</t>
  </si>
  <si>
    <t>06/23/2016 19:25:58</t>
  </si>
  <si>
    <t>YTD KILOWATTS used and YTD total dollar amount</t>
  </si>
  <si>
    <t>Everything I need to know shirt and to the point</t>
  </si>
  <si>
    <t>Basic</t>
  </si>
  <si>
    <t>Other too much print and crowded looking</t>
  </si>
  <si>
    <t>06/23/2016 19:51:33</t>
  </si>
  <si>
    <t>Little hard to understand.</t>
  </si>
  <si>
    <t>06/23/2016 20:09:21</t>
  </si>
  <si>
    <t>06/23/2016 20:09:48</t>
  </si>
  <si>
    <t>Always have to search for due date. Should be larger and one of the first dates I see.</t>
  </si>
  <si>
    <t>No thanks</t>
  </si>
  <si>
    <t>Eyes go right to it. Would prefer day added to date due.</t>
  </si>
  <si>
    <t>Either one.</t>
  </si>
  <si>
    <t>Nothing to add.</t>
  </si>
  <si>
    <t>06/23/2016 20:18:35</t>
  </si>
  <si>
    <t>Not much</t>
  </si>
  <si>
    <t>Easier to read at a glance</t>
  </si>
  <si>
    <t>Easier</t>
  </si>
  <si>
    <t>easier</t>
  </si>
  <si>
    <t>06/23/2016 20:40:08</t>
  </si>
  <si>
    <t>more appealing, clearer</t>
  </si>
  <si>
    <t>interesting breakdown</t>
  </si>
  <si>
    <t>more modern</t>
  </si>
  <si>
    <t>06/23/2016 20:53:29</t>
  </si>
  <si>
    <t>06/23/2016 21:21:15</t>
  </si>
  <si>
    <t>20 to Less than 30 Minutes</t>
  </si>
  <si>
    <t>To expensive for electric. Gas is cheaper.</t>
  </si>
  <si>
    <t>Simpler.</t>
  </si>
  <si>
    <t>No comment.</t>
  </si>
  <si>
    <t>06/23/2016 21:40:31</t>
  </si>
  <si>
    <t>Easier for me to read,  More information</t>
  </si>
  <si>
    <t>Like the chart it explains more</t>
  </si>
  <si>
    <t>Easier for me to understand and nicer looking</t>
  </si>
  <si>
    <t>Short and sweet\
One page bill with needed info</t>
  </si>
  <si>
    <t>06/23/2016 21:44:56</t>
  </si>
  <si>
    <t>06/23/2016 21:57:19</t>
  </si>
  <si>
    <t>I m single mother who a deaf. I frustrate with bills cuz I work part time n budget hard for pay bills n hospital too</t>
  </si>
  <si>
    <t>I don't know I confuse</t>
  </si>
  <si>
    <t>I don't know but it snt help me to understand</t>
  </si>
  <si>
    <t>06/23/2016 22:10:41</t>
  </si>
  <si>
    <t>More visual</t>
  </si>
  <si>
    <t>Simpler to read however, I do still like the first one because it does contain more info.</t>
  </si>
  <si>
    <t>06/23/2016 22:14:49</t>
  </si>
  <si>
    <t>The bill is confusing enough that I have to figure it out each month to compare to the previous month.</t>
  </si>
  <si>
    <t>remove side wording; clean-up format</t>
  </si>
  <si>
    <t>The current electric provider.  The length of contract with that provider.  The rate to compare.  The website to compare providers.  The name of our actual service. (to go to the correct site, we have to pick something besides AEP (don't know it off the t</t>
  </si>
  <si>
    <t>Cleaner format.  Color doesn't matter.</t>
  </si>
  <si>
    <t>easier to look at</t>
  </si>
  <si>
    <t>06/23/2016 22:20:24</t>
  </si>
  <si>
    <t>Contact phone numbers &amp; address for Billing, Outage or Service Inquiries.</t>
  </si>
  <si>
    <t>It's visually harder to find the information. The other bill is much more clean-cut, and the font/color differences and amount of space between categories of information make them much easier to see.</t>
  </si>
  <si>
    <t>Easier to find information at a glance: font size differences, color &amp; spacing</t>
  </si>
  <si>
    <t>Easy to read &amp; understand at a glance</t>
  </si>
  <si>
    <t>Much easier to find info quickly; not overwhelming to the eyes.</t>
  </si>
  <si>
    <t>06/23/2016 22:20:54</t>
  </si>
  <si>
    <t>Mycheckfree</t>
  </si>
  <si>
    <t>Not sure</t>
  </si>
  <si>
    <t>06/23/2016 22:47:34</t>
  </si>
  <si>
    <t>This one gives more information with account, due date, and record of payment date and amount paid the previous month.</t>
  </si>
  <si>
    <t>The circle chart  gives more information regarding how the total due is proven.</t>
  </si>
  <si>
    <t>Appears to be possibly just one page.</t>
  </si>
  <si>
    <t>I am sure you will make the correct decision to best serve the customers.</t>
  </si>
  <si>
    <t>06/23/2016 23:33:25</t>
  </si>
  <si>
    <t>To hard to figure out what your current  balance is. I am on the budget.</t>
  </si>
  <si>
    <t>06/24/2016 00:03:05</t>
  </si>
  <si>
    <t>I would like to see peek usage charges with a time stamp. 
  Seems like the more I do to my home, led bulbs energy efficient appliances etc. the bill stays the same or increased slightly.
   If I could spot a high usage at a certain time perhaps I coul</t>
  </si>
  <si>
    <t>Keep it simple, clean and very easy to read.</t>
  </si>
  <si>
    <t>Graph with peak and usage details and time stamp for the month billed. This would allow me to better understand my usage.</t>
  </si>
  <si>
    <t>The top choice does not show the tarrif code.</t>
  </si>
  <si>
    <t>I really like the graph but there's not enough information provided to figure my bill for myself.</t>
  </si>
  <si>
    <t>I realize now I like more information. The top one doesn't have near the information as the bottom.</t>
  </si>
  <si>
    <t>With your questioner I believe unless your going to add information you should just leave it alone.
   By changing the bill and adding color you will charge the customer more. In today's economy we shouldn't waste money.
   Also I think it's sad when I</t>
  </si>
  <si>
    <t>06/24/2016 00:40:36</t>
  </si>
  <si>
    <t>it seems to have all the info that i need--i don't know what other information that would be needed</t>
  </si>
  <si>
    <t>previous reading--current useage-estimate or actual reading</t>
  </si>
  <si>
    <t>shows amount due by date,service date compare useage for last year</t>
  </si>
  <si>
    <t>shows how bill is divided for each devision</t>
  </si>
  <si>
    <t>am more familiar and i hate changes</t>
  </si>
  <si>
    <t>06/24/2016 00:53:45</t>
  </si>
  <si>
    <t>A bit confusing when come to bill matrix it makes it difficult to make an payment</t>
  </si>
  <si>
    <t>06/24/2016 00:54:08</t>
  </si>
  <si>
    <t>It lets you know how much of your money and where it goes</t>
  </si>
  <si>
    <t>It is a little better to understand some customers may not fully understand more writing and graphs help to show here  what and where the money is going.</t>
  </si>
  <si>
    <t>I find that I read my meter and my lifestyle as single and usage very minimal due to non use is higher than what I should pay.  I don't use A/C  I turn my water heater off,at the breaker, using it twice a week.  I think that this should be taken into cons</t>
  </si>
  <si>
    <t>06/24/2016 02:07:12</t>
  </si>
  <si>
    <t>06/24/2016 03:33:34</t>
  </si>
  <si>
    <t>Currently I'm OK with design</t>
  </si>
  <si>
    <t>Most pertinent information at a glance. easy to see it's AEP</t>
  </si>
  <si>
    <t>Other option seems crowded and over supplied with not needed info</t>
  </si>
  <si>
    <t>I'm OK with current as it suits my needs</t>
  </si>
  <si>
    <t>06/24/2016 04:53:51</t>
  </si>
  <si>
    <t>More compact</t>
  </si>
  <si>
    <t>06/24/2016 06:11:18</t>
  </si>
  <si>
    <t>I find the different charges sometimes confusing.  Years ago we used to be charged just a flat rate that was easy to read now we have transmission fees and other type fees that are difficult to understand what they are for.</t>
  </si>
  <si>
    <t>Rate per kwt</t>
  </si>
  <si>
    <t>Too confusing to read.  I don't get a gas bill my home is total electric, but my water bill is very simple.</t>
  </si>
  <si>
    <t>Easier to read.  I am old, eyesight failing.</t>
  </si>
  <si>
    <t>The other one is confusing.</t>
  </si>
  <si>
    <t>I actually did not like either one, I picked the lesser of the two evils.</t>
  </si>
  <si>
    <t>06/24/2016 06:24:33</t>
  </si>
  <si>
    <t>Pay via on-line checking</t>
  </si>
  <si>
    <t>Larger print and not squished together</t>
  </si>
  <si>
    <t>View is less cluttered</t>
  </si>
  <si>
    <t>Less clutter</t>
  </si>
  <si>
    <t>06/24/2016 06:55:48</t>
  </si>
  <si>
    <t>Provide a Senior discount.  Show how my usage compares to other customers in my area.</t>
  </si>
  <si>
    <t>??</t>
  </si>
  <si>
    <t>I want to see the account number.</t>
  </si>
  <si>
    <t>The circle has information I'm not concerned with.</t>
  </si>
  <si>
    <t>I want to see numbers, not pictures.</t>
  </si>
  <si>
    <t>Give a percentage relative to the source of power generation.  Like xx% coal generated;xx% natural gas generated; xx% nuclear generated; solar and wind.</t>
  </si>
  <si>
    <t>06/24/2016 07:16:58</t>
  </si>
  <si>
    <t>The amount due, the most important piece of information for me, stands out.  It's very obvious.</t>
  </si>
  <si>
    <t>Quick, easy summary.  Provides me a little extra information besides the amount due.</t>
  </si>
  <si>
    <t>Easier to understand.  Not so much clutter.</t>
  </si>
  <si>
    <t>06/24/2016 07:17:22</t>
  </si>
  <si>
    <t>I'm not really satisfied nor dissatisfied.  I don't have any problems reading the bill, but the visuals are pretty much 'meh'</t>
  </si>
  <si>
    <t>How much energy comes from renewable resources.</t>
  </si>
  <si>
    <t>Better look</t>
  </si>
  <si>
    <t>Helps explain charges better so I know what I'm paying for.</t>
  </si>
  <si>
    <t>Same info is covered in a visually concise way.  If I want the numbers, I should be able to see them from my online account</t>
  </si>
  <si>
    <t>06/24/2016 07:26:27</t>
  </si>
  <si>
    <t>Bill Matrix not user friendly to hard to process on mobile device</t>
  </si>
  <si>
    <t>Mailing Adress</t>
  </si>
  <si>
    <t>Power outage</t>
  </si>
  <si>
    <t>Expensive and it still keep rising on the comsumer</t>
  </si>
  <si>
    <t>Added color and amount due is in bold print</t>
  </si>
  <si>
    <t>The color graph and in bold print</t>
  </si>
  <si>
    <t>Color and the bold print in the graph</t>
  </si>
  <si>
    <t>Adding color for elderly clients and bold print will help the Customer identify item on the page Bill matrix should be more convenient for customer it doesn't store account information it should auto matic populate in the proper fields to submit payment</t>
  </si>
  <si>
    <t>06/24/2016 08:39:52</t>
  </si>
  <si>
    <t>Would like to see a graph showing the usage of electric for more than just a year--maybe two. Also some explanation of what all the terms and charges are would help.</t>
  </si>
  <si>
    <t>Easier to read, more attractive.</t>
  </si>
  <si>
    <t>Breakdown is easier to see, and more colorful.</t>
  </si>
  <si>
    <t>Cleaner overall look.</t>
  </si>
  <si>
    <t>06/24/2016 08:42:16</t>
  </si>
  <si>
    <t>06/24/2016 08:51:16</t>
  </si>
  <si>
    <t>06/24/2016 08:54:43</t>
  </si>
  <si>
    <t>06/24/2016 09:30:21</t>
  </si>
  <si>
    <t>06/24/2016 10:12:39</t>
  </si>
  <si>
    <t>Nothing else.</t>
  </si>
  <si>
    <t>06/24/2016 10:57:31</t>
  </si>
  <si>
    <t>Gives all the info I'd like to see in a glance</t>
  </si>
  <si>
    <t>Gives more information</t>
  </si>
  <si>
    <t>Looks cleaner, not as jumbled</t>
  </si>
  <si>
    <t>06/24/2016 11:05:38</t>
  </si>
  <si>
    <t>cause</t>
  </si>
  <si>
    <t>06/24/2016 12:01:23</t>
  </si>
  <si>
    <t>Show auto deduction from bank account as an 'auto' pay</t>
  </si>
  <si>
    <t>The background color makes, for me, the information stand out AND the additional information is important.</t>
  </si>
  <si>
    <t>Do not like the design of the one I picked, but the information is more important than the design.</t>
  </si>
  <si>
    <t>Appears less cluttered, even though I would like to see some background and display changes AND is the definite choice, when only given two options.</t>
  </si>
  <si>
    <t>06/24/2016 12:20:23</t>
  </si>
  <si>
    <t>none</t>
  </si>
  <si>
    <t>06/24/2016 12:26:35</t>
  </si>
  <si>
    <t>06/24/2016 12:26:51</t>
  </si>
  <si>
    <t>06/24/2016 12:43:39</t>
  </si>
  <si>
    <t>Just Mailor email every month</t>
  </si>
  <si>
    <t>06/24/2016 12:56:26</t>
  </si>
  <si>
    <t>bill is ok as is</t>
  </si>
  <si>
    <t>No comment on above.  All are useful info.</t>
  </si>
  <si>
    <t>06/24/2016 13:13:38</t>
  </si>
  <si>
    <t>06/24/2016 13:29:32</t>
  </si>
  <si>
    <t>Too many small pages, the many charges are not clearly explained</t>
  </si>
  <si>
    <t>don't understand 'tariff015' 'rate billing'</t>
  </si>
  <si>
    <t>easier to make comparisons from month to month</t>
  </si>
  <si>
    <t>graphics</t>
  </si>
  <si>
    <t>06/24/2016 14:38:33</t>
  </si>
  <si>
    <t>Money Order</t>
  </si>
  <si>
    <t>I like the look of it, and there's more information.</t>
  </si>
  <si>
    <t>I like the different colors that shows what each section is for and the cost.</t>
  </si>
  <si>
    <t>Looks better and easier to read and understand.</t>
  </si>
  <si>
    <t>06/24/2016 14:44:53</t>
  </si>
  <si>
    <t>The amount due and when it is due is more readily noticed and clear.</t>
  </si>
  <si>
    <t>The breakdown of charges is more visually pleasing and also more clearly stated.</t>
  </si>
  <si>
    <t>It is more clear</t>
  </si>
  <si>
    <t>06/24/2016 15:00:30</t>
  </si>
  <si>
    <t>hard to find due date,   hard to read the breakdown of each thing billed for</t>
  </si>
  <si>
    <t>The layout doesn't allow me to look at it quickly and find the due date and the amount.</t>
  </si>
  <si>
    <t>I can find the pertinent information very quickly</t>
  </si>
  <si>
    <t>Much easier to see the information and use it.</t>
  </si>
  <si>
    <t>Easier to find the amount and the due date... and the breakdown of the charges is clearer also.</t>
  </si>
  <si>
    <t>Just highlight the amount and due date first,,,,,</t>
  </si>
  <si>
    <t>06/24/2016 16:53:23</t>
  </si>
  <si>
    <t>only received one bill so far. Just started with online bill pay</t>
  </si>
  <si>
    <t>06/24/2016 19:30:59</t>
  </si>
  <si>
    <t>I changed to one of those other companies that can supply electricity through you and still get a AEP bill.  I couldn't figure it out.  It seemed as if my bill went up.  
I think you should offer something to hold your customers and let's drop the othe</t>
  </si>
  <si>
    <t>Any offers that might save us money.</t>
  </si>
  <si>
    <t>A lot more information, but not easily understood.</t>
  </si>
  <si>
    <t>Larger, easy to read and then I will look for an explanation of how you reached that amount.</t>
  </si>
  <si>
    <t>I like that but i want to know what are those fees and riders and where they came from and what they will be used for.</t>
  </si>
  <si>
    <t>Easier to read.  Still want to know other fees</t>
  </si>
  <si>
    <t>I would like to see what and why we are billed for anything besides electricity.  Who should we contact to have it taken off our bill.  I would like to know where they come from.</t>
  </si>
  <si>
    <t>06/24/2016 19:39:01</t>
  </si>
  <si>
    <t>I never understand how my bill get to be so high</t>
  </si>
  <si>
    <t>06/24/2016 21:43:52</t>
  </si>
  <si>
    <t>all</t>
  </si>
  <si>
    <t>looks better</t>
  </si>
  <si>
    <t>under stand better</t>
  </si>
  <si>
    <t>I like it better</t>
  </si>
  <si>
    <t>Don't know</t>
  </si>
  <si>
    <t>06/24/2016 23:38:50</t>
  </si>
  <si>
    <t>It's more noticeable short and not a bunch of things most people just look over if the really read it</t>
  </si>
  <si>
    <t>Stands out</t>
  </si>
  <si>
    <t>Eye catching</t>
  </si>
  <si>
    <t>I believe that aep will advance like other companies</t>
  </si>
  <si>
    <t>06/25/2016 07:04:57</t>
  </si>
  <si>
    <t>06/25/2016 07:32:10</t>
  </si>
  <si>
    <t>ID like to see more detail in the preview/summary.</t>
  </si>
  <si>
    <t>Text only is succinct.</t>
  </si>
  <si>
    <t>Less text. But it is still not optimal legibility.</t>
  </si>
  <si>
    <t>Summary in large print of amount due and date due, and budget vs. 'Budget Arrears, difference. color Gradations can enhance legibility.</t>
  </si>
  <si>
    <t>06/25/2016 09:28:18</t>
  </si>
  <si>
    <t>It's a bill. I look for what I owe then pay it.</t>
  </si>
  <si>
    <t>06/25/2016 11:05:44</t>
  </si>
  <si>
    <t>No other types.</t>
  </si>
  <si>
    <t>Shows the charges better.</t>
  </si>
  <si>
    <t>Simpler to read</t>
  </si>
  <si>
    <t>Simpler to read.</t>
  </si>
  <si>
    <t>Keep it simple and easy to read. The amount due is the most important thing on the page so it should be larger. Also the due date should be the second most important thing.</t>
  </si>
  <si>
    <t>06/25/2016 11:32:29</t>
  </si>
  <si>
    <t>nothing to get excited about</t>
  </si>
  <si>
    <t>06/25/2016 13:06:23</t>
  </si>
  <si>
    <t>Simpler to understand; clear and direct to the point.</t>
  </si>
  <si>
    <t>Graphics representation is easier to understand.</t>
  </si>
  <si>
    <t>06/25/2016 14:04:21</t>
  </si>
  <si>
    <t>EASIER READ</t>
  </si>
  <si>
    <t>EASIER READ, MORE INFORMATION</t>
  </si>
  <si>
    <t>06/25/2016 18:57:46</t>
  </si>
  <si>
    <t>06/25/2016 19:08:42</t>
  </si>
  <si>
    <t>mycheckfree</t>
  </si>
  <si>
    <t>06/25/2016 21:16:03</t>
  </si>
  <si>
    <t>My eyes were drawn to the most important part of the bill the amount due and the due date.</t>
  </si>
  <si>
    <t>The picture doesn't make sense to me and is unimportant to me. I don't want my eyes to be drawn to something that is unimportant to me. I want to read my bill quickly seeing the amount due and the due date. If I have time or feel interested then I will re</t>
  </si>
  <si>
    <t>I like the top part of the bill and the bottom with the graph. I don't like the circle graph in the middle. If the graph in the middle is included on the new bill I would prefer the old/current bill format.</t>
  </si>
  <si>
    <t>I only glance at my bill looking for the due date and amount due. If the bill is not the normal amount I will read more details. I do like to see a month to month comparison of my rates up to the same month of the previous year, to compare my usage. I wan</t>
  </si>
  <si>
    <t>06/26/2016 11:13:38</t>
  </si>
  <si>
    <t>Too much clutter.</t>
  </si>
  <si>
    <t>06/26/2016 15:20:08</t>
  </si>
  <si>
    <t>Easier to read and get information from a glance.</t>
  </si>
  <si>
    <t>I like being able to see the breakdown of the charges.</t>
  </si>
  <si>
    <t>Less cluttered and easier to read.</t>
  </si>
  <si>
    <t>06/26/2016 17:55:43</t>
  </si>
  <si>
    <t>online with Checkfree</t>
  </si>
  <si>
    <t>A key or some other explanation of what the symbols or abbreviations mean.  When I had an unusually high bill I had to call and have a customer service representative explain it to me.</t>
  </si>
  <si>
    <t>It's easier to read and the amount and date due are prominent.</t>
  </si>
  <si>
    <t>gives me more information.  An explanation of what riders and fees, and transmission charges are would be great too.</t>
  </si>
  <si>
    <t>The image on the left was too small for me to read.  The image on the right is also small but the contrast is sharper, plus I am already familiar with the format.  For your older customers, and/or vision impaired customers, this is important.</t>
  </si>
  <si>
    <t>I think the bills are fine as they are.  I don't see any reason to change.</t>
  </si>
  <si>
    <t>06/26/2016 23:24:49</t>
  </si>
  <si>
    <t>I would like to receive a paper bill and be able to pay electronically</t>
  </si>
  <si>
    <t>Clear and big message of the important information about the payment
Logo and color</t>
  </si>
  <si>
    <t>Specifies what were the charges</t>
  </si>
  <si>
    <t>Presentation</t>
  </si>
  <si>
    <t>It should be an option to receive the printed bills and be able to pay electronically</t>
  </si>
  <si>
    <t>06/27/2016 08:18:16</t>
  </si>
  <si>
    <t>Confusing.
The way it is divided up is confusing.</t>
  </si>
  <si>
    <t>Confusing to read and understand the division of AEP charges and other supplier charges.</t>
  </si>
  <si>
    <t>06/27/2016 10:16:46</t>
  </si>
  <si>
    <t>06/27/2016 10:51:03</t>
  </si>
  <si>
    <t>easier to see</t>
  </si>
  <si>
    <t>06/27/2016 12:49:43</t>
  </si>
  <si>
    <t>06/27/2016 15:56:54</t>
  </si>
  <si>
    <t>It is hard to understand why there are so many seperate charges that accumulate to one total.</t>
  </si>
  <si>
    <t>MUCH easier to understand.</t>
  </si>
  <si>
    <t>Easier to follow. Too much information printed in plain block form on thecurrent option.</t>
  </si>
  <si>
    <t>Glad you are looking to improve the bill! It is hard to follow in current state.</t>
  </si>
  <si>
    <t>06/28/2016 10:49:38</t>
  </si>
  <si>
    <t>06/28/2016 15:52:29</t>
  </si>
  <si>
    <t>06/28/2016 20:12:53</t>
  </si>
  <si>
    <t>had more information</t>
  </si>
  <si>
    <t>tells me more information</t>
  </si>
  <si>
    <t>has more information</t>
  </si>
  <si>
    <t>06/28/2016 21:11:47</t>
  </si>
  <si>
    <t>06/28/2016 21:28:36</t>
  </si>
  <si>
    <t>The color set up makes the amount due and date due more obviouos</t>
  </si>
  <si>
    <t>let's you visually see the percentage for each type of usage</t>
  </si>
  <si>
    <t>Easier to see and understand.  a lot less clutter</t>
  </si>
  <si>
    <t>06/29/2016 15:50:24</t>
  </si>
  <si>
    <t>Return envelopes</t>
  </si>
  <si>
    <t>Notify of PIPP reapplication</t>
  </si>
  <si>
    <t>06/29/2016 17:18:40</t>
  </si>
  <si>
    <t>06/29/2016 17:53:50</t>
  </si>
  <si>
    <t>More informative at a glance</t>
  </si>
  <si>
    <t>Much easier to read without clutter</t>
  </si>
  <si>
    <t>06/29/2016 21:03:28</t>
  </si>
  <si>
    <t>Easier to find amount due</t>
  </si>
  <si>
    <t>06/30/2016 21:50:57</t>
  </si>
  <si>
    <t>Easier to see...i like color</t>
  </si>
  <si>
    <t>I'm a visual person so I like the color</t>
  </si>
  <si>
    <t>Don't really have a preference here</t>
  </si>
  <si>
    <t>07/01/2016 01:56:11</t>
  </si>
  <si>
    <t>Two things.
1. After an in-home meeting with Debbie Mathew about frequent discrepancies in meter reading due to lazy or inept meter readers (my particular misread meter reading was DOUBLE what it should have been) ! Luckily, having previously caught me</t>
  </si>
  <si>
    <t>Please see previous question.</t>
  </si>
  <si>
    <t>Due to the complexities of choice of provider and a CLEAR and concise layout of what charges are what.
* Full Disclosure *
I used to work for Mid-Ohio Regional Planning Commission as a Weatherization Inspector.</t>
  </si>
  <si>
    <t>The entire portion of the first page of the bill, containing information on Previous Charges, Current AEP Ohio Charges and etcetera down to the bottom of Page 1, needs complete a re-thinking to enable your customer to easily understand their bill.</t>
  </si>
  <si>
    <t>Less confusing...even to a 2nd grader, who cares not a wit about 'Tariff 015'.</t>
  </si>
  <si>
    <t>Ibid previous question.</t>
  </si>
  <si>
    <t>Ibid previous two questions...for most customers. My own preference though, the L. one, though 'cleaned up' with less useless information not needed by average &gt; above average consumer.</t>
  </si>
  <si>
    <t>Have Debbie Mathew do it. She loves her job.</t>
  </si>
  <si>
    <t>07/02/2016 09:21:06</t>
  </si>
  <si>
    <t>Harder to read, not as straight forward.</t>
  </si>
  <si>
    <t>It shows account number, service period and precious amount paid.</t>
  </si>
  <si>
    <t>Breaks down the charges in a graph to visually see what charges are.</t>
  </si>
  <si>
    <t>Graphs make it easier to read and find info.</t>
  </si>
  <si>
    <t>07/03/2016 06:56:35</t>
  </si>
  <si>
    <t>07/03/2016 07:01:40</t>
  </si>
  <si>
    <t>The separation of charges is confusing.</t>
  </si>
  <si>
    <t>07/05/2016 02:10:39</t>
  </si>
  <si>
    <t>07/05/2016 19:53:03</t>
  </si>
  <si>
    <t>Let me start off by saying that I work for Columbia Gas of Ohio (Nisource) on their bill format team. I am responsible for the technical maintenance and improvement of their bill. Two months ago, my team completed the redesign of their bill. It was a very</t>
  </si>
  <si>
    <t>Boxes around the different sections</t>
  </si>
  <si>
    <t>Arrearage amount/fees, if any, usage breakdowns, definitions of line items. The price-to-compare price should also be more prominent.</t>
  </si>
  <si>
    <t>A dedicated 'Contact Us' section with all types of contact info</t>
  </si>
  <si>
    <t>It's more user friendly, easier to read, and has more information presented.</t>
  </si>
  <si>
    <t>Honestly, these two aren't presenting the same information. One is showing a breakdown of what's included in the rate, with a pie chart no less, and the other is just giving the rate information. Obviously the pie chart is better, but honestly I'd rather</t>
  </si>
  <si>
    <t>Seeing as 90% of the information is taken off the new format, I would rather have the information that is on the old bill. Keep the same information, just arrange it differently. I know the new format is just a mockup, but it looks to be missing A LOT of</t>
  </si>
  <si>
    <t>Two months ago, my team finished the redesign of the Columbia Gas of Ohio (Nisource) bill. It took a lot of work, a project that I personally spent 2,500+ hours on. I know how much work is being put into your project.
I work for a company called HMB In</t>
  </si>
  <si>
    <t>07/06/2016 08:16:06</t>
  </si>
  <si>
    <t>07/06/2016 16:28:04</t>
  </si>
  <si>
    <t>07/07/2016 13:39:02</t>
  </si>
  <si>
    <t>More usage history.  We moved into the house in October and can only see the usage dating back that far.  It would be nice to know what the usage was dating back at least a couple of years.
Thank you.</t>
  </si>
  <si>
    <t>More detailed info, the most important is larger and easier to find.</t>
  </si>
  <si>
    <t>I like the detail.  The graph gives a nice visual of the specifics of charges.</t>
  </si>
  <si>
    <t>Definitely need a combo of the two type of bills.  Because visually the one on the left is better with the graphs and pertinent info being more prominently displayed.  But I also like the details offered on the right side bill.  I would choose details ove</t>
  </si>
  <si>
    <t>07/07/2016 15:56:18</t>
  </si>
  <si>
    <t>running balance</t>
  </si>
  <si>
    <t>more info</t>
  </si>
  <si>
    <t>better description</t>
  </si>
  <si>
    <t>07/08/2016 13:38:59</t>
  </si>
  <si>
    <t>Concise information</t>
  </si>
  <si>
    <t>better breakdown</t>
  </si>
  <si>
    <t>reading ease</t>
  </si>
  <si>
    <t>choice of a due date</t>
  </si>
  <si>
    <t>07/08/2016 15:55:25</t>
  </si>
  <si>
    <t>I like it shows rate billing.</t>
  </si>
  <si>
    <t>Don't like graphs.</t>
  </si>
  <si>
    <t>07/13/2016 12:15:08</t>
  </si>
  <si>
    <t>Easier to determine what bill total is and when it's due</t>
  </si>
  <si>
    <t>More visually appealing</t>
  </si>
  <si>
    <t>visually appealing</t>
  </si>
  <si>
    <t>07/14/2016 17:43:21</t>
  </si>
  <si>
    <t>WHY AM I USING SO MY ELECTRIC WHEN I HARDLY HAVE LIGHTS ON OR OTHER ELECTRICAL APPLIANCES. YES I UNDERSTAND REFRIGERATOR , AIR CONDITION, ETC. BUT I USE VERY LITTLE LIGHTS AT NIGHT. OKAY, YES ELECTRIC STOVE. GIVE THE SENIOR CITIZENS A BREAK!!!</t>
  </si>
  <si>
    <t>JUST LIKE THE HEADING AND IT IS BOLD.</t>
  </si>
  <si>
    <t>DON'T LIKE THE CIRCLE, JUST GIVE ME THE CHARGES IN A DETAILED SUMMATION.</t>
  </si>
  <si>
    <t>I THINK I CAN READ IT BETTER.</t>
  </si>
  <si>
    <t>NO COMMENTS! JUST TRY TO IMPROVE.</t>
  </si>
  <si>
    <t>07/15/2016 19:18:48</t>
  </si>
  <si>
    <t>07/18/2016 12:45:06</t>
  </si>
  <si>
    <t>too much detail does not focus enough on the payment due, current bill information is difficult to find; phone number for AEP is difficult to locate as well</t>
  </si>
  <si>
    <t>Leave out all extraneous data, just give my my current and past dur charges if any</t>
  </si>
  <si>
    <t>Total amount due, grace period if any, and the above 3</t>
  </si>
  <si>
    <t>too small, difficult to read, too much information that is not relevant to me</t>
  </si>
  <si>
    <t>The amount due stands out, it is bigger type and easy to read; the blue coloring also helps make it stand out</t>
  </si>
  <si>
    <t>I am a picture person, viewing things graphically makes it much easier to understand; I will remember it better</t>
  </si>
  <si>
    <t>easier to read and understand; the first one has too many boxes, not sure where to focus my eyes, the bar codes are distracting. I also like the bar chart in color it is easy to understand my usage history when it is in color</t>
  </si>
  <si>
    <t>I like the fact that you are looking at making changes.  Being aggressive about changing your presence in the industry shows you are customer focused and interested in making changes that keep the customers involved.</t>
  </si>
  <si>
    <t>06/23/2016 14:02:16</t>
  </si>
  <si>
    <t>Appalachian Power</t>
  </si>
  <si>
    <t>It says the amount once, on the other it says it twice and looks like two charges.</t>
  </si>
  <si>
    <t>More information.</t>
  </si>
  <si>
    <t>Simpler but both are good.</t>
  </si>
  <si>
    <t>Simplicity is key.  Don't over complicate stuff like the government does.  That leads to chaos.</t>
  </si>
  <si>
    <t>06/23/2016 14:02:26</t>
  </si>
  <si>
    <t>Too many extra papers included. It should be smaller and easier to read and on a small card that you tear the bottom off and remit payment.</t>
  </si>
  <si>
    <t>I don't need to know what I paid last time because I have a record of it. All I need to know is what I owe and when. Simplify.</t>
  </si>
  <si>
    <t>I like simple and easy and the first one is messy.</t>
  </si>
  <si>
    <t>06/23/2016 14:03:14</t>
  </si>
  <si>
    <t>nothing</t>
  </si>
  <si>
    <t>same reasons as before</t>
  </si>
  <si>
    <t>06/23/2016 14:03:31</t>
  </si>
  <si>
    <t>06/23/2016 14:03:33</t>
  </si>
  <si>
    <t>Clear, concise.  Easy to read.</t>
  </si>
  <si>
    <t>visual breakdown of charges</t>
  </si>
  <si>
    <t>Not cluttered.  Visually easy to follow.</t>
  </si>
  <si>
    <t>06/23/2016 14:04:10</t>
  </si>
  <si>
    <t>Easy to understand</t>
  </si>
  <si>
    <t>Neither one really explains charges</t>
  </si>
  <si>
    <t>Explain charges more clearly on bill</t>
  </si>
  <si>
    <t>clarity</t>
  </si>
  <si>
    <t>clear</t>
  </si>
  <si>
    <t>06/23/2016 14:05:33</t>
  </si>
  <si>
    <t>cost per kwh is not clearly stated. I use a Kill-a-Watt to monitor appliances and need to know my exact cost per kwh.
It states 'capacity charge @ xxxx per kwh' and 'fuel adj' and 'DSM adj' (whatever that is) but no where do I see a SIMPLE statement of w</t>
  </si>
  <si>
    <t>simple words consumers can understand</t>
  </si>
  <si>
    <t>SIMPLE statement of my total (inclusive of all gabbletygook) cost per kwh.</t>
  </si>
  <si>
    <t>The charges are too complicated.
YOU work in this field and so YOU know what all those terms refer to.
But put yourself into the place of someone who is unfamiliar with the terms, but who wants to understand. Even an online glossary would be helpful.</t>
  </si>
  <si>
    <t>There is next to no real information on the second one.</t>
  </si>
  <si>
    <t>Well, it has more information.
BUT_ WTF is 'Generation' and 'Transmission' - I know in general, but and how do those factors play into my price per kwh???</t>
  </si>
  <si>
    <t>There is nothing wrong with plain words- we don't need fancy graphs.
It's the information listed, not pretty presentation that concerns me.
I know everyone feels a need to update everything nowadays but it is not necessary unless it enhances the info.</t>
  </si>
  <si>
    <t>Use layperson words or include a glossary, or at least a link to one.</t>
  </si>
  <si>
    <t>06/23/2016 14:05:46</t>
  </si>
  <si>
    <t>06/23/2016 14:06:07</t>
  </si>
  <si>
    <t>Better explination of charges.</t>
  </si>
  <si>
    <t>Separated charges without a good description.</t>
  </si>
  <si>
    <t>06/23/2016 14:06:40</t>
  </si>
  <si>
    <t>Not really less satisfied but what's the option.  Most important part is looking at the history. I want to know what it was in prior periods.</t>
  </si>
  <si>
    <t>Easier to read as to amount due.</t>
  </si>
  <si>
    <t>Information on the breakdown of amount due is interesting.  The total due is still easy to pick out.</t>
  </si>
  <si>
    <t>The top one is less cluttered and the usage history stands out more.</t>
  </si>
  <si>
    <t>Simple and less cluttered makes it stand out better.</t>
  </si>
  <si>
    <t>06/23/2016 14:09:12</t>
  </si>
  <si>
    <t>I am not less than satisfied. My bill is fine but I don't know how it could be made better.  I am not interested in online paying nor am I interested in automatic bank  deduction.</t>
  </si>
  <si>
    <t>Like it better</t>
  </si>
  <si>
    <t>06/23/2016 14:09:45</t>
  </si>
  <si>
    <t>06/23/2016 14:09:51</t>
  </si>
  <si>
    <t>06/23/2016 14:10:59</t>
  </si>
  <si>
    <t>Make the bill bigger so people can read it easier and also so that it does not look so clustered.</t>
  </si>
  <si>
    <t>Because I can easily see my amount due and the date. As well as my account number is on one line.</t>
  </si>
  <si>
    <t>Because it is easily read.</t>
  </si>
  <si>
    <t>The print appears longer as well as easily read.</t>
  </si>
  <si>
    <t>06/23/2016 14:11:32</t>
  </si>
  <si>
    <t>Clearly. Less confusing. More relevant information (amount due, date due, relevant billing period, previous amount) at a glance.</t>
  </si>
  <si>
    <t>2nd/text option is repetitive and confusing. It does not explain what the charges are (billing period or what all the charges are).</t>
  </si>
  <si>
    <t>While the old format is more confusing, it provides more data. 
New version is too simple and seems like a waste of paper (if printed).</t>
  </si>
  <si>
    <t>Pie chart of all charges would be nice to add to the current invoice.
Clearer identification of what billing period an invoice is for, amount due, date due is essential.
Previous amount due/paid and date paid is also nice to get a quick idea of power us</t>
  </si>
  <si>
    <t>06/23/2016 14:11:52</t>
  </si>
  <si>
    <t>I would like to see the total amount due and immediately below that the due date in large, bold font at the top of the bill.  I do not like having to go below the fold of the bill to find the due date, having to be careful not to confuse it with the bill</t>
  </si>
  <si>
    <t>I'd like to see heating / cooling degree days associated with the 13 month usage history, but understand that may introduce more complexity than desired.</t>
  </si>
  <si>
    <t>The selected option has exactly what I said I wanted earlier in the survey; amount due and date due at the top and in bold.</t>
  </si>
  <si>
    <t>I don't really have to have a picture, but the second option doesn't give the same information, i.e. no breakdown.</t>
  </si>
  <si>
    <t>It has what I normally look at in plain sight.  Supporting information should be on the next page.</t>
  </si>
  <si>
    <t>AEP saves money if I accept electronic billing rather than paper, though for me it's less convenient.  I would be willing to go electronic if AEP would share that savings, even if it's only half of actual postage / printing costs credited to the bill.  On</t>
  </si>
  <si>
    <t>06/23/2016 14:12:35</t>
  </si>
  <si>
    <t>Easy to read and understand</t>
  </si>
  <si>
    <t>Modern design</t>
  </si>
  <si>
    <t>Actually, they are fine the way they are, but really don't need two pages.</t>
  </si>
  <si>
    <t>06/23/2016 14:13:09</t>
  </si>
  <si>
    <t>06/23/2016 14:13:53</t>
  </si>
  <si>
    <t>Discount programs or assistance programs.</t>
  </si>
  <si>
    <t>Color,larger font.</t>
  </si>
  <si>
    <t>Color helps separate sections to make it easier to read</t>
  </si>
  <si>
    <t>Different colors</t>
  </si>
  <si>
    <t>06/23/2016 14:14:53</t>
  </si>
  <si>
    <t>color background stands out</t>
  </si>
  <si>
    <t>chart/colors</t>
  </si>
  <si>
    <t>used to it</t>
  </si>
  <si>
    <t>06/23/2016 14:15:19</t>
  </si>
  <si>
    <t>more information  \like account n umber included</t>
  </si>
  <si>
    <t>Date is important</t>
  </si>
  <si>
    <t>Graphic display is easier/faster to understand</t>
  </si>
  <si>
    <t>06/23/2016 14:16:17</t>
  </si>
  <si>
    <t>06/23/2016 14:16:55</t>
  </si>
  <si>
    <t>The current cost for the amount used needs to easier to find on the bill.</t>
  </si>
  <si>
    <t>Date the amount will be deducted from the bank account.</t>
  </si>
  <si>
    <t>Amount due was clear and the colors make it more readable. For electronic payments, just add when it will be deducted from the account in place of the due by date.</t>
  </si>
  <si>
    <t>Really don't like either one. I could do better than either one of these.</t>
  </si>
  <si>
    <t>It is more clear and the colors are more readable. But change the silly circle.</t>
  </si>
  <si>
    <t>Use a bar graph instead of a circle and use colors.</t>
  </si>
  <si>
    <t>06/23/2016 14:17:55</t>
  </si>
  <si>
    <t>LOOKS NICER</t>
  </si>
  <si>
    <t>EASIER TO UNDERSTAND ESPECIALLY IF YOU ARE OLDER</t>
  </si>
  <si>
    <t>06/23/2016 14:18:13</t>
  </si>
  <si>
    <t>Amount due and due date is more seeable.</t>
  </si>
  <si>
    <t>Too much revealing of pointless data, but allows the overall payment to be seen quickly.</t>
  </si>
  <si>
    <t>Graphics are easier to read.</t>
  </si>
  <si>
    <t>06/23/2016 14:18:29</t>
  </si>
  <si>
    <t>06/23/2016 14:18:32</t>
  </si>
  <si>
    <t>Keep it short, clear, and working with just text (no images)</t>
  </si>
  <si>
    <t>It displays the important information (amount due, due date) more clearly and also provides more useful information (service period, last payment amount, account number)</t>
  </si>
  <si>
    <t>This is a bad question: the bottom option doesn't present ANY of the same information (okay, it shares one number).  The pie chart is still bad, though: humans are very bad at comparing area, so please rely on length (e.g., stacked bars).</t>
  </si>
  <si>
    <t>Easier to read, though please see my earlier reply about bad pie charts.</t>
  </si>
  <si>
    <t>06/23/2016 14:20:30</t>
  </si>
  <si>
    <t>Easier to read.</t>
  </si>
  <si>
    <t>Actually, a bill is a bill no matter the layout.</t>
  </si>
  <si>
    <t>06/23/2016 14:20:35</t>
  </si>
  <si>
    <t>Less cluttered.</t>
  </si>
  <si>
    <t>I can see the amount due quickly but then can check details if I need to.</t>
  </si>
  <si>
    <t>06/23/2016 14:21:56</t>
  </si>
  <si>
    <t>06/23/2016 14:22:35</t>
  </si>
  <si>
    <t>meets all my inquiries</t>
  </si>
  <si>
    <t>more detailed and quick to see</t>
  </si>
  <si>
    <t>06/23/2016 14:23:18</t>
  </si>
  <si>
    <t>I would not change anything other than making larger</t>
  </si>
  <si>
    <t>Simple</t>
  </si>
  <si>
    <t>Very simple</t>
  </si>
  <si>
    <t>No changes really necessary.  Might make letters bigger and easier for us old farts to read.</t>
  </si>
  <si>
    <t>06/23/2016 14:23:58</t>
  </si>
  <si>
    <t>06/23/2016 14:24:45</t>
  </si>
  <si>
    <t>06/23/2016 14:26:53</t>
  </si>
  <si>
    <t>06/23/2016 14:28:37</t>
  </si>
  <si>
    <t>06/23/2016 14:29:43</t>
  </si>
  <si>
    <t>06/23/2016 14:30:56</t>
  </si>
  <si>
    <t>06/23/2016 14:31:01</t>
  </si>
  <si>
    <t>I really don't care about what it looks like as long as I know what amount I have to pay and when</t>
  </si>
  <si>
    <t>Can't think of any</t>
  </si>
  <si>
    <t>It just looks nicer</t>
  </si>
  <si>
    <t>It would be harder for most older people to understand. And for some of the undereducated rednecks that I know couldn't understand the first one</t>
  </si>
  <si>
    <t>As long as I know where to send payment to, account number, how much, and by when. I'm fine</t>
  </si>
  <si>
    <t>06/23/2016 14:31:09</t>
  </si>
  <si>
    <t>Highlights important information with eye catching formatting.</t>
  </si>
  <si>
    <t>Simpler is sometimes better</t>
  </si>
  <si>
    <t>I like the layout of the top selection better, however, the graph takes up too much space on the page and doesn't seem necessary. While the bottom selection still has way too much information, I feel like some of that information could be put on the top d</t>
  </si>
  <si>
    <t>06/23/2016 14:34:21</t>
  </si>
  <si>
    <t>Gave all the info I needed to pay the bill</t>
  </si>
  <si>
    <t>It let me see what's the numbers really mean</t>
  </si>
  <si>
    <t>Again I get a better understanding of what the numbers mean,</t>
  </si>
  <si>
    <t>06/23/2016 14:38:28</t>
  </si>
  <si>
    <t>06/23/2016 14:42:09</t>
  </si>
  <si>
    <t>All those taxes, charges, etc. are very confusing.  I know they are explained on the back, but still....</t>
  </si>
  <si>
    <t>Colorful and more information.</t>
  </si>
  <si>
    <t>Charges are broken down into categories.</t>
  </si>
  <si>
    <t>More information</t>
  </si>
  <si>
    <t>I have no complaints exactly but it could be a little more colorful.  Maybe amount due, due date in a different color than gray.</t>
  </si>
  <si>
    <t>06/23/2016 14:44:25</t>
  </si>
  <si>
    <t>06/23/2016 14:45:12</t>
  </si>
  <si>
    <t>06/23/2016 14:46:14</t>
  </si>
  <si>
    <t>Rate per kwhr
% of generation from renewal sources</t>
  </si>
  <si>
    <t>It shows all of the information clearly in order of importance.
all of the information is there.</t>
  </si>
  <si>
    <t>It shows all the components that make up the billed amount.</t>
  </si>
  <si>
    <t>more information</t>
  </si>
  <si>
    <t>06/23/2016 14:49:38</t>
  </si>
  <si>
    <t>you have the account number handy, the amount due and due date larger, and you also have the last amount paid all right there at a glance.</t>
  </si>
  <si>
    <t>it breaks down the cost even tho I still don't know what the names of the category's stand for. Ex:
What is Riders &amp; Fee's
What is Generation
What is Tramsmission
Needs to have meaning so ppl know what this means</t>
  </si>
  <si>
    <t>after looking at examples, I like the first format better. It is much more understandable that the new one.</t>
  </si>
  <si>
    <t>I guess to sum it up, it really doesn't matter what the bill it looks like because in the end, it's still a bill due and the looks doesn't change the amount owed.</t>
  </si>
  <si>
    <t>06/23/2016 14:52:21</t>
  </si>
  <si>
    <t>Amount and due dates jump out much quicker to catch my attention. It also provides the billing cycle</t>
  </si>
  <si>
    <t>I like seeing where the billing breaks out for costs</t>
  </si>
  <si>
    <t>It catches my attention much quicker and is easier to see for me.</t>
  </si>
  <si>
    <t>06/23/2016 14:52:37</t>
  </si>
  <si>
    <t>KWH used, for this month, last month and this time last year.</t>
  </si>
  <si>
    <t>Eye appeal. Looks neat, and business like.</t>
  </si>
  <si>
    <t>Provides info in an easy to understand format!</t>
  </si>
  <si>
    <t>Gives all necessary info.  Multi colored would be nice.</t>
  </si>
  <si>
    <t>All has been said.</t>
  </si>
  <si>
    <t>06/23/2016 14:52:42</t>
  </si>
  <si>
    <t>I'd like a simpler bill that shows what I have to pay and when. I'd also like to see a better graphic of my usage.</t>
  </si>
  <si>
    <t>I don't care about terms such as 'tariff 15' and 'rate billing,' I just want the amount due and when it's due.</t>
  </si>
  <si>
    <t>I do not want to see how much those aspects of my bill are, because I can't pick and choose which to have. I have to pay the whole bill. When I buy a carton of milk, I don't know or care how much it cost for the carton or for the truck that delivered it,</t>
  </si>
  <si>
    <t>The first is much better because it's clean and has less utility jargon. However, if there's a pie chart, I'd like it to show how much of my bill was for my refrigerator, lighting, air conditioning, etc.</t>
  </si>
  <si>
    <t>06/23/2016 14:52:55</t>
  </si>
  <si>
    <t>Comparison to last year and 12 month history</t>
  </si>
  <si>
    <t>I don't like either.  The top one has more information shown but the bottom one is cleaner and easier to read.</t>
  </si>
  <si>
    <t>I don't like either.  You are showing different information in the two examples.  Don't give me fancy graphs just give me the important information, as in the first one, but in a straightforward listing, like the second.</t>
  </si>
  <si>
    <t>I don't want graphs and pictures.  Keep it simple and list the information.  I don't think you need to change the bills.</t>
  </si>
  <si>
    <t>Don't change anything.</t>
  </si>
  <si>
    <t>06/23/2016 14:55:10</t>
  </si>
  <si>
    <t>No change</t>
  </si>
  <si>
    <t>None.</t>
  </si>
  <si>
    <t>Info I need most.</t>
  </si>
  <si>
    <t>Gives important bill composition.</t>
  </si>
  <si>
    <t>Follows my previous answers.</t>
  </si>
  <si>
    <t>06/23/2016 14:59:15</t>
  </si>
  <si>
    <t>06/23/2016 15:05:24</t>
  </si>
  <si>
    <t>06/23/2016 15:10:26</t>
  </si>
  <si>
    <t>easy to understand</t>
  </si>
  <si>
    <t>06/23/2016 15:10:41</t>
  </si>
  <si>
    <t>06/23/2016 15:13:12</t>
  </si>
  <si>
    <t>The tariff info is not important</t>
  </si>
  <si>
    <t>Nice breakdown of charges</t>
  </si>
  <si>
    <t>Easier to read quickly</t>
  </si>
  <si>
    <t>06/23/2016 15:13:20</t>
  </si>
  <si>
    <t>Total amount due  &amp; business phone # &amp; web address</t>
  </si>
  <si>
    <t>Complete Amount due by certain date &amp; the dates which bill covered</t>
  </si>
  <si>
    <t>it explain what current charges covered</t>
  </si>
  <si>
    <t>simple</t>
  </si>
  <si>
    <t>06/23/2016 15:13:22</t>
  </si>
  <si>
    <t>06/23/2016 15:16:02</t>
  </si>
  <si>
    <t>Easier to see</t>
  </si>
  <si>
    <t>06/23/2016 15:17:13</t>
  </si>
  <si>
    <t>06/23/2016 15:18:47</t>
  </si>
  <si>
    <t>06/23/2016 15:18:55</t>
  </si>
  <si>
    <t>06/23/2016 15:19:57</t>
  </si>
  <si>
    <t>no change</t>
  </si>
  <si>
    <t>https://aep-bill-feedback.questionphttps://aep-bill-feedback.questionpro.com/qp_userimages/sub-1/862489/AAQ20-NEW-HEADER-75pc.gifro.com/qp_userimages/sub-1/862489/AAQ20-NEW-HEADER-75pc.gif</t>
  </si>
  <si>
    <t>06/23/2016 15:24:22</t>
  </si>
  <si>
    <t>leave it like it is as other options listed are costly</t>
  </si>
  <si>
    <t>Like to have whether breading was actual or estimated and on what date. Include a definition of terms used in the billing charges.</t>
  </si>
  <si>
    <t>Had clarity</t>
  </si>
  <si>
    <t>The pie chart is fine but there will need a definition of terms.</t>
  </si>
  <si>
    <t>More descriptive and informative. Again, a definition of terms is helpful</t>
  </si>
  <si>
    <t>06/23/2016 15:25:40</t>
  </si>
  <si>
    <t>06/23/2016 15:33:10</t>
  </si>
  <si>
    <t>Colors make it easier to read. Clear and concise information is easy to read as well. 
The other is too generic - it could be anyone's bill and there is no due date.</t>
  </si>
  <si>
    <t>The pie chart gives a breakdown of the charges. If the other had given the breakdown I could have chosen it too. The main thing is to show how the total is achieved.</t>
  </si>
  <si>
    <t>It's much cleaner, much easier to read.  It's clear and concise. However, all charges need to be broken down in the pie chart, not grouped as one or two items. (rate billing, fuel adj, purchase power adj, inspection fee surcharge, prompt payment discount</t>
  </si>
  <si>
    <t>06/23/2016 15:33:50</t>
  </si>
  <si>
    <t>Stands out.</t>
  </si>
  <si>
    <t>Looks!!  Plus it does have extra information.</t>
  </si>
  <si>
    <t>I actually like the second one better because it looks better, but the first one has more information. How's that for a contradiction!!</t>
  </si>
  <si>
    <t>06/23/2016 15:37:59</t>
  </si>
  <si>
    <t>They need to be easier to read.</t>
  </si>
  <si>
    <t>See it bettet</t>
  </si>
  <si>
    <t>Read it better</t>
  </si>
  <si>
    <t>Use to it</t>
  </si>
  <si>
    <t>06/23/2016 15:41:37</t>
  </si>
  <si>
    <t>06/23/2016 15:42:08</t>
  </si>
  <si>
    <t>The joy of seeing my name in print.</t>
  </si>
  <si>
    <t>Looks like a doughnut. Yum!</t>
  </si>
  <si>
    <t>Easy to read.</t>
  </si>
  <si>
    <t>06/23/2016 15:47:13</t>
  </si>
  <si>
    <t>Isn't easy to review quickly and understand</t>
  </si>
  <si>
    <t>It stands out making it easier to locate</t>
  </si>
  <si>
    <t>I like the ease of at a glance easier to read</t>
  </si>
  <si>
    <t>I like graphs and can quickly understand the information</t>
  </si>
  <si>
    <t>Make the bill 1 page with easy to understand graphics</t>
  </si>
  <si>
    <t>06/23/2016 15:56:22</t>
  </si>
  <si>
    <t>GERNALLY OVERALL LOOK</t>
  </si>
  <si>
    <t>CONTACT NUMBERS</t>
  </si>
  <si>
    <t>06/23/2016 16:01:48</t>
  </si>
  <si>
    <t>No opinion.</t>
  </si>
  <si>
    <t>No other information.</t>
  </si>
  <si>
    <t>Color caught my eye.</t>
  </si>
  <si>
    <t>Graphics.</t>
  </si>
  <si>
    <t>06/23/2016 16:03:14</t>
  </si>
  <si>
    <t>06/23/2016 16:04:01</t>
  </si>
  <si>
    <t>Cleaner visually</t>
  </si>
  <si>
    <t>Better info jumps out at me</t>
  </si>
  <si>
    <t>Cleaner, can more quickly absorb all essential data</t>
  </si>
  <si>
    <t>06/23/2016 16:05:18</t>
  </si>
  <si>
    <t>More information--</t>
  </si>
  <si>
    <t>06/23/2016 16:07:54</t>
  </si>
  <si>
    <t>IT SHOWS THE AMOUNT AND DATE CLEARLY - DON'T HAVE TO LOOK FOR IT</t>
  </si>
  <si>
    <t>I GUESS I JUST LIKE NEW THINGS!! THE OTHER ONE HAS BEEN AROUND FOR SOME TIME</t>
  </si>
  <si>
    <t>06/23/2016 16:12:32</t>
  </si>
  <si>
    <t>Nothen</t>
  </si>
  <si>
    <t>Better format</t>
  </si>
  <si>
    <t>Understand it better</t>
  </si>
  <si>
    <t>06/23/2016 16:17:22</t>
  </si>
  <si>
    <t>The color stands out more.</t>
  </si>
  <si>
    <t>color stands out</t>
  </si>
  <si>
    <t>Format and color</t>
  </si>
  <si>
    <t>06/23/2016 16:25:49</t>
  </si>
  <si>
    <t>Easier to comprehend.</t>
  </si>
  <si>
    <t>just use to it</t>
  </si>
  <si>
    <t>06/23/2016 16:26:16</t>
  </si>
  <si>
    <t>It is fine to</t>
  </si>
  <si>
    <t>All info in small space.</t>
  </si>
  <si>
    <t>I dont know what that other stuff means.</t>
  </si>
  <si>
    <t>Looks more like I have now.</t>
  </si>
  <si>
    <t>It's fine to me.</t>
  </si>
  <si>
    <t>06/23/2016 16:31:51</t>
  </si>
  <si>
    <t>lower the bill</t>
  </si>
  <si>
    <t>last years bill on that monthly date</t>
  </si>
  <si>
    <t>I like it</t>
  </si>
  <si>
    <t>just show how much and when it is due</t>
  </si>
  <si>
    <t>06/23/2016 16:42:37</t>
  </si>
  <si>
    <t>06/23/2016 16:44:08</t>
  </si>
  <si>
    <t>I don't really look at the bill for visual quality as long as the cost on average is within range.</t>
  </si>
  <si>
    <t>$/kh</t>
  </si>
  <si>
    <t>Clear info</t>
  </si>
  <si>
    <t>06/23/2016 16:50:27</t>
  </si>
  <si>
    <t>I am neither satisfied or dissatisfied with it.</t>
  </si>
  <si>
    <t>Obviously, how much is due.</t>
  </si>
  <si>
    <t>Color and bold print for amount due</t>
  </si>
  <si>
    <t>More eye appealing</t>
  </si>
  <si>
    <t>Easy to look at. Not so much wordage</t>
  </si>
  <si>
    <t>06/23/2016 16:55:27</t>
  </si>
  <si>
    <t>Easier to read and understand, respect w different size fonts.</t>
  </si>
  <si>
    <t>Graphs always easier to understand. Can see more clearly.</t>
  </si>
  <si>
    <t>Reasons same as above. Easier to see, read and understanf.</t>
  </si>
  <si>
    <t>Provide a large print or braille version, or have call in verbal billing available.</t>
  </si>
  <si>
    <t>06/23/2016 16:57:41</t>
  </si>
  <si>
    <t>It's easier to read.</t>
  </si>
  <si>
    <t>?</t>
  </si>
  <si>
    <t>06/23/2016 17:00:07</t>
  </si>
  <si>
    <t>06/23/2016 17:15:59</t>
  </si>
  <si>
    <t>don`t care</t>
  </si>
  <si>
    <t>06/23/2016 17:38:24</t>
  </si>
  <si>
    <t>06/23/2016 17:40:02</t>
  </si>
  <si>
    <t>I like the graphics better &amp; the amount &amp; date is big bold Print in top right hand corner</t>
  </si>
  <si>
    <t>Total billing is more important. Nothing I can do about transmission &amp; Riders &amp; fees. So seeing them is a waste of ink &amp; space.</t>
  </si>
  <si>
    <t>06/23/2016 17:42:28</t>
  </si>
  <si>
    <t>I don't understand the graph</t>
  </si>
  <si>
    <t>Easier to read except the pie graph I would need a breakdown</t>
  </si>
  <si>
    <t>06/23/2016 17:47:28</t>
  </si>
  <si>
    <t>I like also receiving a paper bill which you can't if you do electronic billing</t>
  </si>
  <si>
    <t>06/23/2016 17:59:44</t>
  </si>
  <si>
    <t>Easier to read &amp; understand</t>
  </si>
  <si>
    <t>06/23/2016 18:03:00</t>
  </si>
  <si>
    <t>The information is easy to read</t>
  </si>
  <si>
    <t>Gives detail info</t>
  </si>
  <si>
    <t>Better understanding</t>
  </si>
  <si>
    <t>06/23/2016 18:03:07</t>
  </si>
  <si>
    <t>06/23/2016 18:07:59</t>
  </si>
  <si>
    <t>ALL THE ABOVE</t>
  </si>
  <si>
    <t>IT'S SO SIMPLE</t>
  </si>
  <si>
    <t>IT'S WHAT I AM USE TO</t>
  </si>
  <si>
    <t>DON'T HAVE ANY IDEA</t>
  </si>
  <si>
    <t>06/23/2016 18:20:35</t>
  </si>
  <si>
    <t>More informative</t>
  </si>
  <si>
    <t>Information is less cluttered on the page</t>
  </si>
  <si>
    <t>06/23/2016 18:57:30</t>
  </si>
  <si>
    <t>Don't look at appearances of the bill only how expensive it is. Please lower the costs and you wouldn't have to ask customers not to mention it.</t>
  </si>
  <si>
    <t>Don't care</t>
  </si>
  <si>
    <t>Because as our economy suffers and people are struggling to make ends meet AEP continues to raise prices. Too bad us customers have no other choice.</t>
  </si>
  <si>
    <t>Provides more detailed information and more legible.</t>
  </si>
  <si>
    <t>Graphic explanation.</t>
  </si>
  <si>
    <t>Better design. However if you'll be charging for color ink just keep it the way it is.</t>
  </si>
  <si>
    <t>Decrease bill. Give coupons for incentives to try to pay on time.</t>
  </si>
  <si>
    <t>06/23/2016 19:01:56</t>
  </si>
  <si>
    <t>Font Size please about x24</t>
  </si>
  <si>
    <t>If by all possible if I can get my bill email on at least 18x or 24xs Large Print Font. TY.</t>
  </si>
  <si>
    <t>All of these are very important.</t>
  </si>
  <si>
    <t>I can see it, and it stands out better.</t>
  </si>
  <si>
    <t>The graphics.</t>
  </si>
  <si>
    <t>It stands out better.</t>
  </si>
  <si>
    <t>Everything loos good.</t>
  </si>
  <si>
    <t>06/23/2016 19:02:55</t>
  </si>
  <si>
    <t>06/23/2016 19:07:20</t>
  </si>
  <si>
    <t>better organized, better appearance, easier to read</t>
  </si>
  <si>
    <t>more information with a graphic, just lacks date &amp; tariff code</t>
  </si>
  <si>
    <t>while the graphics of the first are nice, it's the information in the tables that provides is useful to me.</t>
  </si>
  <si>
    <t>Don't loose the graphic presentation and detailed information of historic kwh useage</t>
  </si>
  <si>
    <t>06/23/2016 19:09:51</t>
  </si>
  <si>
    <t>06/23/2016 19:10:58</t>
  </si>
  <si>
    <t>it can be confusing</t>
  </si>
  <si>
    <t>bold with more info</t>
  </si>
  <si>
    <t>break down of why its that amount</t>
  </si>
  <si>
    <t>its to the point</t>
  </si>
  <si>
    <t>for folks like me who are always playing catch-up a better list of past due and partial payment would be great</t>
  </si>
  <si>
    <t>06/23/2016 19:15:14</t>
  </si>
  <si>
    <t>Lower bill</t>
  </si>
  <si>
    <t>06/23/2016 19:18:01</t>
  </si>
  <si>
    <t>More info in a smaller space</t>
  </si>
  <si>
    <t>Better summary of how bill cost were divided</t>
  </si>
  <si>
    <t>More detailed info</t>
  </si>
  <si>
    <t>06/23/2016 19:36:55</t>
  </si>
  <si>
    <t>06/23/2016 19:44:44</t>
  </si>
  <si>
    <t>AEP's e-billing is not a dependable service, I may not receive a bill even with a cellphone and 2 different computers receiving e-mail from same account for 20 years. Only 89.9% on time delivery rate.</t>
  </si>
  <si>
    <t>Deliver on time</t>
  </si>
  <si>
    <t>Cost per Kilowatt Hour
Starting Meter reading with date
Ending meter reading with date
Clearly defined additional charges (Taxes, fees..)</t>
  </si>
  <si>
    <t>I still don't know what I am paying for.</t>
  </si>
  <si>
    <t>I don't like either as neither provide significant usable information.</t>
  </si>
  <si>
    <t>Neither</t>
  </si>
  <si>
    <t>It is only slightly better than the other, still not even close to a reasonable statement of charges.</t>
  </si>
  <si>
    <t>Deliver the bill on time
Make the bill clear
Show the rate and usage vs last month and same month last year
Include actual meter readings and dates
I don't want to see graphs or your logo, just the numbers, preferably as a downloadable spreadsheet.</t>
  </si>
  <si>
    <t>06/23/2016 19:45:00</t>
  </si>
  <si>
    <t>status quo is fine</t>
  </si>
  <si>
    <t>synopsis of energy efficient stratagies</t>
  </si>
  <si>
    <t>Simple and to the point</t>
  </si>
  <si>
    <t>Complete info. and ledgible</t>
  </si>
  <si>
    <t>06/23/2016 19:54:21</t>
  </si>
  <si>
    <t>Most important information in large easy to read font</t>
  </si>
  <si>
    <t>Easy to understand breakdown of charges</t>
  </si>
  <si>
    <t>06/23/2016 20:00:30</t>
  </si>
  <si>
    <t>Pay my bill online at no charge</t>
  </si>
  <si>
    <t>Bill due date 
The amount</t>
  </si>
  <si>
    <t>Just like it better</t>
  </si>
  <si>
    <t>Let us pay the bill online at no extra charge most of our bills offer that and it's much easier, u get a paper bill in the mail and that's the the way I don't forget when it's due and then just pay it online so much easier and faster very convenient. This</t>
  </si>
  <si>
    <t>06/23/2016 20:09:51</t>
  </si>
  <si>
    <t>06/23/2016 20:10:00</t>
  </si>
  <si>
    <t>They are hard to understand</t>
  </si>
  <si>
    <t>They are confusing in what is due and what has been pai</t>
  </si>
  <si>
    <t>06/23/2016 20:14:29</t>
  </si>
  <si>
    <t>06/23/2016 20:19:07</t>
  </si>
  <si>
    <t>06/23/2016 20:37:33</t>
  </si>
  <si>
    <t>Current billing rates.</t>
  </si>
  <si>
    <t>06/23/2016 20:38:30</t>
  </si>
  <si>
    <t>06/23/2016 21:01:21</t>
  </si>
  <si>
    <t>I would like to see a special program for disability that can afford low cost monthly bills.</t>
  </si>
  <si>
    <t>06/23/2016 21:05:33</t>
  </si>
  <si>
    <t>06/23/2016 21:12:19</t>
  </si>
  <si>
    <t>06/23/2016 21:28:10</t>
  </si>
  <si>
    <t>clearer to understand. Most important information is highlighted by larger text.</t>
  </si>
  <si>
    <t>gives a better sense of how the total was arrived at</t>
  </si>
  <si>
    <t>the summary graph on the left is too large. I like seeing the temps of previous month/year for usage  comparisons.</t>
  </si>
  <si>
    <t>the thing I always find hardest to find is when my auto-payment is going to be deducted from my bank.</t>
  </si>
  <si>
    <t>06/23/2016 21:35:19</t>
  </si>
  <si>
    <t>The amount of
 Electric im using each month</t>
  </si>
  <si>
    <t>It  shows me more information</t>
  </si>
  <si>
    <t>It what I'm getting charge for</t>
  </si>
  <si>
    <t>06/23/2016 21:47:58</t>
  </si>
  <si>
    <t>No additional items or information needed</t>
  </si>
  <si>
    <t>Has address of service and easier to read</t>
  </si>
  <si>
    <t>Like knowing the breakdown in charges</t>
  </si>
  <si>
    <t>Familiar with it already</t>
  </si>
  <si>
    <t>None at this time</t>
  </si>
  <si>
    <t>06/23/2016 22:11:16</t>
  </si>
  <si>
    <t>06/23/2016 22:56:27</t>
  </si>
  <si>
    <t>06/23/2016 23:10:10</t>
  </si>
  <si>
    <t>06/24/2016 01:04:56</t>
  </si>
  <si>
    <t>leave it the way it is</t>
  </si>
  <si>
    <t>30 Minutes or More</t>
  </si>
  <si>
    <t>06/24/2016 01:22:12</t>
  </si>
  <si>
    <t>Easy to read, colorful.</t>
  </si>
  <si>
    <t>Graphics are better, colorful</t>
  </si>
  <si>
    <t>06/24/2016 02:31:21</t>
  </si>
  <si>
    <t>06/24/2016 04:31:18</t>
  </si>
  <si>
    <t>The average temperature for the billing cycle on the monthly usage history and the current billing period.</t>
  </si>
  <si>
    <t>06/24/2016 04:48:19</t>
  </si>
  <si>
    <t>06/24/2016 06:21:01</t>
  </si>
  <si>
    <t>06/24/2016 06:37:50</t>
  </si>
  <si>
    <t>06/24/2016 07:33:43</t>
  </si>
  <si>
    <t>06/24/2016 07:41:32</t>
  </si>
  <si>
    <t>Easier for me to read</t>
  </si>
  <si>
    <t>Really liked the first one but would head generation and transmission explained to me.</t>
  </si>
  <si>
    <t>More information I am a fanatic over my electric bill, before I my Muscular Dystrophy I actually 
read my meter myself to make certain that I knew what the usage was.</t>
  </si>
  <si>
    <t>06/24/2016 07:44:55</t>
  </si>
  <si>
    <t>easy to read</t>
  </si>
  <si>
    <t>more detail</t>
  </si>
  <si>
    <t>06/24/2016 08:07:50</t>
  </si>
  <si>
    <t>06/24/2016 08:08:09</t>
  </si>
  <si>
    <t>Amount of days billed. I track how much electricity I use each month and compare it to the month before and the amount used the previous year. So I like having the graph showing the amount used, the chart showing the previous month, last year and the curr</t>
  </si>
  <si>
    <t>Gives more information showing the breakdown of fees and charges</t>
  </si>
  <si>
    <t>I like this look (cleaner) but you need to add the chart that is under the current bills graph.</t>
  </si>
  <si>
    <t>I think the current bill has a lot of good information related to the fees and charges but a redesign of it would be helpful. It would be beneficial to incorporate the new design along with most of the relevant information on the current bill. Make the bi</t>
  </si>
  <si>
    <t>06/24/2016 08:11:12</t>
  </si>
  <si>
    <t>Once a Year</t>
  </si>
  <si>
    <t>Easy to see at a glance</t>
  </si>
  <si>
    <t>easy to see at a glance</t>
  </si>
  <si>
    <t>06/24/2016 08:40:21</t>
  </si>
  <si>
    <t>It has a better look to it.</t>
  </si>
  <si>
    <t>Has a better look.</t>
  </si>
  <si>
    <t>Easier to understand and looks more professional.</t>
  </si>
  <si>
    <t>06/24/2016 08:48:57</t>
  </si>
  <si>
    <t>Not 8x11 standard printer paper. Harder to file/scan.</t>
  </si>
  <si>
    <t>Important things pop off the page, but all info still there.</t>
  </si>
  <si>
    <t>Good visual, not cluttered.</t>
  </si>
  <si>
    <t>Simpler, easier to look at and read. More pleasant.</t>
  </si>
  <si>
    <t>06/24/2016 08:55:28</t>
  </si>
  <si>
    <t>I like the format</t>
  </si>
  <si>
    <t>I like things that stand out to me that are detailed</t>
  </si>
  <si>
    <t>Not so cluttered as the other one</t>
  </si>
  <si>
    <t>No suggestions at this time</t>
  </si>
  <si>
    <t>06/24/2016 09:05:22</t>
  </si>
  <si>
    <t>06/24/2016 09:07:52</t>
  </si>
  <si>
    <t>I see no need to change</t>
  </si>
  <si>
    <t>Total for years usage payment history</t>
  </si>
  <si>
    <t>More readable and easier to undersrand</t>
  </si>
  <si>
    <t>06/24/2016 09:11:53</t>
  </si>
  <si>
    <t>06/24/2016 09:12:09</t>
  </si>
  <si>
    <t>Difficult to understand!!!  
Who could figure out what is actually a debit and credit??
seems like a foreign language. can't tell if we are over paid or underpaid on the budget situation.
Love the monthly/yearly comparison charts</t>
  </si>
  <si>
    <t>Address of the service
whether over paid on the budget or underpaid so we can plan on having a large bill at the end</t>
  </si>
  <si>
    <t>Sets out immediately who the bill is from regarding what account number how much is due and for what period of time and more.</t>
  </si>
  <si>
    <t>neither    the top one looks like it would be best if we knew what the terms meant but we don't</t>
  </si>
  <si>
    <t>If you use TERMS we understand the colored one with graphics will work best.</t>
  </si>
  <si>
    <t>work on your Terminology</t>
  </si>
  <si>
    <t>06/24/2016 09:15:44</t>
  </si>
  <si>
    <t>Can't say</t>
  </si>
  <si>
    <t>No reason</t>
  </si>
  <si>
    <t>06/24/2016 10:45:36</t>
  </si>
  <si>
    <t>06/24/2016 10:48:12</t>
  </si>
  <si>
    <t>Total Amount Due
Due Date</t>
  </si>
  <si>
    <t>The most important information is obvious.</t>
  </si>
  <si>
    <t>More informative.</t>
  </si>
  <si>
    <t>Spacing is better than the current bill.</t>
  </si>
  <si>
    <t>06/24/2016 11:25:24</t>
  </si>
  <si>
    <t>I pointed to some other details I would like to see on the bill but when I had to compare what is the current look to what I had chosen. I opted for the current bill appearance. I guess I like what I am getting.</t>
  </si>
  <si>
    <t>06/24/2016 11:51:34</t>
  </si>
  <si>
    <t>It shows the items of interest to me.</t>
  </si>
  <si>
    <t>neither</t>
  </si>
  <si>
    <t>It shows previse bill and date paid.</t>
  </si>
  <si>
    <t>non</t>
  </si>
  <si>
    <t>06/24/2016 12:03:11</t>
  </si>
  <si>
    <t>06/24/2016 12:22:59</t>
  </si>
  <si>
    <t>Better appearance. Relevant info stands out.</t>
  </si>
  <si>
    <t>Explains charges better</t>
  </si>
  <si>
    <t>I see what matters to me at a glance.</t>
  </si>
  <si>
    <t>06/24/2016 13:14:40</t>
  </si>
  <si>
    <t>I always seem to have a hard time finding the period of time that the bill is actually for.</t>
  </si>
  <si>
    <t>kilowatt usage</t>
  </si>
  <si>
    <t>Firstly, it has a logo which makes it way prettier lol.
Seriously though, the one I selected has more valuable information in the same amount of space.</t>
  </si>
  <si>
    <t>Graphs....duh</t>
  </si>
  <si>
    <t>Thanks for taking the time to survey your customers! I really do appreciate that.</t>
  </si>
  <si>
    <t>06/24/2016 13:15:32</t>
  </si>
  <si>
    <t>Does not matter</t>
  </si>
  <si>
    <t>Telephone personel with commen sense. Heat pump and refrigerators broke, very high bill for two months. Monthly bill raised up four times in amount. Told personel new HPnew ref plus going  to Fl. For winter ,sorry can't change billing.  Very large credit</t>
  </si>
  <si>
    <t>06/24/2016 13:59:37</t>
  </si>
  <si>
    <t>Nothing else</t>
  </si>
  <si>
    <t>Provides more information.</t>
  </si>
  <si>
    <t>No comment</t>
  </si>
  <si>
    <t>06/24/2016 14:10:23</t>
  </si>
  <si>
    <t>06/24/2016 14:54:58</t>
  </si>
  <si>
    <t>SHOWS IMPORTANT INFO</t>
  </si>
  <si>
    <t>GENERIC GRAPH</t>
  </si>
  <si>
    <t>I LIKE THE CURRENT BILL JUST FINE</t>
  </si>
  <si>
    <t>06/24/2016 16:46:37</t>
  </si>
  <si>
    <t>06/24/2016 17:34:02</t>
  </si>
  <si>
    <t>06/24/2016 18:21:23</t>
  </si>
  <si>
    <t>Easy to read with lots of info.</t>
  </si>
  <si>
    <t>06/24/2016 19:09:07</t>
  </si>
  <si>
    <t>Good information but very busy. Tiny type, too many words. There must be a more simple graphic.</t>
  </si>
  <si>
    <t>All important info Easy to read immediately.</t>
  </si>
  <si>
    <t>Actually don't like either one of those but after a moment to figure it out, there was more info about use.</t>
  </si>
  <si>
    <t>Easier to read!</t>
  </si>
  <si>
    <t>06/24/2016 21:16:10</t>
  </si>
  <si>
    <t>06/24/2016 23:01:01</t>
  </si>
  <si>
    <t>06/24/2016 23:39:52</t>
  </si>
  <si>
    <t>pretty colors.</t>
  </si>
  <si>
    <t>I like the extra information. Since I never got that information I never missed it.</t>
  </si>
  <si>
    <t>The comparrison is not fair &gt; Text is so small I can't read it.</t>
  </si>
  <si>
    <t>Lower the rates :-) You asked.</t>
  </si>
  <si>
    <t>06/25/2016 07:05:25</t>
  </si>
  <si>
    <t>No changes</t>
  </si>
  <si>
    <t>It has more information.</t>
  </si>
  <si>
    <t>I can look at part of my bill to find the information that I want.</t>
  </si>
  <si>
    <t>06/25/2016 07:20:34</t>
  </si>
  <si>
    <t>Leave alone so u dont have raise bill for changes</t>
  </si>
  <si>
    <t>06/25/2016 07:38:27</t>
  </si>
  <si>
    <t>Colorful, looks professional</t>
  </si>
  <si>
    <t>Colorful, easy to read</t>
  </si>
  <si>
    <t>Much easier to read and interpret</t>
  </si>
  <si>
    <t>06/25/2016 10:05:14</t>
  </si>
  <si>
    <t>06/25/2016 12:14:42</t>
  </si>
  <si>
    <t>It hard for me to locate due date and the print is rather small for me to read. If it was a little bit bigger and all information was noticeable I will be more satisfied.</t>
  </si>
  <si>
    <t>How to lower bill.</t>
  </si>
  <si>
    <t>Font size, location, and length.</t>
  </si>
  <si>
    <t>Shows more information and better font size.</t>
  </si>
  <si>
    <t>Better detailed.</t>
  </si>
  <si>
    <t>Better explanation and understanding of bill.</t>
  </si>
  <si>
    <t>06/25/2016 12:45:53</t>
  </si>
  <si>
    <t>I think the items listed pretty much cover it.</t>
  </si>
  <si>
    <t>I like seeing the billing cycle, previous amount paid, current amount due, and due date, all right there.</t>
  </si>
  <si>
    <t>The graphic provides more information.</t>
  </si>
  <si>
    <t>Although the one on the right looks cleaner, I still prefer the one on the left because it provides more information about previous usage. I like having more information than less.</t>
  </si>
  <si>
    <t>I actually like the current bill because it provides a lot of information about historical usage and cost. I would not want to give up this information just to have a cleaner looking bill with more 'white space.' I like having more information than a clea</t>
  </si>
  <si>
    <t>06/25/2016 13:15:59</t>
  </si>
  <si>
    <t>I print a copy to keep in records as these are rental properties that require substantiation of deductibility.  The billing as it appears on the screen has large areas of color, including a very large area labeled APCO messages on the left that uses a lot</t>
  </si>
  <si>
    <t>FEWER COLORS eleiminate non essential ink wasting boxes</t>
  </si>
  <si>
    <t>Again I print a copy and I am annoyed by wasting ink on non essential spaces</t>
  </si>
  <si>
    <t>Big blue ink waster  The first one is preferred for information.  I would prefer it without the blue background.</t>
  </si>
  <si>
    <t>it is a business like format.</t>
  </si>
  <si>
    <t>06/25/2016 15:52:24</t>
  </si>
  <si>
    <t>A better explanation of charges</t>
  </si>
  <si>
    <t>More useful information</t>
  </si>
  <si>
    <t>More information on</t>
  </si>
  <si>
    <t>Less is better</t>
  </si>
  <si>
    <t>Less useless information is good. A summary will work as long as I have the ability to see more if needed</t>
  </si>
  <si>
    <t>06/25/2016 17:41:57</t>
  </si>
  <si>
    <t>I marked the wrong dot and couldn't change it.  I receive e-mails</t>
  </si>
  <si>
    <t>I would like to see ants used compared to previous year,</t>
  </si>
  <si>
    <t>Important info</t>
  </si>
  <si>
    <t>I like to be able to look at a graph to see breakdown of info</t>
  </si>
  <si>
    <t>Use of graphs</t>
  </si>
  <si>
    <t>06/25/2016 18:08:13</t>
  </si>
  <si>
    <t>06/25/2016 21:40:20</t>
  </si>
  <si>
    <t>Any changes in rates or terms. Any active programs such as refrigerator buy back, etc.</t>
  </si>
  <si>
    <t>Includes more information. Prettier. Easy to read.</t>
  </si>
  <si>
    <t>Don't feel the break down is necessary, but more information is better than less.</t>
  </si>
  <si>
    <t>Prefer specific values for usage history, especially comparing it to what I used 1 year ago. Helpful in seeing when my air conditioner unit may need a recharge.</t>
  </si>
  <si>
    <t>06/25/2016 22:47:09</t>
  </si>
  <si>
    <t>06/26/2016 00:40:52</t>
  </si>
  <si>
    <t>06/26/2016 10:15:35</t>
  </si>
  <si>
    <t>06/26/2016 13:49:56</t>
  </si>
  <si>
    <t>An explanation of charges</t>
  </si>
  <si>
    <t>Amount due and by.</t>
  </si>
  <si>
    <t>Summary Graph</t>
  </si>
  <si>
    <t>Simply and to the point. Graph explanation of usage history.</t>
  </si>
  <si>
    <t>Tips on how to save on bill</t>
  </si>
  <si>
    <t>06/26/2016 14:52:59</t>
  </si>
  <si>
    <t>Can't really understand what total bill is (cumvalitive) if I wanted to make more than my budgeted amt.</t>
  </si>
  <si>
    <t>not sure</t>
  </si>
  <si>
    <t>'a'</t>
  </si>
  <si>
    <t>not sure.   Just seems more understandable</t>
  </si>
  <si>
    <t>06/26/2016 15:59:35</t>
  </si>
  <si>
    <t>Not worse....Verizon bill is terrible and hard to understand.  Appalachian bill is much better than Verizon for example</t>
  </si>
  <si>
    <t>Bigger and more readable</t>
  </si>
  <si>
    <t>Graphs are better</t>
  </si>
  <si>
    <t>Graphs and text larger. Much easier to both read and quickly understand content.</t>
  </si>
  <si>
    <t>06/26/2016 17:44:48</t>
  </si>
  <si>
    <t>More eye catching</t>
  </si>
  <si>
    <t>More readable</t>
  </si>
  <si>
    <t>Mover eye-catching and readable</t>
  </si>
  <si>
    <t>06/26/2016 22:23:05</t>
  </si>
  <si>
    <t>H</t>
  </si>
  <si>
    <t>06/26/2016 22:25:35</t>
  </si>
  <si>
    <t>more aesthetic</t>
  </si>
  <si>
    <t>06/27/2016 07:30:08</t>
  </si>
  <si>
    <t>Don't pay them much attention other than amount.</t>
  </si>
  <si>
    <t>06/27/2016 07:56:33</t>
  </si>
  <si>
    <t>06/27/2016 08:27:42</t>
  </si>
  <si>
    <t>The others provide just the basic need to know stuff.</t>
  </si>
  <si>
    <t>It doesn't look as cluttered</t>
  </si>
  <si>
    <t>To much nonsense in the other one. The details we want to know is why is there still not lines cleared of trees and stuff in the Delbarton area which usually causes our outages, why your workers keep getting raises and overtime during outages, but our bil</t>
  </si>
  <si>
    <t>It's cleaner but I still like some of the stuff from the other one.</t>
  </si>
  <si>
    <t>06/27/2016 16:10:44</t>
  </si>
  <si>
    <t>High usage days vs. low usage days.
Peak periods with suggestions to reduce consumption.</t>
  </si>
  <si>
    <t>Provides pertinent information at a quick review. Better format and easy to read.</t>
  </si>
  <si>
    <t>Greater detail. But, it does not give the consumption amount of KW. A better breakdown would be helpful for understanding and comparison.</t>
  </si>
  <si>
    <t>Provides more detail.</t>
  </si>
  <si>
    <t>06/27/2016 19:47:41</t>
  </si>
  <si>
    <t>Looks betitter</t>
  </si>
  <si>
    <t>Bigger</t>
  </si>
  <si>
    <t>Looks  better</t>
  </si>
  <si>
    <t>06/28/2016 08:36:19</t>
  </si>
  <si>
    <t>Make the debits/credits easier to understand; particularly pertaining to equal payment plan customers.</t>
  </si>
  <si>
    <t>Don't care for the graphs in the first one.</t>
  </si>
  <si>
    <t>06/29/2016 11:24:32</t>
  </si>
  <si>
    <t>06/29/2016 19:33:35</t>
  </si>
  <si>
    <t>06/30/2016 11:50:08</t>
  </si>
  <si>
    <t>Generally, I have no issues with the appearance of the of the bill. I do however have an issue with the messages on the bill. I recently moved (May 16th) and received a final bill on the old account dated May 16, 2016 in the amount of $169.46. I have been</t>
  </si>
  <si>
    <t>Messages need to be clearer and highlighted in color.</t>
  </si>
  <si>
    <t>I really like the last table on the bill that shows Current, Previous, and One Year Ago usage. Do NOT delete anything in this table.</t>
  </si>
  <si>
    <t>More relevant information that is easier to understand.</t>
  </si>
  <si>
    <t>It gives me more information that I need to make comparisons.</t>
  </si>
  <si>
    <t>As stated earlier, messages need to be clarified significantly and HIGHLIGHTED in color.</t>
  </si>
  <si>
    <t>06/30/2016 16:50:19</t>
  </si>
  <si>
    <t>I am satisfied with how the bill prints out</t>
  </si>
  <si>
    <t>07/02/2016 18:45:08</t>
  </si>
  <si>
    <t>Due date</t>
  </si>
  <si>
    <t>Breaks charges down</t>
  </si>
  <si>
    <t>07/03/2016 12:32:38</t>
  </si>
  <si>
    <t>temperature</t>
  </si>
  <si>
    <t>Amount due and date stand out</t>
  </si>
  <si>
    <t>detailed info</t>
  </si>
  <si>
    <t>Gives specific info on days in billing cycle, use per day, and temperatures</t>
  </si>
  <si>
    <t>na</t>
  </si>
  <si>
    <t>07/03/2016 14:39:58</t>
  </si>
  <si>
    <t>get to bill arounf the 3rd of each mouth</t>
  </si>
  <si>
    <t>Both sides of our family is going though chashes, like death, and cancer, my son has seziers, My wife has brest cancer, I am disable, and there are a lot of times I can not make a full payment. sense last year we have tried to pay what we can to try to ke</t>
  </si>
  <si>
    <t>don't understand</t>
  </si>
  <si>
    <t>it looks simple</t>
  </si>
  <si>
    <t>it easier to understand</t>
  </si>
  <si>
    <t>07/04/2016 18:14:42</t>
  </si>
  <si>
    <t>It's to the point; gives the information I need.</t>
  </si>
  <si>
    <t>I don't need a lot of information each month.</t>
  </si>
  <si>
    <t>Less to read. It's to the point.</t>
  </si>
  <si>
    <t>07/05/2016 11:46:12</t>
  </si>
  <si>
    <t>07/05/2016 23:46:26</t>
  </si>
  <si>
    <t>Pages look busy and cluttered.</t>
  </si>
  <si>
    <t>07/06/2016 14:09:12</t>
  </si>
  <si>
    <t>Its OK like it is</t>
  </si>
  <si>
    <t>works for me</t>
  </si>
  <si>
    <t>07/10/2016 20:08:06</t>
  </si>
  <si>
    <t>The design and content serve their purpose</t>
  </si>
  <si>
    <t>The content is clear; information easy to read. It contains more information than the second option. The second option does not have the due date which is one of the most important aspects for me.</t>
  </si>
  <si>
    <t>The first option contains more detail. The second does not show where the total cost comes from.</t>
  </si>
  <si>
    <t>This format is very clear and clutter free. I can easily find the information I am looking for. Although the second is more appealing to the eye, it does not contain nearly as much information as the first option.</t>
  </si>
  <si>
    <t>07/11/2016 10:24:04</t>
  </si>
  <si>
    <t>The bill is fairly easy to read but I can't really say that I'm satisfied or not satisfied with it.  It could be made a bit easier to read.  The bill does have a very cluttered appearance due to the amount of information on it.</t>
  </si>
  <si>
    <t>07/11/2016 15:56:30</t>
  </si>
  <si>
    <t>Better wording-less technical in nature</t>
  </si>
  <si>
    <t>Breakdown of charges in graph form is nice.</t>
  </si>
  <si>
    <t>Less cluttered but all pertinent info available.</t>
  </si>
  <si>
    <t>07/12/2016 15:33:56</t>
  </si>
  <si>
    <t>07/14/2016 23:14:34</t>
  </si>
  <si>
    <t>07/15/2016 13:51:53</t>
  </si>
  <si>
    <t>07/18/2016 12:39:35</t>
  </si>
  <si>
    <t>The looks are ok, but I think it is hard to read and understand the statement</t>
  </si>
  <si>
    <t>make it easier to read</t>
  </si>
  <si>
    <t>06/23/2016 14:02:03</t>
  </si>
  <si>
    <t>Indiana Michigan Power</t>
  </si>
  <si>
    <t>Very hard to tell what your actual balance is and whether it is + or -</t>
  </si>
  <si>
    <t>Changes to account</t>
  </si>
  <si>
    <t>Easier to read and understand.</t>
  </si>
  <si>
    <t>Very clear.</t>
  </si>
  <si>
    <t>Different colors help a lot. Information summarized.</t>
  </si>
  <si>
    <t>Very much prefer all on one paper even if both sides are used.</t>
  </si>
  <si>
    <t>06/23/2016 14:02:05</t>
  </si>
  <si>
    <t>I think it's fine</t>
  </si>
  <si>
    <t>Stands out more.  Eyes are easily drawn to company name and amount due.</t>
  </si>
  <si>
    <t>I don't care for pie diagrams.</t>
  </si>
  <si>
    <t>Easier to follow.  I prefer the box diagrams.</t>
  </si>
  <si>
    <t>I think the bills are fine.  I am easily able to see the company name and amount due, along with the due date.
The bill with color obviously stands out more but I'd rather have it in black and white to save AEP money in printing therefore reducing thei</t>
  </si>
  <si>
    <t>06/23/2016 14:02:49</t>
  </si>
  <si>
    <t>06/23/2016 14:02:50</t>
  </si>
  <si>
    <t>Its easier to find the account number and is asthetically pleasing.</t>
  </si>
  <si>
    <t>It goves more detailed information</t>
  </si>
  <si>
    <t>Its less cluttered</t>
  </si>
  <si>
    <t>06/23/2016 14:02:57</t>
  </si>
  <si>
    <t>I appreciate the 'total amount due' being in a LARGE font, as well as the account number being in a larger font.
The 'due date' font could be larger.
It is important to have the contact information easy to find.
It would be nice to save paper and only</t>
  </si>
  <si>
    <t>Simple. Concise. Bold.</t>
  </si>
  <si>
    <t>The other format means nothing to me. It's just a graph with words.</t>
  </si>
  <si>
    <t>The one I chose gives me all the information I need without 'dumbing it down' with a graph that tells me nothing.</t>
  </si>
  <si>
    <t>As previously stated...bold the important things in larger font. Please keep it to one page.</t>
  </si>
  <si>
    <t>It has a variety of fonts so I can more easily see more important information, the colors are more pleasing to the eye, and it seems like a more unique, original design.</t>
  </si>
  <si>
    <t>I like the graph display because, again, it is more pleasing to the eye and breaks down the information presented in a much more easily readable fashion.</t>
  </si>
  <si>
    <t>It has a combination of the options I have previously picked with a variety of colors, font sizes, and originality with the color scheme and formatting.</t>
  </si>
  <si>
    <t>I like the ideas presented so far, keep up the good work!</t>
  </si>
  <si>
    <t>06/23/2016 14:03:19</t>
  </si>
  <si>
    <t>I really couldn't care less what the bill looks like as long as I can understand it. I'm most concerned with the amount you're charging me, which is why it frustrates me to no end that you spend money to analyze the aesthetics of a piece of paper. If you</t>
  </si>
  <si>
    <t>Use B/W, one page, conserve costs on billing</t>
  </si>
  <si>
    <t>Because you printed in in black and white and saved me the money of purchasing red ink. Don't waste my money on worthless aesthetics.</t>
  </si>
  <si>
    <t>Because of the detail, but eliminate the color.</t>
  </si>
  <si>
    <t>It's more concise.</t>
  </si>
  <si>
    <t>Cut this garbage out.</t>
  </si>
  <si>
    <t>06/23/2016 14:03:43</t>
  </si>
  <si>
    <t>It needs to show what you're using for off-peak hours and on peak hours</t>
  </si>
  <si>
    <t>06/23/2016 14:04:05</t>
  </si>
  <si>
    <t>Wish it was easier to pay. Seems like I have to click a lot.. There should just be an app</t>
  </si>
  <si>
    <t>The current amount due and when it's due by are the most important.</t>
  </si>
  <si>
    <t>Big bold important info</t>
  </si>
  <si>
    <t>Easy to ready</t>
  </si>
  <si>
    <t>I wish you had an app</t>
  </si>
  <si>
    <t>06/23/2016 14:04:26</t>
  </si>
  <si>
    <t>06/23/2016 14:04:27</t>
  </si>
  <si>
    <t>Stands out more.</t>
  </si>
  <si>
    <t>Shows a breakdown on the bill.</t>
  </si>
  <si>
    <t>Less cluttered and easy to read/understand.</t>
  </si>
  <si>
    <t>06/23/2016 14:04:47</t>
  </si>
  <si>
    <t>Biger</t>
  </si>
  <si>
    <t>I like information groupings</t>
  </si>
  <si>
    <t>I like the breakdown</t>
  </si>
  <si>
    <t>The colors</t>
  </si>
  <si>
    <t>06/23/2016 14:06:04</t>
  </si>
  <si>
    <t>06/23/2016 14:06:48</t>
  </si>
  <si>
    <t>Amount due and due date</t>
  </si>
  <si>
    <t>Unless the bill seems to high, I only want to know the amount.  I pay when I get the bill and I do not even care what the due date is.</t>
  </si>
  <si>
    <t>I get more upset reading all of the charges that are on the bill.  My blood pressure stays low when I only look at the total due.</t>
  </si>
  <si>
    <t>I record my monthly electric usage for future references.  I can easily see the usage period, date and the  amount due on your first example.</t>
  </si>
  <si>
    <t>I can't think of a thing</t>
  </si>
  <si>
    <t>06/23/2016 14:07:21</t>
  </si>
  <si>
    <t>detail</t>
  </si>
  <si>
    <t>simpler</t>
  </si>
  <si>
    <t>less clutter</t>
  </si>
  <si>
    <t>06/23/2016 14:09:07</t>
  </si>
  <si>
    <t>show useage for several months ande comcare it to yearly useage</t>
  </si>
  <si>
    <t>compare useage to months before and compare it to last years</t>
  </si>
  <si>
    <t>easy to get info I need to know</t>
  </si>
  <si>
    <t>other to busy</t>
  </si>
  <si>
    <t>can find what info I need without  serching</t>
  </si>
  <si>
    <t>do not make everything automated people are needed too</t>
  </si>
  <si>
    <t>06/23/2016 14:11:02</t>
  </si>
  <si>
    <t>Ammount due</t>
  </si>
  <si>
    <t>Its very clear and easy to understand</t>
  </si>
  <si>
    <t>It breaks down the charges</t>
  </si>
  <si>
    <t>Not as much clutter and easy to follow</t>
  </si>
  <si>
    <t>06/23/2016 14:13:01</t>
  </si>
  <si>
    <t>i know what i owe</t>
  </si>
  <si>
    <t>shows me how much i hate government regulation</t>
  </si>
  <si>
    <t>bc it is the one currently used and i hate change</t>
  </si>
  <si>
    <t>stop wasting money on redesign and focus on why i keep losing power for no reason</t>
  </si>
  <si>
    <t>06/23/2016 14:13:27</t>
  </si>
  <si>
    <t>06/23/2016 14:14:36</t>
  </si>
  <si>
    <t>06/23/2016 14:14:38</t>
  </si>
  <si>
    <t>06/23/2016 14:15:30</t>
  </si>
  <si>
    <t>Why my bill is much higher then my bill with Indianapolis Power and lights</t>
  </si>
  <si>
    <t>06/23/2016 14:15:39</t>
  </si>
  <si>
    <t>06/23/2016 14:15:53</t>
  </si>
  <si>
    <t>It doesn't show the history clearly.</t>
  </si>
  <si>
    <t>I'm a visual person looking for the pertinent data first.</t>
  </si>
  <si>
    <t>Easy on the eyes data.</t>
  </si>
  <si>
    <t>06/23/2016 14:16:02</t>
  </si>
  <si>
    <t>I would like to be able to compare last year's/month's usage at a glance. Amount due and date due are the most important.</t>
  </si>
  <si>
    <t>Two most important items I need are highly visible.</t>
  </si>
  <si>
    <t>Easier to read at a glance.</t>
  </si>
  <si>
    <t>Easier to see the key information.</t>
  </si>
  <si>
    <t>06/23/2016 14:16:15</t>
  </si>
  <si>
    <t>06/23/2016 14:16:59</t>
  </si>
  <si>
    <t>06/23/2016 14:17:49</t>
  </si>
  <si>
    <t>Chikaming Township water and sewer bill is postcard size printed one side with all information included. Easy to read and understand.</t>
  </si>
  <si>
    <t>Easy to read and contains most all information.</t>
  </si>
  <si>
    <t>Good visual.</t>
  </si>
  <si>
    <t>Clear and uncomplicated.</t>
  </si>
  <si>
    <t>06/23/2016 14:18:00</t>
  </si>
  <si>
    <t>The font size directs your vision to the amount due.</t>
  </si>
  <si>
    <t>First glance when I open the bill is to see the amount due.</t>
  </si>
  <si>
    <t>Hard choice on this one.  Like the colors and the bold amount due.  Summary of charges on number 2 is not that appealing.</t>
  </si>
  <si>
    <t>The one point your mentioned.  Having all data on one page would be great.</t>
  </si>
  <si>
    <t>06/23/2016 14:18:12</t>
  </si>
  <si>
    <t>06/23/2016 14:20:16</t>
  </si>
  <si>
    <t>06/23/2016 14:20:50</t>
  </si>
  <si>
    <t>Actual vs budget acct.</t>
  </si>
  <si>
    <t>I just like it better.</t>
  </si>
  <si>
    <t>Not sure.</t>
  </si>
  <si>
    <t>06/23/2016 14:22:01</t>
  </si>
  <si>
    <t>it's cleaner and easier to read</t>
  </si>
  <si>
    <t>sweet graphic</t>
  </si>
  <si>
    <t>cleaner interface</t>
  </si>
  <si>
    <t>06/23/2016 14:22:17</t>
  </si>
  <si>
    <t>There is too much adding and subtracting involved to get the monthly balance. Your pluses and minuses are confusing as they mean just the opposite.</t>
  </si>
  <si>
    <t>The layout isn't bad the way it is.</t>
  </si>
  <si>
    <t>Amount in budget each month.</t>
  </si>
  <si>
    <t>Looks more professional.</t>
  </si>
  <si>
    <t>A lot of people wouldn't understand the other.</t>
  </si>
  <si>
    <t>More detail.</t>
  </si>
  <si>
    <t>Not too bad the way it is except for trying to figure if you have a plus or minus in your budget.</t>
  </si>
  <si>
    <t>06/23/2016 14:23:59</t>
  </si>
  <si>
    <t>Always been custom</t>
  </si>
  <si>
    <t>Perfect</t>
  </si>
  <si>
    <t>06/23/2016 14:24:50</t>
  </si>
  <si>
    <t>It stood out more and had more information in the same spot!</t>
  </si>
  <si>
    <t>Illustration is much better</t>
  </si>
  <si>
    <t>Much easier to read, precise and to the point</t>
  </si>
  <si>
    <t>06/23/2016 14:27:42</t>
  </si>
  <si>
    <t>stands out more and easier to follow.</t>
  </si>
  <si>
    <t>06/23/2016 14:28:10</t>
  </si>
  <si>
    <t>Has pictures and differentiation</t>
  </si>
  <si>
    <t>06/23/2016 14:29:01</t>
  </si>
  <si>
    <t>It tells it all. How much by when to pay,and last billing</t>
  </si>
  <si>
    <t>It tells it all in a better format</t>
  </si>
  <si>
    <t>It's fine</t>
  </si>
  <si>
    <t>06/23/2016 14:29:40</t>
  </si>
  <si>
    <t>06/23/2016 14:30:23</t>
  </si>
  <si>
    <t>Specific account info on the left. Amount due and due date on right.</t>
  </si>
  <si>
    <t>I like to monitor the changes in service form month to month and year to year.</t>
  </si>
  <si>
    <t>I like to see my usage.</t>
  </si>
  <si>
    <t>06/23/2016 14:31:21</t>
  </si>
  <si>
    <t>would not change</t>
  </si>
  <si>
    <t>above is TMI unless needed by former problems.</t>
  </si>
  <si>
    <t>Gave all information needed to compare amount of service used from month to month. Also ease of reading.</t>
  </si>
  <si>
    <t>Do not like either one.</t>
  </si>
  <si>
    <t>Clear, concise and easy and fast to read.</t>
  </si>
  <si>
    <t>have none</t>
  </si>
  <si>
    <t>06/23/2016 14:31:57</t>
  </si>
  <si>
    <t>Due date is there; easier to read.</t>
  </si>
  <si>
    <t>06/23/2016 14:33:55</t>
  </si>
  <si>
    <t>Show how bill is divided</t>
  </si>
  <si>
    <t>Not as confuseing</t>
  </si>
  <si>
    <t>06/23/2016 14:35:47</t>
  </si>
  <si>
    <t>It's bigger</t>
  </si>
  <si>
    <t>06/23/2016 14:35:53</t>
  </si>
  <si>
    <t>Separates the charges.</t>
  </si>
  <si>
    <t>Presentation of useful information.</t>
  </si>
  <si>
    <t>06/23/2016 14:37:20</t>
  </si>
  <si>
    <t>06/23/2016 14:37:26</t>
  </si>
  <si>
    <t>because its bolder and it gets your attention</t>
  </si>
  <si>
    <t>shows you what u are paying for</t>
  </si>
  <si>
    <t>grabs your eye</t>
  </si>
  <si>
    <t>06/23/2016 14:37:46</t>
  </si>
  <si>
    <t>Easier to read.  Format is easier to distinguish between information provided.</t>
  </si>
  <si>
    <t>Most important info at the top and then details at the bottom for reveiw.</t>
  </si>
  <si>
    <t>Would like to be on automatic bill pay from my checking account but unable to sign up because I have had bills paid late in the last 12 months.  The payment would never be late if I was allowed to sign up.</t>
  </si>
  <si>
    <t>06/23/2016 14:38:45</t>
  </si>
  <si>
    <t>The issue I have is more with the strange process of getting in to look at the bill. The bill itself is fine, but it's not the easiest to find. A basic rule of web design is 2 clicks or less to get to the info, this is a several minute process navigating</t>
  </si>
  <si>
    <t>06/23/2016 14:40:01</t>
  </si>
  <si>
    <t>Should have more information such as KWH and the summer rate plan should be on the invoice.</t>
  </si>
  <si>
    <t>Summer rate plan!!!!   AEP has total control on my AC, but I should see this on my invoice!</t>
  </si>
  <si>
    <t>Gives me what I ne3ed!</t>
  </si>
  <si>
    <t>i UNDERSTAND IT</t>
  </si>
  <si>
    <t>eASE OF READING!</t>
  </si>
  <si>
    <t>stop SELLING MY ADDRESS TO OUTSIDE VENDORS FOR 'INSURANCE' ON THE  OUTSIDE LINES.  pASS THE MONEY ONTO THE CUSTOMERS THAT YOU--aep --MAKE ON THIS WORTHLESS SALES PROMOTION FROM aep!!!!!!!</t>
  </si>
  <si>
    <t>06/23/2016 14:43:48</t>
  </si>
  <si>
    <t>Could be simpler to make it easier to understand.</t>
  </si>
  <si>
    <t>Gives information in a much easier to read format.</t>
  </si>
  <si>
    <t>More information in an easier to read format.</t>
  </si>
  <si>
    <t>06/23/2016 14:45:16</t>
  </si>
  <si>
    <t>NO COMMENT</t>
  </si>
  <si>
    <t>ADDING DESIGNS AND COLORS IS TOO MUCH FOR PEOPLE TO FOCUS  ON. BLACK AND WHITE AND BIG ARE THE BEST</t>
  </si>
  <si>
    <t>06/23/2016 14:45:55</t>
  </si>
  <si>
    <t>Easier to read and find the important information, did not have to hunt for it.</t>
  </si>
  <si>
    <t>Spells out the charges.</t>
  </si>
  <si>
    <t>Not as cluttered as the first one.</t>
  </si>
  <si>
    <t>06/23/2016 14:47:31</t>
  </si>
  <si>
    <t>clearer, easier to read</t>
  </si>
  <si>
    <t>the graph somewhat hides the total amount</t>
  </si>
  <si>
    <t>very tough call, the second one is slightly better but I like the comparison to last year and the meter values (to tell me when it is an estimated read).</t>
  </si>
  <si>
    <t>06/23/2016 14:50:44</t>
  </si>
  <si>
    <t>Cost per energy unit usage ($/kWh) not displayed clearly on bill.</t>
  </si>
  <si>
    <t>Better explanation of charges</t>
  </si>
  <si>
    <t>$/kWh, electricity cost</t>
  </si>
  <si>
    <t>Do ebill with banks/credit unions.  I used to receive my NYSEG ebill directly in my personal banking system.  This is much more efficient and effective.  Indiana Michigan bills frequently are not emailed out on time.  Also they frequently go to Gmail spam</t>
  </si>
  <si>
    <t>06/23/2016 14:52:51</t>
  </si>
  <si>
    <t>06/23/2016 14:55:51</t>
  </si>
  <si>
    <t>gives a visual to what I'm looking at and its easier to understand</t>
  </si>
  <si>
    <t>I like it a lot better.</t>
  </si>
  <si>
    <t>06/23/2016 14:56:55</t>
  </si>
  <si>
    <t>Stands out more</t>
  </si>
  <si>
    <t>Better graphs</t>
  </si>
  <si>
    <t>06/23/2016 14:58:06</t>
  </si>
  <si>
    <t>Easier for the eye to read.</t>
  </si>
  <si>
    <t>Consistant with the current bill.</t>
  </si>
  <si>
    <t>06/23/2016 15:01:49</t>
  </si>
  <si>
    <t>06/23/2016 15:04:24</t>
  </si>
  <si>
    <t>Acct number easily accessible</t>
  </si>
  <si>
    <t>Paying 2.95 for paying bill with a debit card is a rip off. Comcast doesn't have this charge</t>
  </si>
  <si>
    <t>06/23/2016 15:05:32</t>
  </si>
  <si>
    <t>06/23/2016 15:06:25</t>
  </si>
  <si>
    <t>Gives everything that I need.</t>
  </si>
  <si>
    <t>Information needed at s glance.</t>
  </si>
  <si>
    <t>Make it as concise as possible with as little verbage as possible.</t>
  </si>
  <si>
    <t>06/23/2016 15:06:55</t>
  </si>
  <si>
    <t>Leave it the same</t>
  </si>
  <si>
    <t>I can see information at a glance</t>
  </si>
  <si>
    <t>06/23/2016 15:07:50</t>
  </si>
  <si>
    <t>Amount due is clearly visible</t>
  </si>
  <si>
    <t>I don't like the graph</t>
  </si>
  <si>
    <t>06/23/2016 15:08:28</t>
  </si>
  <si>
    <t>It lets me know what part of the bill my behavior  most affects.</t>
  </si>
  <si>
    <t>It is easier to read and helps me to understand how my behavior affect my energy usage and my bill.</t>
  </si>
  <si>
    <t>06/23/2016 15:11:11</t>
  </si>
  <si>
    <t>06/23/2016 15:14:45</t>
  </si>
  <si>
    <t>it is much more easier to read. it tells the customer the bill amount and date it is due clearly.</t>
  </si>
  <si>
    <t>The pie chart shows how much of each service is being used and how the total came about.</t>
  </si>
  <si>
    <t>The second one is much easier to read</t>
  </si>
  <si>
    <t>06/23/2016 15:16:10</t>
  </si>
  <si>
    <t>06/23/2016 15:18:49</t>
  </si>
  <si>
    <t>06/23/2016 15:22:00</t>
  </si>
  <si>
    <t>Easier to read and more information.</t>
  </si>
  <si>
    <t>I like the top half of the first one but like the bottom half of the second one. So I prefer the bottom half info so that is why I went with that one.</t>
  </si>
  <si>
    <t>06/23/2016 15:22:12</t>
  </si>
  <si>
    <t>Much more understandable.</t>
  </si>
  <si>
    <t>As an engineer, it seems easier to understand.</t>
  </si>
  <si>
    <t>Overall, it isn't bad in its current form.</t>
  </si>
  <si>
    <t>06/23/2016 15:23:16</t>
  </si>
  <si>
    <t>its ok</t>
  </si>
  <si>
    <t>easy to find amount</t>
  </si>
  <si>
    <t>06/23/2016 15:29:39</t>
  </si>
  <si>
    <t>06/23/2016 15:30:55</t>
  </si>
  <si>
    <t>I think it is ok now</t>
  </si>
  <si>
    <t>Less confusing for an older person like me.</t>
  </si>
  <si>
    <t>It lets you know what the charges are for.</t>
  </si>
  <si>
    <t>It seems to be much simpler to read and understand.</t>
  </si>
  <si>
    <t>The only comment I have is I wish I could pay by phone without being charges a fee. I pay all others by phone with no fee charged.</t>
  </si>
  <si>
    <t>06/23/2016 15:31:22</t>
  </si>
  <si>
    <t>It's an electric bill.  I don't have a preference as to the look</t>
  </si>
  <si>
    <t>I don't have a problem with your bill</t>
  </si>
  <si>
    <t>concise information.  easy to read</t>
  </si>
  <si>
    <t>breakdown of charges easy to understand.</t>
  </si>
  <si>
    <t>06/23/2016 15:31:55</t>
  </si>
  <si>
    <t>06/23/2016 15:32:18</t>
  </si>
  <si>
    <t>06/23/2016 15:32:27</t>
  </si>
  <si>
    <t>I thin it'</t>
  </si>
  <si>
    <t>06/23/2016 15:33:20</t>
  </si>
  <si>
    <t>Ok as is.</t>
  </si>
  <si>
    <t>Seems like almost half of the bill is for non-electrical usage charge.  Every once in a while, enclose a detailed explanation of what these charges are for.</t>
  </si>
  <si>
    <t>More information presented in a more appealing manner.</t>
  </si>
  <si>
    <t>An attempt at presenting more useful information to the consumer.</t>
  </si>
  <si>
    <t>More information presented to the consumer, but not as catching format as the second choice.</t>
  </si>
  <si>
    <t>Non-bill related is we had five minor outages this past week.  Several for just a fraction of a second, but still long enough to have to reset many sensitive clocks.
What about improving service and bury lines underground so that like last Monday, 24,0</t>
  </si>
  <si>
    <t>06/23/2016 15:35:06</t>
  </si>
  <si>
    <t>show usage comparison to the same month from prior year</t>
  </si>
  <si>
    <t>06/23/2016 15:35:17</t>
  </si>
  <si>
    <t>I feel the different parts of the bill stick out more with different colors</t>
  </si>
  <si>
    <t>06/23/2016 15:36:16</t>
  </si>
  <si>
    <t>06/23/2016 15:36:31</t>
  </si>
  <si>
    <t>Show us if budget is cheeper</t>
  </si>
  <si>
    <t>color</t>
  </si>
  <si>
    <t>don't have anymore</t>
  </si>
  <si>
    <t>06/23/2016 15:36:33</t>
  </si>
  <si>
    <t>Larger font and easier to understand.</t>
  </si>
  <si>
    <t>I like charts</t>
  </si>
  <si>
    <t>there is more information that I wanted to see.</t>
  </si>
  <si>
    <t>We are planning to go paperless and will start next month.</t>
  </si>
  <si>
    <t>06/23/2016 15:39:25</t>
  </si>
  <si>
    <t>amount used monthly , same month the year before , for comparison.</t>
  </si>
  <si>
    <t>The basic information I needed for the months payment</t>
  </si>
  <si>
    <t>easy to read , the charges</t>
  </si>
  <si>
    <t>I guess I still like the old style , but on one page , as I do print out the bill each month for my records</t>
  </si>
  <si>
    <t>this is not related , but with the recent outage it was a pain to report the outage, before all you had to do was punch your home address numbers on your phone, it was all automated</t>
  </si>
  <si>
    <t>06/23/2016 15:40:47</t>
  </si>
  <si>
    <t>I like it the way it is.</t>
  </si>
  <si>
    <t>I like the information on the back of the bill about water usage and how much water is used for various functions.</t>
  </si>
  <si>
    <t>06/23/2016 15:41:40</t>
  </si>
  <si>
    <t>Ease to read</t>
  </si>
  <si>
    <t>06/23/2016 15:48:07</t>
  </si>
  <si>
    <t>06/23/2016 15:48:11</t>
  </si>
  <si>
    <t>06/23/2016 15:53:49</t>
  </si>
  <si>
    <t>no major issues with the bill</t>
  </si>
  <si>
    <t>easy to understand the bill breakdown</t>
  </si>
  <si>
    <t>if you combined the 2 formats that would be good</t>
  </si>
  <si>
    <t>06/23/2016 15:56:23</t>
  </si>
  <si>
    <t>06/23/2016 15:57:09</t>
  </si>
  <si>
    <t>this survey is too difficult to do</t>
  </si>
  <si>
    <t>easier on us older customers to read</t>
  </si>
  <si>
    <t>less words more visual</t>
  </si>
  <si>
    <t>06/23/2016 16:04:38</t>
  </si>
  <si>
    <t>IT'S FINE WITH ME THE WAY IT IS</t>
  </si>
  <si>
    <t>Amount due and date are very clear and easy to find.</t>
  </si>
  <si>
    <t>I really don't know. I guess it was the color graph.</t>
  </si>
  <si>
    <t>I guess because it is not so busy with a lot of information.</t>
  </si>
  <si>
    <t>Keep things simple and not crowed. Keep it easy to read, but with all the information needed.</t>
  </si>
  <si>
    <t>06/23/2016 16:08:08</t>
  </si>
  <si>
    <t>I have learned how to read them so that doesn't matter to much.</t>
  </si>
  <si>
    <t>Never understand all the different charges</t>
  </si>
  <si>
    <t>06/23/2016 16:08:45</t>
  </si>
  <si>
    <t>Best looking and easier to read.</t>
  </si>
  <si>
    <t>06/23/2016 16:09:51</t>
  </si>
  <si>
    <t>Easier to read and comprehend</t>
  </si>
  <si>
    <t>Don't like the large circular graph--it doesn't make much sense.</t>
  </si>
  <si>
    <t>06/23/2016 16:11:16</t>
  </si>
  <si>
    <t>don't really care</t>
  </si>
  <si>
    <t>It actually has everything on it I would want on a utility bill.</t>
  </si>
  <si>
    <t>The second one doesn't give me any information I didn't already have.</t>
  </si>
  <si>
    <t>too much wasteful information on the first one.</t>
  </si>
  <si>
    <t>Don't really care 'cause I never look at it.  I get the notice that it is due, when, and how much via an email and that's enough for me.</t>
  </si>
  <si>
    <t>06/23/2016 16:12:06</t>
  </si>
  <si>
    <t>06/23/2016 16:14:23</t>
  </si>
  <si>
    <t>Bolder</t>
  </si>
  <si>
    <t>I like pies it gives a better view.</t>
  </si>
  <si>
    <t>Clear</t>
  </si>
  <si>
    <t>06/23/2016 16:18:18</t>
  </si>
  <si>
    <t>It is  highlited and really stands out. Easy to read.</t>
  </si>
  <si>
    <t>easy to read.</t>
  </si>
  <si>
    <t>06/23/2016 16:20:30</t>
  </si>
  <si>
    <t>06/23/2016 16:22:57</t>
  </si>
  <si>
    <t>Maybe one time per year give a summary of what all those charges are for.  I understand the usage, but there are many charges I'm sure customers don't understand.  Example:  PJM cost; Cook Nuclear Plant Life Cycle Cost; Capacity Settlement Rider; Federal</t>
  </si>
  <si>
    <t>It is easier to determine what I owe.  What my total is.</t>
  </si>
  <si>
    <t>I like graphs; the colors identify a summary of charges.</t>
  </si>
  <si>
    <t>Not so busy; gets to the point.  What I owe; and where the dollars originate</t>
  </si>
  <si>
    <t>We have two meters; each meter has too much paper; put all the pertinent information on one to two pages; not two pages for each meter.  Thanks for asking</t>
  </si>
  <si>
    <t>06/23/2016 16:26:24</t>
  </si>
  <si>
    <t>06/23/2016 16:30:35</t>
  </si>
  <si>
    <t>06/23/2016 16:31:48</t>
  </si>
  <si>
    <t>For those of us on the budget plan, please better explain budget account balance.  Does this mean I overpaid or owe money?</t>
  </si>
  <si>
    <t>better usage info and usage graph.</t>
  </si>
  <si>
    <t>06/23/2016 16:35:07</t>
  </si>
  <si>
    <t>06/23/2016 16:35:35</t>
  </si>
  <si>
    <t>6 through 10 means nothing to my bill</t>
  </si>
  <si>
    <t>clean and to the point</t>
  </si>
  <si>
    <t>explained more</t>
  </si>
  <si>
    <t>I only have a outside light so I get billed every month on line I pay 6 to 8 months in advance on my light It would be nice if they told me how much I had left on the funds that I gave them.</t>
  </si>
  <si>
    <t>06/23/2016 16:42:48</t>
  </si>
  <si>
    <t>No additions</t>
  </si>
  <si>
    <t>Other looks confusing</t>
  </si>
  <si>
    <t>06/23/2016 16:43:45</t>
  </si>
  <si>
    <t>Easily read, more comprehensive.</t>
  </si>
  <si>
    <t>Don't need info in other</t>
  </si>
  <si>
    <t>It is the most comprehensive.</t>
  </si>
  <si>
    <t>06/23/2016 16:43:49</t>
  </si>
  <si>
    <t>It stands out and you do not have to go through all the pages to find it.</t>
  </si>
  <si>
    <t>I would think the top choice should be further back in the bill. There are times I am in a hurry and do not have time to check all this out.</t>
  </si>
  <si>
    <t>I would like to see the top part of the bottom bill put on the top part of the top bill. It stands out and I know what to pay. I save all my bills to my computer at a later date I can go back and check out the rest of the bill.</t>
  </si>
  <si>
    <t>You do a great job. I really do not have a problem with your billings. I just think for active lives that do not have time to look right away this would be an easier concept. I do look over my bills every month because I live on a fixed income.</t>
  </si>
  <si>
    <t>06/23/2016 16:46:30</t>
  </si>
  <si>
    <t>remove all extra charges caused by EPAPA</t>
  </si>
  <si>
    <t>It is stupid for me to pay an extra charge for you to send me letters telling me not to use electricity when you are in the business to sell electricity. Its not fair to your stockholders or the consumers who have chosen clean electricity as their fuel of</t>
  </si>
  <si>
    <t>It has all the information needed to pay your bill.</t>
  </si>
  <si>
    <t>There shouldn't be extra fees riders.  One product , one charge.</t>
  </si>
  <si>
    <t>It looks better to me.</t>
  </si>
  <si>
    <t>Leave it like it is and 
quit wasting time and money trying to change things.</t>
  </si>
  <si>
    <t>06/23/2016 16:46:57</t>
  </si>
  <si>
    <t>I'm on the budget plan.  I rarely look at anything other than the monthly amount...which doesn't change.  My pet peeve however, is that you won't charge my monthly budgeted amount to my credit card.  I'll gladly sign-up for electronic delivery (email) of</t>
  </si>
  <si>
    <t>I only look at the bottom line.</t>
  </si>
  <si>
    <t>Why you won't go to automatic payment from my credit card.  Comcast, my trash collector, Verizon, heck, even my church allows me to have a set amount charged to my credit card each month.  Only AEP and NIPSCO seem to be fighting this convenience.</t>
  </si>
  <si>
    <t>How much and when...that's what I need to know.</t>
  </si>
  <si>
    <t>I owe it...do I have a choice to pay Riders and Fees, Transmission, etc?</t>
  </si>
  <si>
    <t>It tells my how much I owe and when it's due (again...how about going to automatically charging my credit card?)</t>
  </si>
  <si>
    <t>My current budget plan amount is $100 per month.  I can't negotiate a lower rate.  It's nice to have a brake down of the bill but it really is irrelevant.  Can I refuse to pay some of the fees?  If so, let's talk.  If not, why bother with listing them eac</t>
  </si>
  <si>
    <t>06/23/2016 16:48:43</t>
  </si>
  <si>
    <t>06/23/2016 16:50:50</t>
  </si>
  <si>
    <t>06/23/2016 16:55:02</t>
  </si>
  <si>
    <t>I find bill matrix a headache and annoying.</t>
  </si>
  <si>
    <t>Color and easy to read</t>
  </si>
  <si>
    <t>Colorful and easy to read.</t>
  </si>
  <si>
    <t>Easy to read, but i like charts on the other one.</t>
  </si>
  <si>
    <t>06/23/2016 17:07:54</t>
  </si>
  <si>
    <t>Present KWH cost vs year ago, and percent increase/decrease.</t>
  </si>
  <si>
    <t>Eliminates superfluous information.</t>
  </si>
  <si>
    <t>Max info at quick glance.</t>
  </si>
  <si>
    <t>Same info with quick glance.</t>
  </si>
  <si>
    <t>06/23/2016 17:12:28</t>
  </si>
  <si>
    <t>06/23/2016 17:14:52</t>
  </si>
  <si>
    <t>Needs a better comparison of current cost and usage to about 14 months ago, including cost per KH.  Very little complaint about appearance.</t>
  </si>
  <si>
    <t>Cost per KH.</t>
  </si>
  <si>
    <t>06/23/2016 17:16:28</t>
  </si>
  <si>
    <t>Much info in very small spaces...hard to read and locate necessary specifics.</t>
  </si>
  <si>
    <t>Large notification who creditor is.</t>
  </si>
  <si>
    <t>Somewhat easier to read and digest.</t>
  </si>
  <si>
    <t>06/23/2016 17:24:07</t>
  </si>
  <si>
    <t>06/23/2016 17:25:48</t>
  </si>
  <si>
    <t>Color</t>
  </si>
  <si>
    <t>06/23/2016 17:29:01</t>
  </si>
  <si>
    <t>Satisfied no change</t>
  </si>
  <si>
    <t>06/23/2016 17:30:57</t>
  </si>
  <si>
    <t>#1 would be the amount owed on the current bill and #2 would be the due date for payment.</t>
  </si>
  <si>
    <t>Ease in spotting the pertinent information.</t>
  </si>
  <si>
    <t>a clear picture of the breakdown in charges</t>
  </si>
  <si>
    <t>Clearer, easier to spot the information I am looking for.</t>
  </si>
  <si>
    <t>06/23/2016 17:39:22</t>
  </si>
  <si>
    <t>06/23/2016 17:43:17</t>
  </si>
  <si>
    <t>06/23/2016 17:52:40</t>
  </si>
  <si>
    <t>Info is there!!!!</t>
  </si>
  <si>
    <t>Info</t>
  </si>
  <si>
    <t>Info on paper</t>
  </si>
  <si>
    <t>06/23/2016 17:59:25</t>
  </si>
  <si>
    <t>Other utilities play by phone is free and much much easier to excecute!</t>
  </si>
  <si>
    <t>Easier to read with large r letters, more attractive and simpler.</t>
  </si>
  <si>
    <t>More info although vague and more attractive</t>
  </si>
  <si>
    <t>Did not pick either because neither are readable on sample too small</t>
  </si>
  <si>
    <t>06/23/2016 18:11:51</t>
  </si>
  <si>
    <t>looks nicer</t>
  </si>
  <si>
    <t>more detailed</t>
  </si>
  <si>
    <t>like the look better but dont see the meter reading on this one</t>
  </si>
  <si>
    <t>06/23/2016 18:24:56</t>
  </si>
  <si>
    <t>needs a more simplified break down of cost per usage.</t>
  </si>
  <si>
    <t>simple, informative, easy to understand.</t>
  </si>
  <si>
    <t>illustrations</t>
  </si>
  <si>
    <t>I like this new lay out if that what  is coming!</t>
  </si>
  <si>
    <t>06/23/2016 18:32:25</t>
  </si>
  <si>
    <t>not sure looks neater</t>
  </si>
  <si>
    <t>side by side I like this one better.</t>
  </si>
  <si>
    <t>06/23/2016 18:32:31</t>
  </si>
  <si>
    <t>06/23/2016 19:09:09</t>
  </si>
  <si>
    <t>I have not paid much attention to the bills, but I'd like to be able to see monthly comparisons with past bills.</t>
  </si>
  <si>
    <t>Bolder graphics</t>
  </si>
  <si>
    <t>Clear graphics</t>
  </si>
  <si>
    <t>Clearer graphics.</t>
  </si>
  <si>
    <t>06/23/2016 19:19:57</t>
  </si>
  <si>
    <t>06/23/2016 19:52:28</t>
  </si>
  <si>
    <t>06/23/2016 20:02:57</t>
  </si>
  <si>
    <t>06/23/2016 20:03:16</t>
  </si>
  <si>
    <t>informative but simple</t>
  </si>
  <si>
    <t>like it better</t>
  </si>
  <si>
    <t>explains everything</t>
  </si>
  <si>
    <t>06/23/2016 20:04:14</t>
  </si>
  <si>
    <t>It's much easier to sort out different information.  The second one is awful, and provides much less information.</t>
  </si>
  <si>
    <t>Contains much more information, and much easier to sort out the information.</t>
  </si>
  <si>
    <t>06/23/2016 20:07:42</t>
  </si>
  <si>
    <t>06/23/2016 20:18:32</t>
  </si>
  <si>
    <t>06/23/2016 20:18:53</t>
  </si>
  <si>
    <t>Much, much easier to understand.</t>
  </si>
  <si>
    <t>Graphs always tell much more.</t>
  </si>
  <si>
    <t>Makes much more sense.</t>
  </si>
  <si>
    <t>The examples presented are nice improvements.</t>
  </si>
  <si>
    <t>06/23/2016 20:21:32</t>
  </si>
  <si>
    <t>06/23/2016 20:22:25</t>
  </si>
  <si>
    <t>06/23/2016 20:24:07</t>
  </si>
  <si>
    <t>06/23/2016 20:39:13</t>
  </si>
  <si>
    <t>06/23/2016 20:41:36</t>
  </si>
  <si>
    <t>Cost changes from previous month</t>
  </si>
  <si>
    <t>okay information</t>
  </si>
  <si>
    <t>more understandable</t>
  </si>
  <si>
    <t>More data</t>
  </si>
  <si>
    <t>keep rates low</t>
  </si>
  <si>
    <t>06/23/2016 20:48:20</t>
  </si>
  <si>
    <t>Contains more information about the account and color graphics look pleasing</t>
  </si>
  <si>
    <t>Less busy than 1st design.  Graph is overdone for information contained herein.</t>
  </si>
  <si>
    <t>All information on one page and not too many graphs like the other design</t>
  </si>
  <si>
    <t>06/23/2016 20:50:46</t>
  </si>
  <si>
    <t>Too much info in a way that is not easy to read/find things.</t>
  </si>
  <si>
    <t>Easier to read info I need to know.</t>
  </si>
  <si>
    <t>Easier to read info I need.</t>
  </si>
  <si>
    <t>06/23/2016 20:51:33</t>
  </si>
  <si>
    <t>06/23/2016 20:56:41</t>
  </si>
  <si>
    <t>Itemization is cluttered and sometimes confusing. Maybe separate my usage cost from all other mandatory costs such as PJM, coal riders...</t>
  </si>
  <si>
    <t>Itemize 'my usage' from all other costs</t>
  </si>
  <si>
    <t>06/23/2016 21:05:27</t>
  </si>
  <si>
    <t>Like the 13 month usage graph</t>
  </si>
  <si>
    <t>Don't like the graph</t>
  </si>
  <si>
    <t>Second choice doesn't have my meter number or the table showing usage.
I like seeing the specific numbers</t>
  </si>
  <si>
    <t>Just send the bill....I don't want all the extra inserts! Never look at them...just throw them away.</t>
  </si>
  <si>
    <t>06/23/2016 21:06:55</t>
  </si>
  <si>
    <t>06/23/2016 21:31:10</t>
  </si>
  <si>
    <t>Has my account number</t>
  </si>
  <si>
    <t>Detailed</t>
  </si>
  <si>
    <t>06/23/2016 21:33:58</t>
  </si>
  <si>
    <t>The amount needed to be paid.</t>
  </si>
  <si>
    <t>Gives me the pertinent information I need</t>
  </si>
  <si>
    <t>Shows me usage and costs</t>
  </si>
  <si>
    <t>Thank you for your concern to ask the consumer opinions</t>
  </si>
  <si>
    <t>06/23/2016 21:41:04</t>
  </si>
  <si>
    <t>06/23/2016 21:47:17</t>
  </si>
  <si>
    <t>The information provided in addition to the monthly charge is not clear and needs further explanation.</t>
  </si>
  <si>
    <t>I like info re. charges immediately available.</t>
  </si>
  <si>
    <t>I like the visual better</t>
  </si>
  <si>
    <t>06/23/2016 22:00:34</t>
  </si>
  <si>
    <t>06/23/2016 22:04:12</t>
  </si>
  <si>
    <t>Current amount due  Bold and easy to find
Account number in an easy to find spot - 
a phone number to reach a human and not a recording</t>
  </si>
  <si>
    <t>Bold, easy to read and due date is prominent</t>
  </si>
  <si>
    <t>If the colors would go to an explanation of that charge (when clicked on it would be good HOWEVER a due date needs to be on the left in bold, or in the center with total.</t>
  </si>
  <si>
    <t>The explains the page the previous page, so ignore my comments.........I must not have read carefully that these were proposed in order of the bill post.
With less clutter on the bill, it could be in larger font for us aging folk......I know, we can make</t>
  </si>
  <si>
    <t>Thank you for taking the time to hear thoughts from the customer.  Now, prepare yourselves for all the cantankerous folk who will be upset that you didn't choose their choice.
Enjoy your reading and work.</t>
  </si>
  <si>
    <t>06/23/2016 22:14:10</t>
  </si>
  <si>
    <t>It has more information. Acct number, service dates snd blue color is more eye appealing.</t>
  </si>
  <si>
    <t>Breakdown of charges.</t>
  </si>
  <si>
    <t>Has more detailed information on usage and history.</t>
  </si>
  <si>
    <t>I think the bills are detailed and effective already. The only thing the new options shown were the use of colored ink and graphs which really isnt necessary.</t>
  </si>
  <si>
    <t>06/23/2016 22:15:04</t>
  </si>
  <si>
    <t>06/23/2016 22:25:12</t>
  </si>
  <si>
    <t>Not customer friendly.  There is no consistent due dater for payment. Very confusing details.</t>
  </si>
  <si>
    <t>Too confusing to read.</t>
  </si>
  <si>
    <t>Clarity</t>
  </si>
  <si>
    <t>Just the needed info</t>
  </si>
  <si>
    <t>06/23/2016 22:36:01</t>
  </si>
  <si>
    <t>06/23/2016 23:30:46</t>
  </si>
  <si>
    <t>All pertinent information is right up front.  However, the account number could be in the same size font as 'Amount due'.</t>
  </si>
  <si>
    <t>Not really sure why I would be interested in the summary of charges.</t>
  </si>
  <si>
    <t>Just think the current bill is adequate.  All the information is right there.  Would like to see the bill be one page though.</t>
  </si>
  <si>
    <t>I think the current bill is fine.  Sometimes change is good, but not always.</t>
  </si>
  <si>
    <t>06/23/2016 23:46:09</t>
  </si>
  <si>
    <t>It's sufficient. I mean it's a utility, a prettier layout is always a possibility but it's mostly about function right? 
A break down of my daily or even hourly usage would be neat. 
Being able to track when my high power usage times could be an interes</t>
  </si>
  <si>
    <t>Colors draw eyes, easier to comprehend.</t>
  </si>
  <si>
    <t>Graphics are a nice touch.</t>
  </si>
  <si>
    <t>Fucking superb gentlemen. Excellent design.</t>
  </si>
  <si>
    <t>Online applications are great. Make paying a bill the press of a button on my phone.</t>
  </si>
  <si>
    <t>06/24/2016 00:04:54</t>
  </si>
  <si>
    <t>06/24/2016 00:05:00</t>
  </si>
  <si>
    <t>Care about the amount due and due date.</t>
  </si>
  <si>
    <t>The other doesn't mean much to me.</t>
  </si>
  <si>
    <t>06/24/2016 00:41:58</t>
  </si>
  <si>
    <t>n/a</t>
  </si>
  <si>
    <t>06/24/2016 01:16:57</t>
  </si>
  <si>
    <t>Meter Number
Cycle-Route
Meter Code Reading Detail</t>
  </si>
  <si>
    <t>Directs my attention more quickly</t>
  </si>
  <si>
    <t>The circle format is distracting and not needed</t>
  </si>
  <si>
    <t>Only because I prefer this 'Amount Due' format better. My actual prefer would be a combination of this 'Amount Due' format and the additional information on the other dormat</t>
  </si>
  <si>
    <t>06/24/2016 01:37:07</t>
  </si>
  <si>
    <t>I don't know, maybe the color stood out . caught my eye....</t>
  </si>
  <si>
    <t>again caught my eye.</t>
  </si>
  <si>
    <t>Color and layout, caught my eye....</t>
  </si>
  <si>
    <t>Add some color......</t>
  </si>
  <si>
    <t>06/24/2016 01:54:50</t>
  </si>
  <si>
    <t>Appearance and detailed.</t>
  </si>
  <si>
    <t>More detailed</t>
  </si>
  <si>
    <t>Easier to read and understand the usage, and totals.</t>
  </si>
  <si>
    <t>06/24/2016 03:51:42</t>
  </si>
  <si>
    <t>no changes.  i do not feel the need for color on the bill and it seems that would be an added administrative expense to you the overall bottom line of AEP.  I do not wish to receive extra pages of promotion .  My preference is to received the amount I owe</t>
  </si>
  <si>
    <t>I am happy with the information about my account on the existing bills.  Again, I do not wish to see extra pages of ads or promotion.</t>
  </si>
  <si>
    <t>I actually think the other providers bills are worse.  I feel the AEPs bills are better.</t>
  </si>
  <si>
    <t>I feel it has more information.</t>
  </si>
  <si>
    <t>Feel that it provides more information.</t>
  </si>
  <si>
    <t>I feel it provides more information and is organized in a manner that is easy to find and understand.</t>
  </si>
  <si>
    <t>No additional feedback comes to mind.</t>
  </si>
  <si>
    <t>06/24/2016 05:28:13</t>
  </si>
  <si>
    <t>phone number to call if loss of power</t>
  </si>
  <si>
    <t>Has all information I would like to have on my bill. The one I didn't select didn't have enough information--too basic</t>
  </si>
  <si>
    <t>Can see where my money is going</t>
  </si>
  <si>
    <t>easier to read and find information</t>
  </si>
  <si>
    <t>06/24/2016 06:01:12</t>
  </si>
  <si>
    <t>General trend of electricity consumption through the year and seasons</t>
  </si>
  <si>
    <t>Amount and date due together and service information nearby; account and address also close together and easily accessible.</t>
  </si>
  <si>
    <t>Good graphic representation of billing and nice breakdown of components for the billing.</t>
  </si>
  <si>
    <t>Far easier to pick up range of information at a glance.</t>
  </si>
  <si>
    <t>Thanks for giving this the thought that is illustrated here and thanks for checking my opinion.</t>
  </si>
  <si>
    <t>06/24/2016 06:02:08</t>
  </si>
  <si>
    <t>06/24/2016 06:12:49</t>
  </si>
  <si>
    <t>06/24/2016 06:47:52</t>
  </si>
  <si>
    <t>Ease in finding info; colour: amount due and due date clearly visible; past service info nice to have ....really like this.  The other has irrelevant info to me.</t>
  </si>
  <si>
    <t>It is obviously easier to understand.</t>
  </si>
  <si>
    <t>06/24/2016 07:16:05</t>
  </si>
  <si>
    <t>They are a bill and I can understand them well but I have no complaints on how they look or no compliments.  It is what it is.</t>
  </si>
  <si>
    <t>cleaner and easier to read</t>
  </si>
  <si>
    <t>lets me know what I am paying for</t>
  </si>
  <si>
    <t>I like the look of this new design it is much easier to read and I can quickly ascertain what I need to pay and when I need to pay it.</t>
  </si>
  <si>
    <t>06/24/2016 07:32:34</t>
  </si>
  <si>
    <t>06/24/2016 07:33:15</t>
  </si>
  <si>
    <t>I like it the way that it is.</t>
  </si>
  <si>
    <t>You have covered the information I wish to see.</t>
  </si>
  <si>
    <t>It is easier to read.  The second on has the type all the same.  By adding color and different sized fonts the information is much easier to read.  It even includes much more information.</t>
  </si>
  <si>
    <t>As with the previous selection the color is really an added plus and it integrates greater information.</t>
  </si>
  <si>
    <t>The one I chose is laid out much more efficiently!  I did not think that color mattered, but I see that it does make a difference.  Also the first one looks so much more cluttered.  I can't read just what information it has, but I am assuming that it woul</t>
  </si>
  <si>
    <t>Thank you for letting me participate in your survey.  It is good that even though your system is working you are trying to make it even better.</t>
  </si>
  <si>
    <t>06/24/2016 07:44:37</t>
  </si>
  <si>
    <t>06/24/2016 07:45:55</t>
  </si>
  <si>
    <t>It is easier to read and see if someone where older</t>
  </si>
  <si>
    <t>It gives a description</t>
  </si>
  <si>
    <t>When you actually see the format it seems like it explains more.</t>
  </si>
  <si>
    <t>06/24/2016 07:46:08</t>
  </si>
  <si>
    <t>It is a bill so it is not aesthetically pleasing or displeasing</t>
  </si>
  <si>
    <t>06/24/2016 07:48:41</t>
  </si>
  <si>
    <t>Grabbed my interest</t>
  </si>
  <si>
    <t>Grabbed my interest and concise</t>
  </si>
  <si>
    <t>More interesting</t>
  </si>
  <si>
    <t>06/24/2016 08:03:17</t>
  </si>
  <si>
    <t>Ease of reading</t>
  </si>
  <si>
    <t>I don't really care what percent is for what.  I need to know what I owe and when it's due.</t>
  </si>
  <si>
    <t>06/24/2016 08:51:29</t>
  </si>
  <si>
    <t>It stands out due to the color.</t>
  </si>
  <si>
    <t>The added details to explain what the charges are for</t>
  </si>
  <si>
    <t>There is more details explaining the charges.  I would miss that, however I like the added color on the other bill.</t>
  </si>
  <si>
    <t>06/24/2016 08:59:39</t>
  </si>
  <si>
    <t>Has the most detailed information</t>
  </si>
  <si>
    <t>Most Information</t>
  </si>
  <si>
    <t>More to the point</t>
  </si>
  <si>
    <t>06/24/2016 09:26:24</t>
  </si>
  <si>
    <t>06/24/2016 09:27:19</t>
  </si>
  <si>
    <t>more clear</t>
  </si>
  <si>
    <t>visual</t>
  </si>
  <si>
    <t>I can explain usage to my wife...</t>
  </si>
  <si>
    <t>.</t>
  </si>
  <si>
    <t>06/24/2016 09:43:57</t>
  </si>
  <si>
    <t>I think they are fine</t>
  </si>
  <si>
    <t>The amount and date due are the first thing you notice</t>
  </si>
  <si>
    <t>It's more legible, makes more sense</t>
  </si>
  <si>
    <t>You don't have to search for what you are looking for</t>
  </si>
  <si>
    <t>06/24/2016 09:47:40</t>
  </si>
  <si>
    <t>06/24/2016 09:54:44</t>
  </si>
  <si>
    <t>06/24/2016 09:59:50</t>
  </si>
  <si>
    <t>Month to month by comparison to last year</t>
  </si>
  <si>
    <t>Much easier to read</t>
  </si>
  <si>
    <t>Much more difinitive</t>
  </si>
  <si>
    <t>06/24/2016 10:12:29</t>
  </si>
  <si>
    <t>amount of electricity used in months up to 1 year ago</t>
  </si>
  <si>
    <t>Easier to read with the color, different size print</t>
  </si>
  <si>
    <t>more interesting</t>
  </si>
  <si>
    <t>I am used to this one</t>
  </si>
  <si>
    <t>I like what I see now, however if you change anything I will just get used to that too.  Thank you.</t>
  </si>
  <si>
    <t>06/24/2016 10:22:06</t>
  </si>
  <si>
    <t>06/24/2016 10:29:25</t>
  </si>
  <si>
    <t>The emails don't have the usage details. I have to sign on for that. It's just the amount and due date</t>
  </si>
  <si>
    <t>More pleasing to the eye</t>
  </si>
  <si>
    <t>More specific usage info, but a combination would be nice</t>
  </si>
  <si>
    <t>06/24/2016 11:12:15</t>
  </si>
  <si>
    <t>TOTAL AMOUNT DUE AND DUE DATE</t>
  </si>
  <si>
    <t>I LIKE THE BRANDING AND I LIKE THE ACCOUNT NUMBER AND NAME AND SERVICE ADDRESS AND THE LARGE BOLD AMOUNT DUE AND THE DUE DATE.  THE SECOND ONE IS GENERIC.</t>
  </si>
  <si>
    <t>I REALLY DON'T LIKE EITHER ONE</t>
  </si>
  <si>
    <t>MORE EXPLAINATION AND DETAIL.  ACTUALLY I LIKE THE COLOR BRANDING ON THE SECOND ONE, THE TOP HALP, AND THE DETAILS ON THE FIRST ONE, THE BOTTOM HALF</t>
  </si>
  <si>
    <t>06/24/2016 11:22:56</t>
  </si>
  <si>
    <t>Usage s way down at the bottom and the numerous fees are not explained as to why I'm being charged for them.</t>
  </si>
  <si>
    <t>It's clean and is more clear as to what the amount due is.</t>
  </si>
  <si>
    <t>Is very clear as to what is in that $100 that is my bill.</t>
  </si>
  <si>
    <t>Way more modern and is less cluttered.</t>
  </si>
  <si>
    <t>06/24/2016 11:36:04</t>
  </si>
  <si>
    <t>Easier to read &amp; understand.</t>
  </si>
  <si>
    <t>More explanatory.</t>
  </si>
  <si>
    <t>Really like it.</t>
  </si>
  <si>
    <t>06/24/2016 11:41:32</t>
  </si>
  <si>
    <t>CLEAR AND EASY TO READ.</t>
  </si>
  <si>
    <t>I LIKE TO MONITOR THE BREAKDOWN</t>
  </si>
  <si>
    <t>I LIKE THE ADDITIONAL INFORMATION - ESPECIALLY USAGE</t>
  </si>
  <si>
    <t>06/24/2016 11:58:50</t>
  </si>
  <si>
    <t>i picked 'neither satisfied nor satisfied' ... i did not say i was less than satisfied</t>
  </si>
  <si>
    <t>06/24/2016 12:05:29</t>
  </si>
  <si>
    <t>hAS MORE INFORMATION</t>
  </si>
  <si>
    <t>eASIER TO READ</t>
  </si>
  <si>
    <t>sIMPLIER</t>
  </si>
  <si>
    <t>06/24/2016 12:23:35</t>
  </si>
  <si>
    <t>how much is bill and when it is due!!!!!</t>
  </si>
  <si>
    <t>it stood out better easy to read...</t>
  </si>
  <si>
    <t>I don't need a graft on my bill just the amount needed to be paid....</t>
  </si>
  <si>
    <t>don'tneed grafts to pay my bill</t>
  </si>
  <si>
    <t>if the bill stays the same it would be just fine with me</t>
  </si>
  <si>
    <t>06/24/2016 12:27:19</t>
  </si>
  <si>
    <t>F all the above</t>
  </si>
  <si>
    <t>06/24/2016 12:41:20</t>
  </si>
  <si>
    <t>06/24/2016 12:42:33</t>
  </si>
  <si>
    <t>Since there is no option to go 'back' and change my answer to satisfied, I chose 'neither' because nothing distinctly stands out as bad or good on the bill.</t>
  </si>
  <si>
    <t>the Amount Due and Due Date are very clear.  Don't necessary care about the color, just the fact that I can quickly spot those 2 items.</t>
  </si>
  <si>
    <t>easier to read giving a breakdown of costs</t>
  </si>
  <si>
    <t>easier to read, but I can't quite tell if the information is the same on them since the pictures cannot be blown up.  I wouldn't want to lose any information from the original bill to the new layout.</t>
  </si>
  <si>
    <t>06/24/2016 12:59:11</t>
  </si>
  <si>
    <t>Emergency info of how to contact immediately,phone no, and person to reach. What kind of information you need from me.</t>
  </si>
  <si>
    <t>complete explanation on chart</t>
  </si>
  <si>
    <t>its okay as long as I know what I owe and the date and reason for amts on bill and if automatic bill pay or other. Prefer larger print.</t>
  </si>
  <si>
    <t>06/24/2016 13:15:33</t>
  </si>
  <si>
    <t>fine as is</t>
  </si>
  <si>
    <t>bolder with just the basics</t>
  </si>
  <si>
    <t>more specific and easier to understand</t>
  </si>
  <si>
    <t>I like the detail</t>
  </si>
  <si>
    <t>06/24/2016 13:27:59</t>
  </si>
  <si>
    <t>06/24/2016 15:46:15</t>
  </si>
  <si>
    <t>06/24/2016 16:07:55</t>
  </si>
  <si>
    <t>tells you where you spent your money</t>
  </si>
  <si>
    <t>catches your eye more</t>
  </si>
  <si>
    <t>06/24/2016 17:22:27</t>
  </si>
  <si>
    <t>06/24/2016 17:26:43</t>
  </si>
  <si>
    <t>06/24/2016 17:27:22</t>
  </si>
  <si>
    <t>Better to read</t>
  </si>
  <si>
    <t>Like both</t>
  </si>
  <si>
    <t>06/24/2016 18:13:08</t>
  </si>
  <si>
    <t>easier to read; clearly gives amount due and due date</t>
  </si>
  <si>
    <t>easier to read; provides a complete breakdown of components of the total bill</t>
  </si>
  <si>
    <t>easier to read; simpler format with not as much extraneous information to read</t>
  </si>
  <si>
    <t>06/24/2016 18:32:59</t>
  </si>
  <si>
    <t>06/24/2016 19:22:30</t>
  </si>
  <si>
    <t>They are confusing</t>
  </si>
  <si>
    <t>06/24/2016 20:19:44</t>
  </si>
  <si>
    <t>It looks more professional</t>
  </si>
  <si>
    <t>06/24/2016 20:53:54</t>
  </si>
  <si>
    <t>more imformation. stands out better.</t>
  </si>
  <si>
    <t>like the breakdown</t>
  </si>
  <si>
    <t>easier to pick upcontent.</t>
  </si>
  <si>
    <t>06/24/2016 21:57:28</t>
  </si>
  <si>
    <t>The background color makes the account information stand out.  Easy to read and find amount due and date due.</t>
  </si>
  <si>
    <t>Graph is easy to read breakdown of costs</t>
  </si>
  <si>
    <t>Easier to read with less clutter</t>
  </si>
  <si>
    <t>06/24/2016 22:54:46</t>
  </si>
  <si>
    <t>easier to read a graph</t>
  </si>
  <si>
    <t>fresh &amp; new</t>
  </si>
  <si>
    <t>one page please</t>
  </si>
  <si>
    <t>06/24/2016 23:59:29</t>
  </si>
  <si>
    <t>06/25/2016 00:36:42</t>
  </si>
  <si>
    <t>It just doesn't stand out if that's what you're going for. It's just a bill</t>
  </si>
  <si>
    <t>06/25/2016 07:30:53</t>
  </si>
  <si>
    <t>information who to call when having problems . Speak to live person. Have office to visit</t>
  </si>
  <si>
    <t>all the information I need. Account number  address  amount   when due   during what period ending</t>
  </si>
  <si>
    <t>to much information with the other one</t>
  </si>
  <si>
    <t>all information that could want</t>
  </si>
  <si>
    <t>just larger</t>
  </si>
  <si>
    <t>06/25/2016 07:31:18</t>
  </si>
  <si>
    <t>06/25/2016 08:12:44</t>
  </si>
  <si>
    <t>06/25/2016 08:18:23</t>
  </si>
  <si>
    <t>Can't think of anything to change</t>
  </si>
  <si>
    <t>Amount in account</t>
  </si>
  <si>
    <t>Amount due &amp; date stands out</t>
  </si>
  <si>
    <t>don't understand the circle</t>
  </si>
  <si>
    <t>What I'm use to and understand</t>
  </si>
  <si>
    <t>I'm satisfied</t>
  </si>
  <si>
    <t>06/25/2016 10:12:40</t>
  </si>
  <si>
    <t>Clear and easy to read</t>
  </si>
  <si>
    <t>Cluttered appearance</t>
  </si>
  <si>
    <t>Quick and easy to read</t>
  </si>
  <si>
    <t>Thank you for looking into it</t>
  </si>
  <si>
    <t>06/25/2016 10:31:12</t>
  </si>
  <si>
    <t>06/25/2016 10:35:34</t>
  </si>
  <si>
    <t>More visible</t>
  </si>
  <si>
    <t>It's just better</t>
  </si>
  <si>
    <t>06/25/2016 10:35:57</t>
  </si>
  <si>
    <t>Has a due date and billing cycle</t>
  </si>
  <si>
    <t>Breaks down the fees</t>
  </si>
  <si>
    <t>Not so cluttered. Gives all the info one needs</t>
  </si>
  <si>
    <t>N/A</t>
  </si>
  <si>
    <t>06/25/2016 12:40:24</t>
  </si>
  <si>
    <t>The most important is amount due and due date.</t>
  </si>
  <si>
    <t>It tells me all I need to know.</t>
  </si>
  <si>
    <t>Did not understand the other one.</t>
  </si>
  <si>
    <t>Makes sence.</t>
  </si>
  <si>
    <t>06/25/2016 13:27:07</t>
  </si>
  <si>
    <t>No change needed</t>
  </si>
  <si>
    <t>1) Amount due,  2) Date due, 3) Rate per KWH</t>
  </si>
  <si>
    <t>Due date and amount due are close together and easy to spot. The other one shows the amount twice and it is unclear what 'Rate Billing' means if it is not the amount due. Aren't they both the same?</t>
  </si>
  <si>
    <t>More information, easy to understand, puts the breakdown in perspective.</t>
  </si>
  <si>
    <t>Bold, easy to read, but I never had any problem with the old one.</t>
  </si>
  <si>
    <t>I don't think there is any real need for changes, but the pie chart looks nice. The current bill tells you what ALL the fees are, and I still want that, too.</t>
  </si>
  <si>
    <t>06/25/2016 16:01:03</t>
  </si>
  <si>
    <t>KNOW THE MONTH AHEAD THE EXACT DAY THE METER WILL BE READ</t>
  </si>
  <si>
    <t>MORE INFO AND THE INFO I NEED TO KNOW.</t>
  </si>
  <si>
    <t>SOME WHAT KNOWING WHAT WE ARE PAYING FOR.</t>
  </si>
  <si>
    <t>MORE INFO   BUT COULD BE LARGER FONT</t>
  </si>
  <si>
    <t>06/25/2016 16:15:51</t>
  </si>
  <si>
    <t>simpler and to the point</t>
  </si>
  <si>
    <t>again simpler</t>
  </si>
  <si>
    <t>less confusing</t>
  </si>
  <si>
    <t>don't know</t>
  </si>
  <si>
    <t>06/25/2016 18:44:53</t>
  </si>
  <si>
    <t>06/25/2016 19:31:03</t>
  </si>
  <si>
    <t>Includes all the info I need.</t>
  </si>
  <si>
    <t>I like multi-color and graphics.  They stand out more.</t>
  </si>
  <si>
    <t>Seems like a quick and easy way to see everything I need.  More understandable.</t>
  </si>
  <si>
    <t>06/25/2016 21:53:04</t>
  </si>
  <si>
    <t>06/25/2016 23:32:03</t>
  </si>
  <si>
    <t>It was more bold and detailed.</t>
  </si>
  <si>
    <t>It is more outstanding.</t>
  </si>
  <si>
    <t>It is very detailed and the graphs help me understand my electric usage better.</t>
  </si>
  <si>
    <t>06/25/2016 23:54:33</t>
  </si>
  <si>
    <t>Easier to read 
Simple</t>
  </si>
  <si>
    <t>Easy to see everything</t>
  </si>
  <si>
    <t>Keep them short and simple.</t>
  </si>
  <si>
    <t>06/26/2016 05:50:36</t>
  </si>
  <si>
    <t>I receive 2 notification for each property (4 properties) and it would be nice to have it all combined to one bill instead of me having to click on each account.</t>
  </si>
  <si>
    <t>Nothing I can think of</t>
  </si>
  <si>
    <t>Gives me easy details</t>
  </si>
  <si>
    <t>06/26/2016 07:26:07</t>
  </si>
  <si>
    <t>I found it easier to read.  The most important info was understood in seconds</t>
  </si>
  <si>
    <t>No detail o second bill</t>
  </si>
  <si>
    <t>Too much verbage on example on the right</t>
  </si>
  <si>
    <t>06/26/2016 09:03:38</t>
  </si>
  <si>
    <t>easier to read and understand</t>
  </si>
  <si>
    <t>everything is listed on one  page and in one quick look you can get a good overview of what you have used, what you have paid, and what you owe</t>
  </si>
  <si>
    <t>06/26/2016 09:21:33</t>
  </si>
  <si>
    <t>06/26/2016 10:30:41</t>
  </si>
  <si>
    <t>It is just a bill, not a website.</t>
  </si>
  <si>
    <t>Quick read.</t>
  </si>
  <si>
    <t>06/26/2016 11:06:41</t>
  </si>
  <si>
    <t>Color and larger font</t>
  </si>
  <si>
    <t>Chart and colors</t>
  </si>
  <si>
    <t>06/26/2016 11:37:46</t>
  </si>
  <si>
    <t>Color, amount due prominent.</t>
  </si>
  <si>
    <t>Visual graph easy to grasp.</t>
  </si>
  <si>
    <t>Very nice visually!  Gives me what I need to understand.</t>
  </si>
  <si>
    <t>06/26/2016 12:13:22</t>
  </si>
  <si>
    <t>Dont have suggestion for change</t>
  </si>
  <si>
    <t>06/26/2016 12:54:19</t>
  </si>
  <si>
    <t>More information provided.</t>
  </si>
  <si>
    <t>I don't understand the terminology on the circle.</t>
  </si>
  <si>
    <t>All information listed is important to me.</t>
  </si>
  <si>
    <t>The current billing statement is sufficient.</t>
  </si>
  <si>
    <t>06/26/2016 16:10:30</t>
  </si>
  <si>
    <t>fine this way</t>
  </si>
  <si>
    <t>telephone emergency number for outages.</t>
  </si>
  <si>
    <t>Much less complex. You really don't expect most people to red all that fine print on a monthly bill,do you</t>
  </si>
  <si>
    <t>To quote others--'A tempest in a teapot!'</t>
  </si>
  <si>
    <t>06/26/2016 16:18:27</t>
  </si>
  <si>
    <t>Contact number for power outages.</t>
  </si>
  <si>
    <t>I don't like the design of the other option.</t>
  </si>
  <si>
    <t>Don't change the way it looks now.</t>
  </si>
  <si>
    <t>06/26/2016 17:34:32</t>
  </si>
  <si>
    <t>06/26/2016 17:42:04</t>
  </si>
  <si>
    <t>it tells me everything I need to know in order to pay it.  easy to read, bold large print</t>
  </si>
  <si>
    <t>not easy for me to see clearly on various shadings of color, prefer contrast of black &amp; white</t>
  </si>
  <si>
    <t>I like a clear clean look, not so jammed up with info, makes it hard for me (older person with some vision problems) to find th important information.  graphs ok only if I can see the info, otherwise of no value to me. I need very  contrasting colors.</t>
  </si>
  <si>
    <t>06/26/2016 20:35:27</t>
  </si>
  <si>
    <t>It doesn't separate the current bill from the last, it would be nice to see what is owed, without the current bill attached.</t>
  </si>
  <si>
    <t>It gives more information, and has what I paid last month and what I owe.</t>
  </si>
  <si>
    <t>Again, gives more information.</t>
  </si>
  <si>
    <t>Even though I like the first one, the second one seems to have more information and I can understand it as a whole.</t>
  </si>
  <si>
    <t>06/27/2016 09:36:00</t>
  </si>
  <si>
    <t>it explain clear and picture are easy to understand</t>
  </si>
  <si>
    <t>06/27/2016 10:04:23</t>
  </si>
  <si>
    <t>It really doesn't explain what I have used,  I am on the budget plan and I paid way over the limit last year and didn't have a bill for 3 months but my payment was adjusted up. Why? I had no explanation for it.</t>
  </si>
  <si>
    <t>06/27/2016 10:06:17</t>
  </si>
  <si>
    <t>parts of it stand out; it doesnt all blend together</t>
  </si>
  <si>
    <t>06/27/2016 12:20:25</t>
  </si>
  <si>
    <t>We are always using electronic.</t>
  </si>
  <si>
    <t>Look bettet</t>
  </si>
  <si>
    <t>Didn't care for either</t>
  </si>
  <si>
    <t>06/27/2016 15:02:57</t>
  </si>
  <si>
    <t>06/27/2016 17:07:26</t>
  </si>
  <si>
    <t>thats what I am used to</t>
  </si>
  <si>
    <t>what I am used to</t>
  </si>
  <si>
    <t>06/27/2016 21:43:09</t>
  </si>
  <si>
    <t>Service dates listed
Due Date listed</t>
  </si>
  <si>
    <t>Shows breakdown of total cost</t>
  </si>
  <si>
    <t>Gives a comparison of kwh which can alert me if something is not working properly, AC, furnace, insulation, etc.</t>
  </si>
  <si>
    <t>06/28/2016 10:38:28</t>
  </si>
  <si>
    <t>Amount due is larger and date due directly underneath</t>
  </si>
  <si>
    <t>im a visual person</t>
  </si>
  <si>
    <t>It feels more human and warming</t>
  </si>
  <si>
    <t>06/28/2016 14:01:40</t>
  </si>
  <si>
    <t>Cleaner looking</t>
  </si>
  <si>
    <t>06/28/2016 20:44:12</t>
  </si>
  <si>
    <t>Easy to read and see the amount due right away</t>
  </si>
  <si>
    <t>All topics are easy to read</t>
  </si>
  <si>
    <t>Used to the format</t>
  </si>
  <si>
    <t>06/29/2016 11:54:26</t>
  </si>
  <si>
    <t>ability to vary the payment due date</t>
  </si>
  <si>
    <t>the color enhances the ability to see amount due and when due</t>
  </si>
  <si>
    <t>much more clear as to what is included in the bill</t>
  </si>
  <si>
    <t>easier to read and see what being billed for</t>
  </si>
  <si>
    <t>06/29/2016 13:22:00</t>
  </si>
  <si>
    <t>The first was seemed to be clearer.</t>
  </si>
  <si>
    <t>This first one was more interesting.</t>
  </si>
  <si>
    <t>The second one seemed less cluttered</t>
  </si>
  <si>
    <t>06/29/2016 15:44:48</t>
  </si>
  <si>
    <t>06/29/2016 16:52:31</t>
  </si>
  <si>
    <t>06/29/2016 17:37:29</t>
  </si>
  <si>
    <t>bolder easier to see</t>
  </si>
  <si>
    <t>breaks it down a lot better</t>
  </si>
  <si>
    <t>comparsion from month to month I like</t>
  </si>
  <si>
    <t>06/30/2016 20:56:29</t>
  </si>
  <si>
    <t>The color highlight is nice and the most important information is large.  That being the amount due!  It also has the service dates along with the last amount paid.  I would like it better is it had last billing cycle amount and amount paid, maybe with a</t>
  </si>
  <si>
    <t>Another color graph which beats plain text.  This should be in addition to the prior 'Amount due' which is the most important figure on the bill...</t>
  </si>
  <si>
    <t>The color is nice, but I cannot say it is enough information.  I would still want the full facts of the meter reads and the Kwh used.  The bottom table on the current bill is also very nice as it shows clearly the Kwh usage by day and a handy reference of</t>
  </si>
  <si>
    <t>See my last comment!  Add color and graphs, but do not omit information.  You guys do a great job with your bills.  It will be nice to modernize the bill, but your current format gives fantastic information that some of us customers look at and use.</t>
  </si>
  <si>
    <t>07/01/2016 20:37:03</t>
  </si>
  <si>
    <t>07/07/2016 15:52:05</t>
  </si>
  <si>
    <t>Full explanation of all the extra charges on the bill</t>
  </si>
  <si>
    <t>07/07/2016 16:16:47</t>
  </si>
  <si>
    <t>approve of the current format and use of graphs</t>
  </si>
  <si>
    <t>07/10/2016 17:34:54</t>
  </si>
  <si>
    <t>show me what i save with the water heater. My bill states that it reflects a savings of so much. It does not show that the discount has been taken off in the summary of the bill.</t>
  </si>
  <si>
    <t>Savings associated with the hot water heater.</t>
  </si>
  <si>
    <t>It's the one that I liked better.</t>
  </si>
  <si>
    <t>I did not like the other choice at all.</t>
  </si>
  <si>
    <t>Don't like the other choice.</t>
  </si>
  <si>
    <t>07/11/2016 12:35:28</t>
  </si>
  <si>
    <t>The top bill is eye catching, has more information.</t>
  </si>
  <si>
    <t>Again, eye catching and more information</t>
  </si>
  <si>
    <t>Chose do to familiarity</t>
  </si>
  <si>
    <t>I am satisfied with the current bill with exception that it could be more colorful and therefore more eye catching</t>
  </si>
  <si>
    <t>07/12/2016 23:28:36</t>
  </si>
  <si>
    <t>07/13/2016 15:01:38</t>
  </si>
  <si>
    <t>It seems easier to read,</t>
  </si>
  <si>
    <t>Both are acceptable to me.  The graph gives a better idea of where my money is going.</t>
  </si>
  <si>
    <t>Nothing specific for my choice.  This one seems to be less cluttered.</t>
  </si>
  <si>
    <t>06/23/2016 14:02:20</t>
  </si>
  <si>
    <t>Kentucky Power</t>
  </si>
  <si>
    <t>They are OK.  Font is a little small</t>
  </si>
  <si>
    <t>simple and concise</t>
  </si>
  <si>
    <t>better</t>
  </si>
  <si>
    <t>06/23/2016 14:02:23</t>
  </si>
  <si>
    <t>I love the bottom of the bills where it shows what we paid last year to compare to this year.</t>
  </si>
  <si>
    <t>06/23/2016 14:02:58</t>
  </si>
  <si>
    <t>More expensive</t>
  </si>
  <si>
    <t>06/23/2016 14:03:23</t>
  </si>
  <si>
    <t>06/23/2016 14:03:46</t>
  </si>
  <si>
    <t>It looks better and has the account No.</t>
  </si>
  <si>
    <t>It tells me what my usages are.</t>
  </si>
  <si>
    <t>I like all the information on the left side.  The right side looks cleaner.</t>
  </si>
  <si>
    <t>06/23/2016 14:05:20</t>
  </si>
  <si>
    <t>Monthly debt card with immediate payment</t>
  </si>
  <si>
    <t>I picked  neither satisfied or dissatisfied. This question is redundant.</t>
  </si>
  <si>
    <t>I want to see each and every tax that is being added to my bill</t>
  </si>
  <si>
    <t>I don't like graphs</t>
  </si>
  <si>
    <t>I hate graphs</t>
  </si>
  <si>
    <t>I am satisfied with my bill</t>
  </si>
  <si>
    <t>06/23/2016 14:06:58</t>
  </si>
  <si>
    <t>it has all the information I would need as far as current bill billing cycle it looks better</t>
  </si>
  <si>
    <t>I like the graph it helps explain charges</t>
  </si>
  <si>
    <t>it has a nice clean look and to me it explains things better I can understand the charges better with that bill</t>
  </si>
  <si>
    <t>06/23/2016 14:06:59</t>
  </si>
  <si>
    <t>06/23/2016 14:07:15</t>
  </si>
  <si>
    <t>Just maybe expanding longer due dates with families on fixed income. Plus wouldn't hurt to families on fixed incomes a reasonable discount</t>
  </si>
  <si>
    <t>The color draws your eyes to it more</t>
  </si>
  <si>
    <t>Again the colors an pie chart</t>
  </si>
  <si>
    <t>More details in what's going on</t>
  </si>
  <si>
    <t>Like I said before great colors an charts help but also need the fine details too</t>
  </si>
  <si>
    <t>06/23/2016 14:07:19</t>
  </si>
  <si>
    <t>Amount due more prominent</t>
  </si>
  <si>
    <t>Gets my attention. Makes me want to figure it out</t>
  </si>
  <si>
    <t>It's different</t>
  </si>
  <si>
    <t>The design I chose is different and appeals to me.  Older customers may not like the change.</t>
  </si>
  <si>
    <t>06/23/2016 14:07:25</t>
  </si>
  <si>
    <t>Don't explain the whole amount of what I've already paid and what I owe, not brite enough</t>
  </si>
  <si>
    <t>Amount of what I owe,and the amount of what my credit is never showes how much I've over payed on the bugget plan</t>
  </si>
  <si>
    <t>To maney question</t>
  </si>
  <si>
    <t>06/23/2016 14:08:05</t>
  </si>
  <si>
    <t>Sometimes the budget information is confusing</t>
  </si>
  <si>
    <t>06/23/2016 14:09:02</t>
  </si>
  <si>
    <t>06/23/2016 14:09:41</t>
  </si>
  <si>
    <t>Even though the first one contains more information, it is the easier one to decipher at first glance.  I don't know what 'Tariff 015' means.   I do know my account number and address, which is on the first sample.  I find the first more appealing in ever</t>
  </si>
  <si>
    <t>Cleaner, more detailed</t>
  </si>
  <si>
    <t>06/23/2016 14:10:30</t>
  </si>
  <si>
    <t>06/23/2016 14:13:12</t>
  </si>
  <si>
    <t>Too cluttered and have useless information . On a related note am upset that we are constantly being sent letters trying to sell repair insurance to cover repairs to the service equipment . It is misleading in that it almost makes it look like the insuran</t>
  </si>
  <si>
    <t>06/23/2016 14:13:44</t>
  </si>
  <si>
    <t>They use multiple colors. Easy to understand.</t>
  </si>
  <si>
    <t>Eye-catching.</t>
  </si>
  <si>
    <t>Eye catching.</t>
  </si>
  <si>
    <t>That's all i know.</t>
  </si>
  <si>
    <t>06/23/2016 14:13:59</t>
  </si>
  <si>
    <t>I can understand that a larger font would be good, but I'm happy as it is.</t>
  </si>
  <si>
    <t>Why I'm being charged random charges. Your company is corrupt and I quite frankly hate you. Terrible customer service. Cutting down trees on my property without permission. You deserve to be sued. Don't even get me started on your random rate hikes.</t>
  </si>
  <si>
    <t>a new electric company. clean up your corupt business.</t>
  </si>
  <si>
    <t>Because I hate you and don't care for your fancy logo. Save your customers money by using less colored ink.</t>
  </si>
  <si>
    <t>Because it shows me all of your corrupt fees. Be sure to add your 'right to cut trees without permission' fee.</t>
  </si>
  <si>
    <t>Corruption in a circle.</t>
  </si>
  <si>
    <t>Lower your bills. Fire all current CSR. Donate to charity.</t>
  </si>
  <si>
    <t>06/23/2016 14:15:04</t>
  </si>
  <si>
    <t>Some month I think it was to much that all</t>
  </si>
  <si>
    <t>Keep the tree cut so the power don't go off as much</t>
  </si>
  <si>
    <t>06/23/2016 14:16:48</t>
  </si>
  <si>
    <t>18 month to 2 year history for comparison</t>
  </si>
  <si>
    <t>Easier to read......amount due jumps out at you</t>
  </si>
  <si>
    <t>Like the graph</t>
  </si>
  <si>
    <t>06/23/2016 14:18:17</t>
  </si>
  <si>
    <t>Easy to read!</t>
  </si>
  <si>
    <t>Graphs are easy to read.</t>
  </si>
  <si>
    <t>I'm use to looking at the bill that way.</t>
  </si>
  <si>
    <t>06/23/2016 14:21:59</t>
  </si>
  <si>
    <t>nothing to do with the look or appearance of the bills, the look is a minor factor to me</t>
  </si>
  <si>
    <t>I receive apx 7 bills a month with each one having a different due date. Streamline all bills to a customer to be due the same time which would eliminate late payments, because we only send bills out twice a month</t>
  </si>
  <si>
    <t>too cluttered</t>
  </si>
  <si>
    <t>clearer</t>
  </si>
  <si>
    <t>Clearer</t>
  </si>
  <si>
    <t>Make all bills to the same customer due on the same day of the month</t>
  </si>
  <si>
    <t>06/23/2016 14:22:19</t>
  </si>
  <si>
    <t>Being on budget billing, it's hard to tell by looking at it if we're under our budget for the year or we're running over it. Would be nice to see a amount that either shows credit or deficit instead of way it's currently shown now.</t>
  </si>
  <si>
    <t>To actually state a amount being deficit or credit towards the budget payment plan.</t>
  </si>
  <si>
    <t>06/23/2016 14:23:08</t>
  </si>
  <si>
    <t>06/23/2016 14:23:38</t>
  </si>
  <si>
    <t>06/23/2016 14:23:53</t>
  </si>
  <si>
    <t>Need to be more clear with previous balance</t>
  </si>
  <si>
    <t>Looks better</t>
  </si>
  <si>
    <t>06/23/2016 14:25:56</t>
  </si>
  <si>
    <t>I'm so used to this bill it's much easier</t>
  </si>
  <si>
    <t>06/23/2016 14:26:13</t>
  </si>
  <si>
    <t>06/23/2016 14:30:04</t>
  </si>
  <si>
    <t>I think they are hard to read, unclear.</t>
  </si>
  <si>
    <t>Hard to read, unclear.</t>
  </si>
  <si>
    <t>More detailed, stands out more.</t>
  </si>
  <si>
    <t>06/23/2016 14:32:06</t>
  </si>
  <si>
    <t>06/23/2016 14:32:17</t>
  </si>
  <si>
    <t>06/23/2016 14:33:23</t>
  </si>
  <si>
    <t>I would like to easier be able to understand the average monthly bill.  It's hard to know if I have a balance carrying over or if I've over paid.</t>
  </si>
  <si>
    <t>06/23/2016 14:33:44</t>
  </si>
  <si>
    <t>06/23/2016 14:43:50</t>
  </si>
  <si>
    <t>Ease of reading and more information</t>
  </si>
  <si>
    <t>less cluttered</t>
  </si>
  <si>
    <t>06/23/2016 14:44:53</t>
  </si>
  <si>
    <t>06/23/2016 14:46:33</t>
  </si>
  <si>
    <t>who cares what the bill looks like!</t>
  </si>
  <si>
    <t>just send the bill as cheap as possible so the bill can't go down don't need some pretty fancy bill to tell me i owe 200.00</t>
  </si>
  <si>
    <t>just tell me what i owe nothing else matters any way</t>
  </si>
  <si>
    <t>don't need anything fancy that is just going to drive up the bill.  like this stupid survey how much did this cost for nonsense</t>
  </si>
  <si>
    <t>why are you doing a survey about appearance.  Do you think we really care if the bill is pretty maybe you have time to set and look at how pretty the bill is we don't care just use plain paper black ink and send the damn thing.  we don't need roses or dai</t>
  </si>
  <si>
    <t>another stupid question.  but it is lovely</t>
  </si>
  <si>
    <t>oh look honey the want to make it pretty maybe puppies and kitties will make people pay their bill</t>
  </si>
  <si>
    <t>Why are you so worried about appearance we open and pay we don't look at it like it is a letter from a loved one.  The people that actually pay their bill open it find amount and pay.  the dead beats that don't pay their bills don't even open it to see ho</t>
  </si>
  <si>
    <t>06/23/2016 14:48:46</t>
  </si>
  <si>
    <t>It's simpke</t>
  </si>
  <si>
    <t>Leave it alone.</t>
  </si>
  <si>
    <t>06/23/2016 14:50:34</t>
  </si>
  <si>
    <t>from 'current Electric Charges Due' on, the bill is confusing</t>
  </si>
  <si>
    <t>understandable</t>
  </si>
  <si>
    <t>more complete</t>
  </si>
  <si>
    <t>06/23/2016 14:54:10</t>
  </si>
  <si>
    <t>Easy for me to read</t>
  </si>
  <si>
    <t>I like my old bill I know  what I am looking  At sorry  no change</t>
  </si>
  <si>
    <t>06/23/2016 14:54:31</t>
  </si>
  <si>
    <t>I have 2 accounts for my one piece of property....I receive two individual bills going to same address on the same day. I am most disappointed that one of these accounts is my stand alone garage and is billed at a much higher per KW cost than my residence</t>
  </si>
  <si>
    <t>Explain why I have 2 separate billings going to one address....when both are on my property...one being barged as small service....and being billed considerably at a higher rate!</t>
  </si>
  <si>
    <t>Over amount of information</t>
  </si>
  <si>
    <t>Has account number and due date</t>
  </si>
  <si>
    <t>I want to know exactly what I am paying for to the penny!</t>
  </si>
  <si>
    <t>Talk to customers when they have a legitimate complaint</t>
  </si>
  <si>
    <t>06/23/2016 14:56:24</t>
  </si>
  <si>
    <t>Stands out and very thorough.</t>
  </si>
  <si>
    <t>Understand everything better with it.</t>
  </si>
  <si>
    <t>06/23/2016 14:59:24</t>
  </si>
  <si>
    <t>06/23/2016 15:02:42</t>
  </si>
  <si>
    <t>06/23/2016 15:03:26</t>
  </si>
  <si>
    <t>As long as I can easily find the amount due, I'm okay with the way it looks. I don't like a bunch of junk sent with my bill either. I don't read it. it goes strait to the garbage.</t>
  </si>
  <si>
    <t>The water bill is only one sheet.</t>
  </si>
  <si>
    <t>The wheel is complicated</t>
  </si>
  <si>
    <t>Less complicated</t>
  </si>
  <si>
    <t>Lowering cost of printing a bunch of pages to only one page could pass saving along to the customers.</t>
  </si>
  <si>
    <t>06/23/2016 15:03:40</t>
  </si>
  <si>
    <t>Can be confusing to read somewhat</t>
  </si>
  <si>
    <t>06/23/2016 15:03:42</t>
  </si>
  <si>
    <t>06/23/2016 15:05:23</t>
  </si>
  <si>
    <t>06/23/2016 15:05:25</t>
  </si>
  <si>
    <t>06/23/2016 15:06:27</t>
  </si>
  <si>
    <t>06/23/2016 15:06:42</t>
  </si>
  <si>
    <t>Clarify the accumulated balance</t>
  </si>
  <si>
    <t>Logo.  Due date &amp; service dates.</t>
  </si>
  <si>
    <t>Cleaner design, but I do like the numerical details on the one not chosen.</t>
  </si>
  <si>
    <t>More detail of some of the 'other' charges such as Environmental Surcharge, Fuel Surcharge, etc.  Even researching the tariff of the Fuel Surcharge is unclear.</t>
  </si>
  <si>
    <t>06/23/2016 15:08:15</t>
  </si>
  <si>
    <t>06/23/2016 15:12:45</t>
  </si>
  <si>
    <t>Because it identify the company being represented</t>
  </si>
  <si>
    <t>It catches your attention</t>
  </si>
  <si>
    <t>I am not so much dissatisfied with the look of it as I am with the amount of it.  The extra charges that we as working class people have to pay is so ridiculous.  The HEAP stuff and retirement stuff and the maintenance stuff is so out there.  There is usu</t>
  </si>
  <si>
    <t>Give us a break on the bills</t>
  </si>
  <si>
    <t>Taking off some of the charges that we are 'required' to pay.  If we only had to pay the total amount of electricity used and the taxes, no one would have to go on a budget.  I do appreciate being on it cause if not, I would be in a world of crap.</t>
  </si>
  <si>
    <t>Too cluttered.  It sickens me to see all those other charges that I feel like should not be the responsibility of the working class man/woman.  WE work hard for what we have and we have true daily struggles and sometimes we have to pick and choose what to</t>
  </si>
  <si>
    <t>I feel like I have made myself very clear on the way I feel about the electric bill.  You mean to tell me that you all want people to take time out of their busy day to answer these questions only to do exactly what you all want with the bill.  I could ca</t>
  </si>
  <si>
    <t>06/23/2016 15:17:15</t>
  </si>
  <si>
    <t>Easy to read and all I need to know when I am in a hurry</t>
  </si>
  <si>
    <t>Very  easy to understand</t>
  </si>
  <si>
    <t>Very easily understood and even easier to read..Grabs one's attention to the basic easy to understand the extra fees we are paying.</t>
  </si>
  <si>
    <t>Can't think of any thing else.  I like the new designs I marked that I preferred</t>
  </si>
  <si>
    <t>06/23/2016 15:18:16</t>
  </si>
  <si>
    <t>More difficult to understand and follow.  More unnecessary graphs, information, and data irrelevant to the consumer.</t>
  </si>
  <si>
    <t>Less irrelevant information</t>
  </si>
  <si>
    <t>Other utility bills less expensive than electric usage.</t>
  </si>
  <si>
    <t>Easier to read, has everything I need to know in one paragraph.</t>
  </si>
  <si>
    <t>I don't need a graph to show the breakdown of power.</t>
  </si>
  <si>
    <t>Only because it is cleaner looking.</t>
  </si>
  <si>
    <t>06/23/2016 15:18:42</t>
  </si>
  <si>
    <t>06/23/2016 15:25:41</t>
  </si>
  <si>
    <t>06/23/2016 15:26:14</t>
  </si>
  <si>
    <t>06/23/2016 15:29:12</t>
  </si>
  <si>
    <t>06/23/2016 15:34:01</t>
  </si>
  <si>
    <t>I don't pay attention to the design</t>
  </si>
  <si>
    <t>Comparison of same period last year</t>
  </si>
  <si>
    <t>Easy to see</t>
  </si>
  <si>
    <t>Easy to read at first glance</t>
  </si>
  <si>
    <t>06/23/2016 15:40:50</t>
  </si>
  <si>
    <t>06/23/2016 15:47:18</t>
  </si>
  <si>
    <t>06/23/2016 15:48:47</t>
  </si>
  <si>
    <t>Taxes and what they are for</t>
  </si>
  <si>
    <t>More professional and tailored with the customer in mind</t>
  </si>
  <si>
    <t>Shows where your money goes and why</t>
  </si>
  <si>
    <t>Updated and simpler</t>
  </si>
  <si>
    <t>06/23/2016 15:50:48</t>
  </si>
  <si>
    <t>They are fine...sometimes they seem to have too much info instead of too little</t>
  </si>
  <si>
    <t>1st one overwhelms</t>
  </si>
  <si>
    <t>Overall better look</t>
  </si>
  <si>
    <t>Only thing I need to say is I am on disability...my check comes the 2nd Wed of the month...I was unable to change my due date so several times a year it makes me LOOK like I pay late...need to be able to move payment due dates a few days</t>
  </si>
  <si>
    <t>06/23/2016 15:56:35</t>
  </si>
  <si>
    <t>Hard to determine what the per kWh charge is</t>
  </si>
  <si>
    <t>Price per kWh 
A legend with understandable definitions of what charges are for 
Auto-pay (there now but wasn't listed above)</t>
  </si>
  <si>
    <t>Graph a little harder to follow</t>
  </si>
  <si>
    <t>Need the detailed beak down of charges.</t>
  </si>
  <si>
    <t>Covered</t>
  </si>
  <si>
    <t>06/23/2016 15:57:51</t>
  </si>
  <si>
    <t>It gets the job done.</t>
  </si>
  <si>
    <t>Don't have any comments.</t>
  </si>
  <si>
    <t>06/23/2016 16:00:51</t>
  </si>
  <si>
    <t>the first one looks like a game</t>
  </si>
  <si>
    <t>I can read it better</t>
  </si>
  <si>
    <t>06/23/2016 16:05:36</t>
  </si>
  <si>
    <t>06/23/2016 16:19:51</t>
  </si>
  <si>
    <t>MORE COLORFUL AND BETTER &amp; FASTER UNDERSTANDABLE.</t>
  </si>
  <si>
    <t>UNDERSTAND AND SEE CHARGES BETTER.</t>
  </si>
  <si>
    <t>06/23/2016 16:22:46</t>
  </si>
  <si>
    <t>06/23/2016 16:28:12</t>
  </si>
  <si>
    <t>06/23/2016 16:28:41</t>
  </si>
  <si>
    <t>follow this rule; 'if it ain't broke, don't fix it'</t>
  </si>
  <si>
    <t>Easier to read. .  .more information</t>
  </si>
  <si>
    <t>I would pick second one if it showed #1 information
#1 does not show service date
combine the two</t>
  </si>
  <si>
    <t>more familiar. . . remember? 'if it ain't broke, don't fix it'
I don't understand why companies have to keep changing things 
if it's good, leave it alone</t>
  </si>
  <si>
    <t>If it ain't broke, don't fix it. .If it ain't broke, don't fix it. .If it ain't broke, don't fix it
If it ain't broke, don't fix it. .If it ain't broke, don't fix it. .If it ain't broke, don't fix it
If it ain't broke, don't fix it. .If it ain't broke,</t>
  </si>
  <si>
    <t>06/23/2016 16:30:24</t>
  </si>
  <si>
    <t>06/23/2016 16:33:18</t>
  </si>
  <si>
    <t>Its easier to read.</t>
  </si>
  <si>
    <t>It is more detailed.</t>
  </si>
  <si>
    <t>It's more detailed and more appealing to the eyes. I like the graph too.</t>
  </si>
  <si>
    <t>06/23/2016 16:34:40</t>
  </si>
  <si>
    <t>06/23/2016 16:38:12</t>
  </si>
  <si>
    <t>I'm enrolled in even billing and I can never tell if I'm behind or ahead... Bill
Is very confusing.</t>
  </si>
  <si>
    <t>Make clear how much you are ahead or behind in your even billing.</t>
  </si>
  <si>
    <t>More clear information on my budget plan.... Such as how much I'm ahead or how much I'm behind.</t>
  </si>
  <si>
    <t>It's what I'm used to, so easier to read and understand.</t>
  </si>
  <si>
    <t>06/23/2016 16:41:12</t>
  </si>
  <si>
    <t>Everything is there plain and easy to read.</t>
  </si>
  <si>
    <t>It's broke down so can see how comes to that amount.</t>
  </si>
  <si>
    <t>It has more information on it.</t>
  </si>
  <si>
    <t>The new bills you showed were good but didn't have all information on it.</t>
  </si>
  <si>
    <t>06/23/2016 16:43:23</t>
  </si>
  <si>
    <t>Since I'm enrolled in paperless billing, it seems confusing as to why it provides the option to use paperless billing for free, or the other option(one time payment something-or-other). I wish it would just remember that I'm enrolled in paperless billing</t>
  </si>
  <si>
    <t>06/23/2016 16:45:41</t>
  </si>
  <si>
    <t>just looks like a typical bill</t>
  </si>
  <si>
    <t>cost of the kilowatt hr</t>
  </si>
  <si>
    <t>really don't like either one</t>
  </si>
  <si>
    <t>don't like the circle graph at all but had to pick one</t>
  </si>
  <si>
    <t>like the top of the new one but hate the graph, i prefer a break down of all the charges</t>
  </si>
  <si>
    <t>06/23/2016 16:46:22</t>
  </si>
  <si>
    <t>I can't understand how to read it</t>
  </si>
  <si>
    <t>06/23/2016 16:57:55</t>
  </si>
  <si>
    <t>06/23/2016 17:10:28</t>
  </si>
  <si>
    <t>Better, quicker to comprehend</t>
  </si>
  <si>
    <t>06/23/2016 17:12:51</t>
  </si>
  <si>
    <t>Nothing further</t>
  </si>
  <si>
    <t>Color and information displayed in an informative way.</t>
  </si>
  <si>
    <t>Provides more detail in and is quickly understood due to graphical representation.</t>
  </si>
  <si>
    <t>Layout and information</t>
  </si>
  <si>
    <t>06/23/2016 17:21:18</t>
  </si>
  <si>
    <t>06/23/2016 17:22:24</t>
  </si>
  <si>
    <t>More visible easy to determine needed information</t>
  </si>
  <si>
    <t>Easier to see information at a glance</t>
  </si>
  <si>
    <t>Same reasons</t>
  </si>
  <si>
    <t>06/23/2016 17:24:58</t>
  </si>
  <si>
    <t>Due date, budget amount due,budget balance and the total amount due</t>
  </si>
  <si>
    <t>I liked the look of the bill</t>
  </si>
  <si>
    <t>Looks like it would be easier to understand and read</t>
  </si>
  <si>
    <t>I have bad vision and I think I could see and understand the bill better it would be easier for me. Thank-you and God bless</t>
  </si>
  <si>
    <t>06/23/2016 17:32:05</t>
  </si>
  <si>
    <t>06/23/2016 17:43:40</t>
  </si>
  <si>
    <t>Phone number and web site address for billing inquiries.  Comparison to prior year usage.</t>
  </si>
  <si>
    <t>Grabs my attention with amount due and due date in large print in colored block.</t>
  </si>
  <si>
    <t>graphic presentation provides more information</t>
  </si>
  <si>
    <t>It provides the information I use in a more readable format.</t>
  </si>
  <si>
    <t>06/23/2016 17:46:39</t>
  </si>
  <si>
    <t>Better explanations</t>
  </si>
  <si>
    <t>Explanation of each item and how calculated</t>
  </si>
  <si>
    <t>Harder to understand how it is calculated.</t>
  </si>
  <si>
    <t>More cmplete</t>
  </si>
  <si>
    <t>06/23/2016 17:51:40</t>
  </si>
  <si>
    <t>06/23/2016 17:52:37</t>
  </si>
  <si>
    <t>06/23/2016 17:54:11</t>
  </si>
  <si>
    <t>Easier to understand what is due</t>
  </si>
  <si>
    <t>Clearly understood</t>
  </si>
  <si>
    <t>06/23/2016 17:56:59</t>
  </si>
  <si>
    <t>06/23/2016 18:05:31</t>
  </si>
  <si>
    <t>06/23/2016 18:10:42</t>
  </si>
  <si>
    <t>easier to see am. due</t>
  </si>
  <si>
    <t>easier to understand.</t>
  </si>
  <si>
    <t>06/23/2016 18:13:01</t>
  </si>
  <si>
    <t>06/23/2016 18:20:27</t>
  </si>
  <si>
    <t>Not change a thing.</t>
  </si>
  <si>
    <t>Just keep doing what you're doing.</t>
  </si>
  <si>
    <t>Because the other one is too small to read. The one I picked needs to be larger also.</t>
  </si>
  <si>
    <t>Keep up the good work!</t>
  </si>
  <si>
    <t>06/23/2016 18:25:27</t>
  </si>
  <si>
    <t>06/23/2016 18:28:45</t>
  </si>
  <si>
    <t>Appearance doesn't matter as long as I understand it.</t>
  </si>
  <si>
    <t>Consolidate it and put all the breakdown on the back.</t>
  </si>
  <si>
    <t>It is easier to see &amp; the blue is easy on the eyes. And it is spaced better than the bottom one</t>
  </si>
  <si>
    <t>Again the graphic &amp; colors make it easier to understand at a glacé</t>
  </si>
  <si>
    <t>A less cluttered bill would be great, however I would still like a page to show the individual breakdown. If it was online only, I would rarely go there to view it.</t>
  </si>
  <si>
    <t>06/23/2016 18:33:26</t>
  </si>
  <si>
    <t>Emails</t>
  </si>
  <si>
    <t>06/23/2016 18:34:29</t>
  </si>
  <si>
    <t>06/23/2016 18:50:08</t>
  </si>
  <si>
    <t>Just the way it is, I'm happy as long as I can see it and make a copy from my printer.</t>
  </si>
  <si>
    <t>Anything that I'm supposed to know about my bill that might change. By your important news that someone might try to say they are from the electric company and scam money from customers.  Most important is when our electric go off, the quick response of</t>
  </si>
  <si>
    <t>I can get my bill on line and know what I owe. I will be sure to call if no longer have my bill on line. Then I can have it mailed to me. As far as I can see I want it kept this way.</t>
  </si>
  <si>
    <t>Because I can understand it better and it shows what I owe and what I paid from date to date.</t>
  </si>
  <si>
    <t>Because it's much the same as the other one.</t>
  </si>
  <si>
    <t>I have no suggestions on anything as I can see. Everything looks good to me,  because as long as I can understand all the reading on my bill, I know what I have to pay.</t>
  </si>
  <si>
    <t>06/23/2016 18:57:19</t>
  </si>
  <si>
    <t>Clear and simple</t>
  </si>
  <si>
    <t>again easy to understand</t>
  </si>
  <si>
    <t>Combine bills for one location such as outdoor lighting combined with normal power bill rather than bill in separate mailings</t>
  </si>
  <si>
    <t>06/23/2016 19:06:52</t>
  </si>
  <si>
    <t>Make the graph easy to view</t>
  </si>
  <si>
    <t>06/23/2016 19:16:17</t>
  </si>
  <si>
    <t>Sometimes don't understand some of it . To many deductions for things i don't feel I shoild have to pay for such as employee retirement. No one pays my retirement in but myself and the company I work for.</t>
  </si>
  <si>
    <t>To many thing on there! Charges for a dozen different things!</t>
  </si>
  <si>
    <t>Easier to understand. I have to pay what I owe I don't need to know i am paying 17 cents for someone elses retirement, and 1.40 for a operation Rider, and Capacity chare at so much per kilowatt hour. None of that makes any sense to me!</t>
  </si>
  <si>
    <t>Same reason as before. If u have to show fees and charges , just summarize it. No use to break it down into every detail because i won't understand what it is all about anyway.</t>
  </si>
  <si>
    <t>06/23/2016 19:23:05</t>
  </si>
  <si>
    <t>06/23/2016 19:24:10</t>
  </si>
  <si>
    <t>What I could do to lower my monthly bill</t>
  </si>
  <si>
    <t>Appearance</t>
  </si>
  <si>
    <t>06/23/2016 19:27:08</t>
  </si>
  <si>
    <t>06/23/2016 19:41:10</t>
  </si>
  <si>
    <t>06/23/2016 19:55:09</t>
  </si>
  <si>
    <t>06/23/2016 19:58:34</t>
  </si>
  <si>
    <t>06/23/2016 20:06:18</t>
  </si>
  <si>
    <t>The bill is technically not consider late if it is paid by on the date, before the late fee is incurred. Therefore, the customer should not be penalized or threaten with a requiring deposit.</t>
  </si>
  <si>
    <t>06/23/2016 20:08:09</t>
  </si>
  <si>
    <t>leave it alone</t>
  </si>
  <si>
    <t>don't like either one</t>
  </si>
  <si>
    <t>it looks like the one that I get</t>
  </si>
  <si>
    <t>its fine like it is</t>
  </si>
  <si>
    <t>06/23/2016 20:36:50</t>
  </si>
  <si>
    <t>I am an AEP employee and when the bill has the pre paid credit line items it is confusing to the customer and difficult to explain.</t>
  </si>
  <si>
    <t>Ease to understand explanation of the surcharges on the bill.</t>
  </si>
  <si>
    <t>The information in the other one was not important to me such as tariff.</t>
  </si>
  <si>
    <t>It puts my charges in better perspective.</t>
  </si>
  <si>
    <t>It gives me the basics at a glance but I think it still needs a breakdown of the charges. Without this it could create unnecessary call to the company.</t>
  </si>
  <si>
    <t>Important charge information such as budget amount changes and deferred deposits should stand out on the bill. It could be in bold font and a different color.</t>
  </si>
  <si>
    <t>06/23/2016 20:36:59</t>
  </si>
  <si>
    <t>Amount due
Due date</t>
  </si>
  <si>
    <t>It's easier to read</t>
  </si>
  <si>
    <t>I love the second (new) one. 
The different parts look separate and dosent look as if they are running together</t>
  </si>
  <si>
    <t>I like the new design. It looks much easier to read and understand.</t>
  </si>
  <si>
    <t>06/23/2016 20:41:31</t>
  </si>
  <si>
    <t>The tabular comparison of 'Current', 'Previous' and 'One Year Ago'.</t>
  </si>
  <si>
    <t>Color, information listed and layout.</t>
  </si>
  <si>
    <t>Graphic breakdown, information provided and color.</t>
  </si>
  <si>
    <t>In spite of my first two choices, I still prefer the amount of information provided in the current format. I particularly like the extent of usage history info provided in the current bill, at least it doesn't appear there is as much included in the bar g</t>
  </si>
  <si>
    <t>06/23/2016 20:42:06</t>
  </si>
  <si>
    <t>06/23/2016 20:42:32</t>
  </si>
  <si>
    <t>06/23/2016 21:08:51</t>
  </si>
  <si>
    <t>How much my bill would be if you still used COAL</t>
  </si>
  <si>
    <t>Graph is stupid.  Keep it basic. Older customers will not like this.</t>
  </si>
  <si>
    <t>Looks more detailed, but easier to understand for older customers.</t>
  </si>
  <si>
    <t>Just leave them the way they are.</t>
  </si>
  <si>
    <t>06/23/2016 21:17:06</t>
  </si>
  <si>
    <t>Bill pay sites</t>
  </si>
  <si>
    <t>06/23/2016 21:32:47</t>
  </si>
  <si>
    <t>It looks more professional...</t>
  </si>
  <si>
    <t>Easier to read...</t>
  </si>
  <si>
    <t>Don't change it, leave it the way it is, if it isn't broken don't fix it. The trouble with a lot of things online is some things are just fine the way they are to begin with, but they want to change for some reason and in doing so they mess it up and make</t>
  </si>
  <si>
    <t>06/23/2016 21:52:14</t>
  </si>
  <si>
    <t>Can't understand what all the taxes I am paying are for and why I am paying any where from 20 to 90 dollars extra in taxes  and why I am paying for a county I dont even live in</t>
  </si>
  <si>
    <t>Easy too know</t>
  </si>
  <si>
    <t>Easy too read</t>
  </si>
  <si>
    <t>They need to come and check meters instead od estimate</t>
  </si>
  <si>
    <t>06/23/2016 21:56:03</t>
  </si>
  <si>
    <t>06/23/2016 22:36:34</t>
  </si>
  <si>
    <t>06/23/2016 22:48:55</t>
  </si>
  <si>
    <t>BIGGER PRINT</t>
  </si>
  <si>
    <t>Couldn't really tell. Print was to smaii</t>
  </si>
  <si>
    <t>06/23/2016 22:51:00</t>
  </si>
  <si>
    <t>It just first really matter to me.</t>
  </si>
  <si>
    <t>06/23/2016 23:19:37</t>
  </si>
  <si>
    <t>Easier to read and shows amount due in bold print</t>
  </si>
  <si>
    <t>06/23/2016 23:28:15</t>
  </si>
  <si>
    <t>Previous meter reading</t>
  </si>
  <si>
    <t>Easy to read and due date is included</t>
  </si>
  <si>
    <t>It gives a break down of the charges</t>
  </si>
  <si>
    <t>I like the table format of information.  It would be nice to add some of the color to this one.</t>
  </si>
  <si>
    <t>06/23/2016 23:29:13</t>
  </si>
  <si>
    <t>Explanation better</t>
  </si>
  <si>
    <t>Different color telling about each item</t>
  </si>
  <si>
    <t>06/23/2016 23:31:22</t>
  </si>
  <si>
    <t>06/23/2016 23:44:24</t>
  </si>
  <si>
    <t>06/23/2016 23:56:45</t>
  </si>
  <si>
    <t>Color, layout, font. More appealing &amp; easier to understand.</t>
  </si>
  <si>
    <t>Color, graph format.</t>
  </si>
  <si>
    <t>I like visual depictions. The graphs and colors are easier to understand.</t>
  </si>
  <si>
    <t>Colors, graphs, font changes would be nice.</t>
  </si>
  <si>
    <t>06/23/2016 23:56:56</t>
  </si>
  <si>
    <t>The amount</t>
  </si>
  <si>
    <t>Lower amount you all are killing poor people you should be ashamed</t>
  </si>
  <si>
    <t>GREED</t>
  </si>
  <si>
    <t>Lower prices</t>
  </si>
  <si>
    <t>06/24/2016 02:03:20</t>
  </si>
  <si>
    <t>Ease to.read</t>
  </si>
  <si>
    <t>06/24/2016 03:01:35</t>
  </si>
  <si>
    <t>06/24/2016 04:47:58</t>
  </si>
  <si>
    <t>Looks good the way it is</t>
  </si>
  <si>
    <t>Clear what is owed and when it is due</t>
  </si>
  <si>
    <t>06/24/2016 05:11:13</t>
  </si>
  <si>
    <t>Ok I guess it is alright.</t>
  </si>
  <si>
    <t>Explain what all the extra charges are that is with the tax.</t>
  </si>
  <si>
    <t>Explaining what the other charges are.</t>
  </si>
  <si>
    <t>It just has the information there bigger and easier to see.</t>
  </si>
  <si>
    <t>It explains more.</t>
  </si>
  <si>
    <t>Goes into more details with previous month to new month.</t>
  </si>
  <si>
    <t>Explain the extra charges that you have with the taxes. Like that retirement charges that I am getting for three times. Stuff like that.</t>
  </si>
  <si>
    <t>06/24/2016 06:15:36</t>
  </si>
  <si>
    <t>Charts</t>
  </si>
  <si>
    <t>06/24/2016 06:19:27</t>
  </si>
  <si>
    <t>06/24/2016 07:28:25</t>
  </si>
  <si>
    <t>Explanation of other charges. Very unclear what the charges are and why I'm being charged these charges.</t>
  </si>
  <si>
    <t>Graph is more clear as to what I'm actually being assessed.</t>
  </si>
  <si>
    <t>06/24/2016 07:38:35</t>
  </si>
  <si>
    <t>Looks good</t>
  </si>
  <si>
    <t>Looks</t>
  </si>
  <si>
    <t>06/24/2016 08:14:46</t>
  </si>
  <si>
    <t>more appealing</t>
  </si>
  <si>
    <t>06/24/2016 08:15:33</t>
  </si>
  <si>
    <t>06/24/2016 09:01:29</t>
  </si>
  <si>
    <t>06/24/2016 09:02:15</t>
  </si>
  <si>
    <t>06/24/2016 09:17:26</t>
  </si>
  <si>
    <t>06/24/2016 09:41:02</t>
  </si>
  <si>
    <t>Explain usage</t>
  </si>
  <si>
    <t>Chart showing usage, and how to decrease usage</t>
  </si>
  <si>
    <t>Adding charts and diagrams makes it more understandable than simply adding numbers</t>
  </si>
  <si>
    <t>06/24/2016 09:46:43</t>
  </si>
  <si>
    <t>06/24/2016 09:56:24</t>
  </si>
  <si>
    <t>06/24/2016 10:18:49</t>
  </si>
  <si>
    <t>06/24/2016 10:22:39</t>
  </si>
  <si>
    <t>neat</t>
  </si>
  <si>
    <t>detailed info.</t>
  </si>
  <si>
    <t>06/24/2016 10:25:20</t>
  </si>
  <si>
    <t>I have 3 bills, I would like to combine the totals. that would allow me to pay faster wit</t>
  </si>
  <si>
    <t>3 bills, I would like to conbind the totals to allow me to pay all 3 together  at one time</t>
  </si>
  <si>
    <t>06/24/2016 11:01:35</t>
  </si>
  <si>
    <t>I would like the actual electricity cost for the month to be provided in the email, not just the budget amount due.</t>
  </si>
  <si>
    <t>ave use per day/cost per day</t>
  </si>
  <si>
    <t>gives more info</t>
  </si>
  <si>
    <t>provides more info</t>
  </si>
  <si>
    <t>06/24/2016 11:18:38</t>
  </si>
  <si>
    <t>06/24/2016 11:33:38</t>
  </si>
  <si>
    <t>THEY ARE HARDER TO UNDERSTAND</t>
  </si>
  <si>
    <t>ITS COLORFUL AND EASIER TO NOTICE</t>
  </si>
  <si>
    <t>06/24/2016 11:46:20</t>
  </si>
  <si>
    <t>Average temperatures in area for billing period.   Fuel charge VS average price of coal on spot market.    Coal VS Natural Gas pricing for period.</t>
  </si>
  <si>
    <t>Not on one page.</t>
  </si>
  <si>
    <t>Dropped Tariff 015.   Don't know what it is and don't care since it has to be paid.  Feel it is part of electric cost no matter what it is called.   I like to see amount due and ALSO amount due if paid after a certain date.</t>
  </si>
  <si>
    <t>Explains what I am paying for better.   Don't care to pay more for generation if it is Appalachian coal.  Don't like to see Riders, Fee and Transmission be more than Generation.   Generation can provides jobs to the folks paying the powers bill in Eastern</t>
  </si>
  <si>
    <t>Easier on the eye.  Graphs are easier to view and understand.</t>
  </si>
  <si>
    <t>Have more local places to pay bills and local offices that can answer questions.   No one likes to call out of state when they have an issue.  No community involvement with AEP.  Just a big corporation taking money out of the community.  Fewer employees l</t>
  </si>
  <si>
    <t>06/24/2016 11:59:45</t>
  </si>
  <si>
    <t>I like seeing the previous year for the month you are looking at on your bill.  I have had my father living with me for the last ten months and it lets me see how much my bill has went up from from the previous year.  That is very helpful.</t>
  </si>
  <si>
    <t>It was easy to understand and had all the info needed I feel!</t>
  </si>
  <si>
    <t>Not a fan of the first one.  I find it confusing.</t>
  </si>
  <si>
    <t>If it's not broke don't fix it!  I feel this one works!</t>
  </si>
  <si>
    <t>06/24/2016 12:10:37</t>
  </si>
  <si>
    <t>Graph comparisons</t>
  </si>
  <si>
    <t>It has a lot of easy to read information, contrasted for clarity.</t>
  </si>
  <si>
    <t>It's very clear breakdown of info.</t>
  </si>
  <si>
    <t>The colors make it easier to read. Too much info on the old bill and it all fades together.</t>
  </si>
  <si>
    <t>06/24/2016 12:24:41</t>
  </si>
  <si>
    <t>I would like if my bill would include information about switching to monthly budget billing, specifically detailing how much my bill could be if I chose that option.</t>
  </si>
  <si>
    <t>06/24/2016 12:26:14</t>
  </si>
  <si>
    <t>06/24/2016 13:00:35</t>
  </si>
  <si>
    <t>06/24/2016 13:36:04</t>
  </si>
  <si>
    <t>My electric bill has doubled in the last few years. This is robbery.</t>
  </si>
  <si>
    <t>06/24/2016 14:28:20</t>
  </si>
  <si>
    <t>Too many adjustments, items to read, not very simple.</t>
  </si>
  <si>
    <t>06/24/2016 15:16:37</t>
  </si>
  <si>
    <t>Easier to read, includes due by date</t>
  </si>
  <si>
    <t>Easier to quickly read</t>
  </si>
  <si>
    <t>06/24/2016 15:41:39</t>
  </si>
  <si>
    <t>06/24/2016 16:47:59</t>
  </si>
  <si>
    <t>06/24/2016 18:29:31</t>
  </si>
  <si>
    <t>06/24/2016 18:33:09</t>
  </si>
  <si>
    <t>Easier to read format.  Better spacing and information.</t>
  </si>
  <si>
    <t>It gives you a good visual idea of where your money is going</t>
  </si>
  <si>
    <t>It's more clear and concise.  Easier to read.</t>
  </si>
  <si>
    <t>I'm happy with what I'm doing now.  I have the budget plan.  I receive my bill in my email and look at it right then and schedule the payment for its due date.  It's never late and I have two weeks to discuss anything between getting the bill and the due</t>
  </si>
  <si>
    <t>06/24/2016 19:00:06</t>
  </si>
  <si>
    <t>Easy to ready and find the amount due and when</t>
  </si>
  <si>
    <t>Used to format</t>
  </si>
  <si>
    <t>06/24/2016 19:06:48</t>
  </si>
  <si>
    <t>06/24/2016 19:19:10</t>
  </si>
  <si>
    <t>06/24/2016 22:18:10</t>
  </si>
  <si>
    <t>I could understand it better.</t>
  </si>
  <si>
    <t>I have none.</t>
  </si>
  <si>
    <t>06/24/2016 23:15:32</t>
  </si>
  <si>
    <t>06/25/2016 02:16:39</t>
  </si>
  <si>
    <t>06/25/2016 06:46:56</t>
  </si>
  <si>
    <t>All is well.</t>
  </si>
  <si>
    <t>06/25/2016 10:10:43</t>
  </si>
  <si>
    <t>06/25/2016 10:38:16</t>
  </si>
  <si>
    <t>06/25/2016 17:06:50</t>
  </si>
  <si>
    <t>More Info, Billing cycle.</t>
  </si>
  <si>
    <t>Easy To Read.</t>
  </si>
  <si>
    <t>Easy to look at.</t>
  </si>
  <si>
    <t>06/25/2016 18:22:12</t>
  </si>
  <si>
    <t>Liked the looks better</t>
  </si>
  <si>
    <t>Don't like thw graph</t>
  </si>
  <si>
    <t>06/25/2016 19:12:08</t>
  </si>
  <si>
    <t>i meant to put neither satified or dissatisfied</t>
  </si>
  <si>
    <t>easy to see and understand</t>
  </si>
  <si>
    <t>better looking and colors</t>
  </si>
  <si>
    <t>because it gives me more info</t>
  </si>
  <si>
    <t>06/26/2016 00:04:42</t>
  </si>
  <si>
    <t>06/26/2016 04:07:15</t>
  </si>
  <si>
    <t>06/26/2016 09:00:47</t>
  </si>
  <si>
    <t>Explain charges</t>
  </si>
  <si>
    <t>Don't look like a mess</t>
  </si>
  <si>
    <t>I like the illustrations that breaks it down for me</t>
  </si>
  <si>
    <t>Looks like it explains more in detail</t>
  </si>
  <si>
    <t>06/26/2016 10:37:16</t>
  </si>
  <si>
    <t>Mail in Money Order</t>
  </si>
  <si>
    <t>If there are any programs to assist in replacing non working heat pump.</t>
  </si>
  <si>
    <t>This example actually informs customer of amount due more recognizable, w/when due by. Also the service from, last billing cycle and the amt. previously paid.</t>
  </si>
  <si>
    <t>Short and to the point. tells me the date of my service and amount due.</t>
  </si>
  <si>
    <t>When you see them put together the one facing my right seems easier to read.</t>
  </si>
  <si>
    <t>Listing most important information first, to the least important. What we as the customer needs to see and know first off.</t>
  </si>
  <si>
    <t>06/26/2016 10:39:14</t>
  </si>
  <si>
    <t>Have the main bill on front page</t>
  </si>
  <si>
    <t>can't think of any</t>
  </si>
  <si>
    <t>It has the amount due and due date is easy to see</t>
  </si>
  <si>
    <t>Short and to the point</t>
  </si>
  <si>
    <t>I have 2 accounnts, the main one and one that has been cancelled. I would like to have the main one come up when I open my bill instead of the cancelled one</t>
  </si>
  <si>
    <t>06/26/2016 17:23:43</t>
  </si>
  <si>
    <t>color, brighter  easy to read 
needs budget account amount listed</t>
  </si>
  <si>
    <t>06/26/2016 21:42:15</t>
  </si>
  <si>
    <t>06/27/2016 08:24:52</t>
  </si>
  <si>
    <t>The billing statement is very busy but it is OK.  It has the information I am concerned about (how much electricity used compared to last year; the items that make up my monthly expense; due date).</t>
  </si>
  <si>
    <t>1. Amount of down time, i.e. no service, if any during the service period
2. Detailed explanation (on back of statement) that provides more information about uncommon charges.  While these uncommon charges are explained when they are introduced, if they</t>
  </si>
  <si>
    <t>The billing statement is on an odd shaped paper, and is very busy.  I like the information but it seems like it is 'stuffed' into a space that is too small.  My telephone bill is on a regular letter-sized paper and easy to read.  My water bill is on a pos</t>
  </si>
  <si>
    <t>Larger and easier to ready.  Focuses on the important part of the bill--the amount due.  I like the different font sizes.</t>
  </si>
  <si>
    <t>I don't like either one.  The top graphic does not tell me what 'generation', 'Riders &amp; fees' or 'transmission' mean and what makes up these amounts.  I have more questions than answers when I look at this one.  The bottom one doesn't tell me anything exc</t>
  </si>
  <si>
    <t>The one I picked is less cluttered, shows the due amount larger and I like the usage history chart.   HOWEVER, the circle is weird and confusing in the middle.  Is there an explanation for these amounts (generation, etc)?</t>
  </si>
  <si>
    <t>06/27/2016 08:35:10</t>
  </si>
  <si>
    <t>easier to read at a quick glance.  Amount due and Due date stand out</t>
  </si>
  <si>
    <t>it breaks down the amount</t>
  </si>
  <si>
    <t>It is cleaner  and graphs make it easy to understand</t>
  </si>
  <si>
    <t>06/27/2016 10:31:29</t>
  </si>
  <si>
    <t>Draws attention. Bold, eye catching. Information I must see. Shows billing cycle. Shows what I paid last time.</t>
  </si>
  <si>
    <t>I guess because it showed more info. I took more time to read it and understand what information I was given.</t>
  </si>
  <si>
    <t>I guess I'm use to that one. I like the first one because of the colors. I could get use to the new format. I actually study my monthly bill so I can try to use less power which lowers my bill.</t>
  </si>
  <si>
    <t>06/27/2016 11:25:13</t>
  </si>
  <si>
    <t>Easier to read and more information</t>
  </si>
  <si>
    <t>More precise</t>
  </si>
  <si>
    <t>Cleaner; easier to read</t>
  </si>
  <si>
    <t>06/27/2016 16:20:58</t>
  </si>
  <si>
    <t>I like the clear service dates being billed.  I like the current price due and due date in bold characters.</t>
  </si>
  <si>
    <t>It gives a good visual of what charges that the bill contains.</t>
  </si>
  <si>
    <t>The other one is too confusing.  The one that I picked is very user friendly.  It is easier to pick out the information that you are looking for.</t>
  </si>
  <si>
    <t>06/27/2016 23:35:23</t>
  </si>
  <si>
    <t>Make no changes</t>
  </si>
  <si>
    <t>Not worse</t>
  </si>
  <si>
    <t>Simple and all that I need</t>
  </si>
  <si>
    <t>Has what I want to.know about my Bill.</t>
  </si>
  <si>
    <t>Simple to understand.</t>
  </si>
  <si>
    <t>Ilike the existing Bill format.</t>
  </si>
  <si>
    <t>06/28/2016 00:15:57</t>
  </si>
  <si>
    <t>easier to figure out</t>
  </si>
  <si>
    <t>not really sure pretty satisfied how it is</t>
  </si>
  <si>
    <t>06/28/2016 02:38:37</t>
  </si>
  <si>
    <t>Omg</t>
  </si>
  <si>
    <t>They ban coal</t>
  </si>
  <si>
    <t>You ban coal and raised bill</t>
  </si>
  <si>
    <t>06/28/2016 09:43:57</t>
  </si>
  <si>
    <t>more easy to read and highlighted indicates that it is important for the customer to read that part.</t>
  </si>
  <si>
    <t>colors break apart billing to a tee.</t>
  </si>
  <si>
    <t>The one I chose is a lot better! It is Less confusing, and does not have as many words and phrases that are misleading. One example is when the first one states pay this amount after this date, which to me makes it sound like it is ok to pay after that da</t>
  </si>
  <si>
    <t>Please go with the design that I have chose.</t>
  </si>
  <si>
    <t>06/28/2016 11:22:48</t>
  </si>
  <si>
    <t>Somewhere showing exactly how much per KWH you are paying after all the terrifies and credits and taxes. Just a basic cost of you electricy</t>
  </si>
  <si>
    <t>More information given</t>
  </si>
  <si>
    <t>more information on you bill</t>
  </si>
  <si>
    <t>06/28/2016 14:31:27</t>
  </si>
  <si>
    <t>06/28/2016 19:19:13</t>
  </si>
  <si>
    <t>06/29/2016 13:47:21</t>
  </si>
  <si>
    <t>As I checked the box ' neither satisfied or satisfied'. It's easy to read and comprehend.</t>
  </si>
  <si>
    <t>There should be a way to pay your bill online without being charged extra. It is very behind the times to not to be able to pay online a ONE TIME PAYMENT and not be charged extra. Kentucky Power is the ONLY company I have to write out a check each month,</t>
  </si>
  <si>
    <t>a way to make a one-time payment online for FREE, Most important.</t>
  </si>
  <si>
    <t>Has more information.</t>
  </si>
  <si>
    <t>This would do for someone like me, because , I can read graphs. However, elderly people with lower education might not understand, nor comprehend the graphics!</t>
  </si>
  <si>
    <t>It's easier, more comprehensive and it has always been like this for years. Most under educated people can understand it already.</t>
  </si>
  <si>
    <t>You need to create a way to pay your bill online for free for a ONE-TIME PAYMENT. All the extra money being charged for a fee for paying by phone or online could be going towards the monthly bill. The way this company is set up for paying a monthly bill i</t>
  </si>
  <si>
    <t>06/29/2016 14:20:21</t>
  </si>
  <si>
    <t>06/30/2016 11:00:34</t>
  </si>
  <si>
    <t>06/30/2016 12:25:43</t>
  </si>
  <si>
    <t>06/30/2016 12:34:25</t>
  </si>
  <si>
    <t>It lets me see right off what I owe and when it is due. I like that!</t>
  </si>
  <si>
    <t>It gets my attention quickly.</t>
  </si>
  <si>
    <t>It is more uncluttered and cleaner looking, and easy to read.  I can see the amount I owe immediately. The total amount in the center grabs my attention right away, and then the history at the bottom.</t>
  </si>
  <si>
    <t>I cannot think of anything right now.  So far what I have seen looks very good.</t>
  </si>
  <si>
    <t>07/03/2016 21:08:02</t>
  </si>
  <si>
    <t>07/04/2016 20:42:02</t>
  </si>
  <si>
    <t>07/07/2016 20:17:18</t>
  </si>
  <si>
    <t>07/07/2016 21:01:13</t>
  </si>
  <si>
    <t>07/07/2016 21:02:01</t>
  </si>
  <si>
    <t>Not confusing</t>
  </si>
  <si>
    <t>I have no issues with bill</t>
  </si>
  <si>
    <t>07/11/2016 09:54:17</t>
  </si>
  <si>
    <t>07/12/2016 17:20:30</t>
  </si>
  <si>
    <t>07/15/2016 10:44:23</t>
  </si>
  <si>
    <t>easier to understand and bigger to see</t>
  </si>
  <si>
    <t>visual breakdown to help understand bill</t>
  </si>
  <si>
    <t>Either one really , the one I picked just because its bigger and easier to read for people with vision problems.</t>
  </si>
  <si>
    <t>07/17/2016 19:46:47</t>
  </si>
  <si>
    <t>Amount due and by date clearly displayed</t>
  </si>
  <si>
    <t>Don't particularly care for either</t>
  </si>
  <si>
    <t>Provides more info.</t>
  </si>
  <si>
    <t>Not Sure, Don't Know</t>
  </si>
  <si>
    <t>06/23/2016 14:44:08</t>
  </si>
  <si>
    <t>06/23/2016 15:01:10</t>
  </si>
  <si>
    <t>06/23/2016 15:24:13</t>
  </si>
  <si>
    <t>06/23/2016 19:57:25</t>
  </si>
  <si>
    <t>06/23/2016 20:41:08</t>
  </si>
  <si>
    <t>06/23/2016 21:23:36</t>
  </si>
  <si>
    <t>06/24/2016 01:02:37</t>
  </si>
  <si>
    <t>06/24/2016 09:10:04</t>
  </si>
  <si>
    <t>06/27/2016 16:02:31</t>
  </si>
  <si>
    <t>06/29/2016 20:30:40</t>
  </si>
  <si>
    <t>07/07/2016 14:53:57</t>
  </si>
  <si>
    <t>07/15/2016 13:15:23</t>
  </si>
  <si>
    <t>Public Service Co. of Oklahoma</t>
  </si>
  <si>
    <t>Public Service Co of Oklahoma</t>
  </si>
  <si>
    <t>06/23/2016 14:02:31</t>
  </si>
  <si>
    <t>Broken down into parts</t>
  </si>
  <si>
    <t>06/23/2016 14:04:09</t>
  </si>
  <si>
    <t>06/23/2016 14:04:29</t>
  </si>
  <si>
    <t>06/23/2016 14:05:00</t>
  </si>
  <si>
    <t>06/23/2016 14:05:13</t>
  </si>
  <si>
    <t>Suggestion on how to save some depending on the seasonal weather?</t>
  </si>
  <si>
    <t>Ease to read and quickly knowing what is due when.</t>
  </si>
  <si>
    <t>Ease to read. Quickly attain information needed.</t>
  </si>
  <si>
    <t>Ease of read. Not cluttered but still gives me all the information that I need to know about my usage and pay the bill.</t>
  </si>
  <si>
    <t>Since I pay my bills on the same day each monthly I like the visual remind of what I'm paying.</t>
  </si>
  <si>
    <t>More understandable.</t>
  </si>
  <si>
    <t>Informative and consize</t>
  </si>
  <si>
    <t>06/23/2016 14:06:12</t>
  </si>
  <si>
    <t>06/23/2016 14:07:22</t>
  </si>
  <si>
    <t>06/23/2016 14:07:52</t>
  </si>
  <si>
    <t>06/23/2016 14:08:09</t>
  </si>
  <si>
    <t>think its just fine</t>
  </si>
  <si>
    <t>06/23/2016 14:10:00</t>
  </si>
  <si>
    <t>06/23/2016 14:10:13</t>
  </si>
  <si>
    <t>06/23/2016 14:10:34</t>
  </si>
  <si>
    <t>The look doesn't matter.</t>
  </si>
  <si>
    <t>Easier to the point</t>
  </si>
  <si>
    <t>06/23/2016 14:11:09</t>
  </si>
  <si>
    <t>Lots of important information in a small amount of space.</t>
  </si>
  <si>
    <t>More information in a small amount of space.  Very clear what the components of the overall bill are.</t>
  </si>
  <si>
    <t>It is simply an improvement over the older bill, even though the older bill was excellent.</t>
  </si>
  <si>
    <t>On my bill, I have a due date.  If I pay electronically via my online banking and pay by due date, my cycle billing will have already occurred for the next month.  So my next month's bill is two months.  Even though the bank pays in 1 day.  This is the on</t>
  </si>
  <si>
    <t>06/23/2016 14:11:20</t>
  </si>
  <si>
    <t>Cleaner, Easier to read.</t>
  </si>
  <si>
    <t>06/23/2016 14:11:31</t>
  </si>
  <si>
    <t>06/23/2016 14:13:35</t>
  </si>
  <si>
    <t>06/23/2016 14:15:08</t>
  </si>
  <si>
    <t>The graph and color make it more interesting and eye-catching.</t>
  </si>
  <si>
    <t>Graphics, color and less cluttered.</t>
  </si>
  <si>
    <t>Less clutter would make it more appealing and interest to look over.</t>
  </si>
  <si>
    <t>06/23/2016 14:15:40</t>
  </si>
  <si>
    <t>06/23/2016 14:17:05</t>
  </si>
  <si>
    <t>06/23/2016 14:17:11</t>
  </si>
  <si>
    <t>06/23/2016 14:17:41</t>
  </si>
  <si>
    <t>Bank bill pay service</t>
  </si>
  <si>
    <t>Ambivalent, indifferent, uninterested in how the bill looks. Rarely check the actual bill if the amounts are congruous with similar time periods.</t>
  </si>
  <si>
    <t>The amount and due date are prominent. Why should I care to see 'Tariff 015'; and I know my bill is 'Residential.' Duh!</t>
  </si>
  <si>
    <t>A Disney executive once taught a class I attended and she instructed us to 'go graphic.' People read and understand more effectively when graphics, pictures, illustrations, are used.</t>
  </si>
  <si>
    <t>'Go graphic.'</t>
  </si>
  <si>
    <t>Nothing to add. Thank you for seeking input.</t>
  </si>
  <si>
    <t>06/23/2016 14:18:39</t>
  </si>
  <si>
    <t>Since I pay my bill online it really doesn't matter how it looks. If I can see the amount due and I don't have questions about it I'm fine with it.</t>
  </si>
  <si>
    <t>my bill is email only</t>
  </si>
  <si>
    <t>better more understandable information.</t>
  </si>
  <si>
    <t>Bills are fine the way they are. Don't over-think it.</t>
  </si>
  <si>
    <t>06/23/2016 14:18:59</t>
  </si>
  <si>
    <t>more detailed shorter version</t>
  </si>
  <si>
    <t>don't need that much information</t>
  </si>
  <si>
    <t>06/23/2016 14:22:24</t>
  </si>
  <si>
    <t>What type of monthly plan I have.</t>
  </si>
  <si>
    <t>It has more account information.</t>
  </si>
  <si>
    <t>When paying my bill online its difficulties to find the link on your website to pay bill. I would like for it to be easier to find.</t>
  </si>
  <si>
    <t>06/23/2016 14:23:14</t>
  </si>
  <si>
    <t>06/23/2016 14:23:21</t>
  </si>
  <si>
    <t>I don't think neutrality is indicative of dissatisfaction. It's a bill. It's sufficient.</t>
  </si>
  <si>
    <t>06/23/2016 14:23:51</t>
  </si>
  <si>
    <t>nothing else</t>
  </si>
  <si>
    <t>most important info to me is big and clear</t>
  </si>
  <si>
    <t>it's more like the one I get now.</t>
  </si>
  <si>
    <t>06/23/2016 14:26:38</t>
  </si>
  <si>
    <t>easy to read &amp; explanitory</t>
  </si>
  <si>
    <t>06/23/2016 14:27:06</t>
  </si>
  <si>
    <t>06/23/2016 14:27:48</t>
  </si>
  <si>
    <t>I guess it's ok.</t>
  </si>
  <si>
    <t>PSO contact info easy to see. I like to see this years usage compared to last years usage.</t>
  </si>
  <si>
    <t>Easier to find info I need.</t>
  </si>
  <si>
    <t>I like the details.</t>
  </si>
  <si>
    <t>Simple, colorful and easy to read.</t>
  </si>
  <si>
    <t>06/23/2016 14:29:55</t>
  </si>
  <si>
    <t>I put neither satisfied nor dissatisfied because I don't really look at the appearance I just look at the cost and move on.</t>
  </si>
  <si>
    <t>06/23/2016 14:30:12</t>
  </si>
  <si>
    <t>06/23/2016 14:30:38</t>
  </si>
  <si>
    <t>Not as clear and easy to read</t>
  </si>
  <si>
    <t>The bottom one is easier to read but does not give me detailed information as well.</t>
  </si>
  <si>
    <t>06/23/2016 14:35:11</t>
  </si>
  <si>
    <t>Like seeing the chart that shows how much usage for the last year.</t>
  </si>
  <si>
    <t>easier to read.</t>
  </si>
  <si>
    <t>neither one</t>
  </si>
  <si>
    <t>06/23/2016 14:35:56</t>
  </si>
  <si>
    <t>Cost of electricity per kwh</t>
  </si>
  <si>
    <t>Easy to Read, Catchy head lines, informative</t>
  </si>
  <si>
    <t>breakdown of fees</t>
  </si>
  <si>
    <t>Clarity, not cluttered, simple and informative, yet needs cost per kwh</t>
  </si>
  <si>
    <t>06/23/2016 14:36:41</t>
  </si>
  <si>
    <t>06/23/2016 14:38:07</t>
  </si>
  <si>
    <t>Mainly because we do not receive any notice of our monthly bills, but it is deducted form our account each month.</t>
  </si>
  <si>
    <t>06/23/2016 14:38:39</t>
  </si>
  <si>
    <t>I like the charts</t>
  </si>
  <si>
    <t>06/23/2016 14:38:53</t>
  </si>
  <si>
    <t>Everything you need to know except amount of electricity used.</t>
  </si>
  <si>
    <t>Graphs not necessary.</t>
  </si>
  <si>
    <t>Again, graphs not necessary.</t>
  </si>
  <si>
    <t>Other than being unable to print on one page, it is fine the way it is.</t>
  </si>
  <si>
    <t>06/23/2016 14:39:23</t>
  </si>
  <si>
    <t>Don't understand the other chart</t>
  </si>
  <si>
    <t>Like top part of 2nd and bottom part of 1st one</t>
  </si>
  <si>
    <t>06/23/2016 14:39:46</t>
  </si>
  <si>
    <t>New Charges
Changes in Fees, etc.  not hidden in later pages...</t>
  </si>
  <si>
    <t>easier to read the information needed</t>
  </si>
  <si>
    <t>I like the top half of the bottom,  but I also like the monthly usage info on the top one</t>
  </si>
  <si>
    <t>06/23/2016 14:41:22</t>
  </si>
  <si>
    <t>Any due</t>
  </si>
  <si>
    <t>06/23/2016 14:41:55</t>
  </si>
  <si>
    <t>06/23/2016 14:42:49</t>
  </si>
  <si>
    <t>CLARITY OF WORDING; PREFER NO DUPLICATION IN PRINTED BILLING</t>
  </si>
  <si>
    <t>NO DUPLICATION,</t>
  </si>
  <si>
    <t>NEITHER IS WITH CLARITY, BUT THE ONE LOOKS MORE 'BASIC' BUT SHOULD HAVE DUE
AMOUNT RATHER THAN DUPLICATED</t>
  </si>
  <si>
    <t>DID NOT CARE FOR EITHER DESIGN STATEMENT.</t>
  </si>
  <si>
    <t>A MORE BASIC CONTENT STATEMENT WOULD BE EASIER TO UNDERSTAND,</t>
  </si>
  <si>
    <t>06/23/2016 14:45:36</t>
  </si>
  <si>
    <t>Faster to determine amount due and due date</t>
  </si>
  <si>
    <t>Got lost in other one</t>
  </si>
  <si>
    <t>Tells me what I need to know quicker.</t>
  </si>
  <si>
    <t>06/23/2016 14:46:45</t>
  </si>
  <si>
    <t>Looks nicer</t>
  </si>
  <si>
    <t>Still looks better</t>
  </si>
  <si>
    <t>Like the old format but the new is nice</t>
  </si>
  <si>
    <t>06/23/2016 14:49:00</t>
  </si>
  <si>
    <t>bill amount due</t>
  </si>
  <si>
    <t>Tells me everything I need in one spot</t>
  </si>
  <si>
    <t>Gives me a better idea of where used.</t>
  </si>
  <si>
    <t>It is simplified less trying to look at it all.</t>
  </si>
  <si>
    <t>06/23/2016 14:50:48</t>
  </si>
  <si>
    <t>Color and amount due stands out more.</t>
  </si>
  <si>
    <t>Graphics stands out more and give more detail</t>
  </si>
  <si>
    <t>It looks more modern</t>
  </si>
  <si>
    <t>06/23/2016 14:52:26</t>
  </si>
  <si>
    <t>06/23/2016 15:00:42</t>
  </si>
  <si>
    <t>Don't change it</t>
  </si>
  <si>
    <t>I believe they have it covered.</t>
  </si>
  <si>
    <t>Has more information and easier to read.</t>
  </si>
  <si>
    <t>Again easier to read and more information.</t>
  </si>
  <si>
    <t>Little better design.  Not as cluttered.</t>
  </si>
  <si>
    <t>I think they do a fine job.  I have no suggestions.  Thank you</t>
  </si>
  <si>
    <t>06/23/2016 15:01:46</t>
  </si>
  <si>
    <t>06/23/2016 15:02:06</t>
  </si>
  <si>
    <t>I like the current billing just fine. Easy to read.</t>
  </si>
  <si>
    <t>06/23/2016 15:03:16</t>
  </si>
  <si>
    <t>Bnone</t>
  </si>
  <si>
    <t>06/23/2016 15:03:20</t>
  </si>
  <si>
    <t>06/23/2016 15:04:32</t>
  </si>
  <si>
    <t>Since I'm on budget plan, I would like to see more details of what I owe</t>
  </si>
  <si>
    <t>Details for budget plan in easy to understand format</t>
  </si>
  <si>
    <t>I can just look at amount due and pay it</t>
  </si>
  <si>
    <t>Explaining bill much better</t>
  </si>
  <si>
    <t>If this saves you money then I in turn save money when you don't raise my bill</t>
  </si>
  <si>
    <t>06/23/2016 15:08:08</t>
  </si>
  <si>
    <t>Can't think of anything.</t>
  </si>
  <si>
    <t>Simpler less confusing.</t>
  </si>
  <si>
    <t>Very clean and more information about total charges.</t>
  </si>
  <si>
    <t>Easier to read, on thing I would add would be Previous month billing amount and balance carried over if any.</t>
  </si>
  <si>
    <t>Make usage section easier to under stand for the customer.</t>
  </si>
  <si>
    <t>06/23/2016 15:08:24</t>
  </si>
  <si>
    <t>06/23/2016 15:10:04</t>
  </si>
  <si>
    <t>It looks better</t>
  </si>
  <si>
    <t>06/23/2016 15:11:43</t>
  </si>
  <si>
    <t>It's fine the way it is</t>
  </si>
  <si>
    <t>Amt due and date where your eye goes first</t>
  </si>
  <si>
    <t>very noticeable</t>
  </si>
  <si>
    <t>says it all</t>
  </si>
  <si>
    <t>06/23/2016 15:13:32</t>
  </si>
  <si>
    <t>06/23/2016 15:17:19</t>
  </si>
  <si>
    <t>Easily has all info I need.</t>
  </si>
  <si>
    <t>06/23/2016 15:19:11</t>
  </si>
  <si>
    <t>I would like to pay by phone but do not want to pay the 3 or 5 dollar charge.other companies let me pay without a charge.</t>
  </si>
  <si>
    <t>06/23/2016 15:23:54</t>
  </si>
  <si>
    <t>06/23/2016 15:25:45</t>
  </si>
  <si>
    <t>Your number for emergency.</t>
  </si>
  <si>
    <t>It is more like the current statement.  Perfect.</t>
  </si>
  <si>
    <t>Don't need the breakdown of the total bill, just total.</t>
  </si>
  <si>
    <t>It's all there, easy to read.</t>
  </si>
  <si>
    <t>None. only maybe shorter.</t>
  </si>
  <si>
    <t>06/23/2016 15:26:15</t>
  </si>
  <si>
    <t>grabs you first and easy to read</t>
  </si>
  <si>
    <t>different</t>
  </si>
  <si>
    <t>06/23/2016 15:32:37</t>
  </si>
  <si>
    <t>Be able to pay by credit card without a surcharge.</t>
  </si>
  <si>
    <t>06/23/2016 15:33:13</t>
  </si>
  <si>
    <t>Has account number</t>
  </si>
  <si>
    <t>All together</t>
  </si>
  <si>
    <t>06/23/2016 15:33:59</t>
  </si>
  <si>
    <t>06/23/2016 15:39:31</t>
  </si>
  <si>
    <t>06/23/2016 15:47:07</t>
  </si>
  <si>
    <t>Prefer the look of it.</t>
  </si>
  <si>
    <t>Breakdown of charges</t>
  </si>
  <si>
    <t>More information, easier to read.</t>
  </si>
  <si>
    <t>06/23/2016 15:47:33</t>
  </si>
  <si>
    <t>has everything i need to see and want to see.</t>
  </si>
  <si>
    <t>06/23/2016 15:48:33</t>
  </si>
  <si>
    <t>gets your attention</t>
  </si>
  <si>
    <t>06/23/2016 16:11:00</t>
  </si>
  <si>
    <t>paypal cridet union</t>
  </si>
  <si>
    <t>it is fine as is</t>
  </si>
  <si>
    <t>like color and tells what i need to know quick</t>
  </si>
  <si>
    <t>like the chart format</t>
  </si>
  <si>
    <t>looks like old same format which i like</t>
  </si>
  <si>
    <t>I get two bills on my barn and house when the new wifi meters were installed they said nothing would change. 
The bill for the barn comes in a week before the house they used to come in the same time.
The meters are less than 600 ft apart. strange..</t>
  </si>
  <si>
    <t>06/23/2016 16:17:17</t>
  </si>
  <si>
    <t>06/23/2016 16:25:26</t>
  </si>
  <si>
    <t>Easier to read and understand and when bill is due.</t>
  </si>
  <si>
    <t>I don't like graphs, they can be confusing.</t>
  </si>
  <si>
    <t>I like the top half better on the first choice but don't like graphs so I would have to chose the second choice.</t>
  </si>
  <si>
    <t>06/23/2016 16:26:28</t>
  </si>
  <si>
    <t>06/23/2016 16:36:30</t>
  </si>
  <si>
    <t>More information.  Better eye catching.</t>
  </si>
  <si>
    <t>Makes you reflect on what you are paying for.</t>
  </si>
  <si>
    <t>I'm already familiar with this format.</t>
  </si>
  <si>
    <t>It's fine the way it is.  Save your money.</t>
  </si>
  <si>
    <t>06/23/2016 16:38:55</t>
  </si>
  <si>
    <t>06/23/2016 16:41:40</t>
  </si>
  <si>
    <t>06/23/2016 16:51:42</t>
  </si>
  <si>
    <t>All the pertinent information was there.</t>
  </si>
  <si>
    <t>More information, broken out into categories.</t>
  </si>
  <si>
    <t>I like the spreadsheet type format better. All information is clearer to understand and find.</t>
  </si>
  <si>
    <t>I really do like the current format. It has all the information I need to readily compare current and past usage.</t>
  </si>
  <si>
    <t>06/23/2016 16:53:11</t>
  </si>
  <si>
    <t>06/23/2016 16:54:41</t>
  </si>
  <si>
    <t>It looks like it contains more important information. The other option is more aesthetically appealing but in a side by side comparison it appears as though information is missing.</t>
  </si>
  <si>
    <t>Would it be possible to see which days I used the most electricity? I want to look for ways to save money and part of that is knowing if differences I might be making are actually effective.</t>
  </si>
  <si>
    <t>06/23/2016 17:00:28</t>
  </si>
  <si>
    <t>more complicated than the others</t>
  </si>
  <si>
    <t>Easier to see what's due &amp; when.</t>
  </si>
  <si>
    <t>Much less complicated.</t>
  </si>
  <si>
    <t>06/23/2016 17:05:35</t>
  </si>
  <si>
    <t>Appears to be more informational and easy to read</t>
  </si>
  <si>
    <t>Easy to see where money is spent</t>
  </si>
  <si>
    <t>again, easier to read and compare usage with graphs</t>
  </si>
  <si>
    <t>06/23/2016 17:08:26</t>
  </si>
  <si>
    <t>Looks much better.</t>
  </si>
  <si>
    <t>06/23/2016 17:10:07</t>
  </si>
  <si>
    <t>very easy to understand</t>
  </si>
  <si>
    <t>easier to understand current charges</t>
  </si>
  <si>
    <t>easy to read and understand charges</t>
  </si>
  <si>
    <t>06/23/2016 17:10:09</t>
  </si>
  <si>
    <t>Graph of Prior Year Usage</t>
  </si>
  <si>
    <t>Info pops and draws attention to most important info.</t>
  </si>
  <si>
    <t>Visual breakdown of charges can be understood and assessed in seconds.</t>
  </si>
  <si>
    <t>Less busy with most of previous info.</t>
  </si>
  <si>
    <t>06/23/2016 17:14:35</t>
  </si>
  <si>
    <t>Amount Due and Due Date easy to find.</t>
  </si>
  <si>
    <t>I like the breakdown but ultimately don't need it.</t>
  </si>
  <si>
    <t>It seems simpler on the eyes.</t>
  </si>
  <si>
    <t>06/23/2016 17:20:24</t>
  </si>
  <si>
    <t>Easy to read and understand.</t>
  </si>
  <si>
    <t>It explains how the electric company arrives at their billing prices.</t>
  </si>
  <si>
    <t>It is easier to understand at a glance.  Most informative.</t>
  </si>
  <si>
    <t>I like the new option the best.  I think that format would work well.</t>
  </si>
  <si>
    <t>06/23/2016 17:37:46</t>
  </si>
  <si>
    <t>none I can think of</t>
  </si>
  <si>
    <t>Easier to find info</t>
  </si>
  <si>
    <t>Easier to find info and understand</t>
  </si>
  <si>
    <t>Familiar with this format</t>
  </si>
  <si>
    <t>06/23/2016 17:57:59</t>
  </si>
  <si>
    <t>06/23/2016 17:58:34</t>
  </si>
  <si>
    <t>06/23/2016 18:02:36</t>
  </si>
  <si>
    <t>Font seems a little dated and the overall 1st page of the bill seems a little busy</t>
  </si>
  <si>
    <t>font, clutter, information that is hard to understand</t>
  </si>
  <si>
    <t>Has the information needed and is more visually appealing</t>
  </si>
  <si>
    <t>Didn't like either one but that wasn't a choice</t>
  </si>
  <si>
    <t>Wasn't as cluttered</t>
  </si>
  <si>
    <t>Visually appealing , less clutter</t>
  </si>
  <si>
    <t>06/23/2016 18:05:24</t>
  </si>
  <si>
    <t>06/23/2016 18:09:02</t>
  </si>
  <si>
    <t>Just just not that eye catching</t>
  </si>
  <si>
    <t>It is easier to see how much and when it is due. And the billing cycle is easy to see also along with the amount paid last month.</t>
  </si>
  <si>
    <t>Pie graphs are one of the best and easiest ways to get the whole picture of something! You can easily see what's happening with your electricity usage and then go on to paying your other bills.</t>
  </si>
  <si>
    <t>Color, pie graph, icons.  It just looks like if I was having a question or problem, I could easily find the answer or contact you for an answer!</t>
  </si>
  <si>
    <t>06/23/2016 18:11:23</t>
  </si>
  <si>
    <t>06/23/2016 18:18:29</t>
  </si>
  <si>
    <t>Breaks charges down, easier to understand</t>
  </si>
  <si>
    <t>N/a</t>
  </si>
  <si>
    <t>06/23/2016 18:24:29</t>
  </si>
  <si>
    <t>Complexity of information. Too much other info. Not important</t>
  </si>
  <si>
    <t>Better info</t>
  </si>
  <si>
    <t>06/23/2016 18:38:24</t>
  </si>
  <si>
    <t>06/23/2016 18:40:01</t>
  </si>
  <si>
    <t>Nothing fancy. Gets the point across.</t>
  </si>
  <si>
    <t>Account number on bill.</t>
  </si>
  <si>
    <t>Simple non cluttered.</t>
  </si>
  <si>
    <t>06/23/2016 18:41:20</t>
  </si>
  <si>
    <t>I really like the new look. Thought I really wouldn't change the old but the new is good.</t>
  </si>
  <si>
    <t>06/23/2016 18:41:37</t>
  </si>
  <si>
    <t>06/23/2016 18:57:03</t>
  </si>
  <si>
    <t>Gives me the information I need</t>
  </si>
  <si>
    <t>06/23/2016 19:16:12</t>
  </si>
  <si>
    <t>It is a little hard to understand total account balance because the monthly average payment is between the previous balance and total account balance.  It might be easier if the two were reversed with the total account balance being above the average mont</t>
  </si>
  <si>
    <t>I like the general layout and design</t>
  </si>
  <si>
    <t>Because it was easier to read and gave the due day along with the amount due..  it also gave other good information such as who, service date, etch</t>
  </si>
  <si>
    <t>Excellent breakdown of charges.  Eye catching.</t>
  </si>
  <si>
    <t>Eye catching.  Easy to read. Contains all relevant information, but fails to current balances which might be important with bill averaging.</t>
  </si>
  <si>
    <t>06/23/2016 19:33:42</t>
  </si>
  <si>
    <t>Too many pages</t>
  </si>
  <si>
    <t>06/23/2016 19:55:17</t>
  </si>
  <si>
    <t>It's hard to tell exactly/supposedly how much power we used. I'd like the meter read date to be constant so I could monitor my meter to make sure I'm not over charged</t>
  </si>
  <si>
    <t>Slightly More information</t>
  </si>
  <si>
    <t>More explanatory</t>
  </si>
  <si>
    <t>Easier to decipher</t>
  </si>
  <si>
    <t>06/23/2016 19:59:18</t>
  </si>
  <si>
    <t>Thought it looks better.</t>
  </si>
  <si>
    <t>Liked the look.</t>
  </si>
  <si>
    <t>Looks better.</t>
  </si>
  <si>
    <t>06/23/2016 20:13:32</t>
  </si>
  <si>
    <t>06/23/2016 20:24:30</t>
  </si>
  <si>
    <t>I wish they would provide daily usage. You can log into your account and view the daily usage and projected bill amount.</t>
  </si>
  <si>
    <t>06/23/2016 20:47:13</t>
  </si>
  <si>
    <t>easier to quickly read</t>
  </si>
  <si>
    <t>I don't understand what the items are in #1</t>
  </si>
  <si>
    <t>easier to scan and understand the details</t>
  </si>
  <si>
    <t>06/23/2016 21:05:36</t>
  </si>
  <si>
    <t>06/23/2016 21:06:28</t>
  </si>
  <si>
    <t>seems easer to read</t>
  </si>
  <si>
    <t>shows what I'm payingfor</t>
  </si>
  <si>
    <t>just used to the old one.</t>
  </si>
  <si>
    <t>06/23/2016 21:11:27</t>
  </si>
  <si>
    <t>06/23/2016 21:24:55</t>
  </si>
  <si>
    <t>Bigger print with the amount due and date due prominent.</t>
  </si>
  <si>
    <t>Easy to read chart with information on the costs making up my bill.</t>
  </si>
  <si>
    <t>Easier to read without extraneous fine print and with prominent graph of usage history.</t>
  </si>
  <si>
    <t>06/23/2016 21:27:03</t>
  </si>
  <si>
    <t>06/23/2016 21:28:38</t>
  </si>
  <si>
    <t>the most important information is there, the color and letter size helps to bring out the amount and due date better</t>
  </si>
  <si>
    <t>illustrations are always better for the customer to understand the bill</t>
  </si>
  <si>
    <t>I would use color for the first one which still shows the monthly usage history, from the second
one I would use the letter head in color, I would also leave the box with the meter reading details,
a mixture of both would be good, I would reduce the siz</t>
  </si>
  <si>
    <t>06/23/2016 21:35:27</t>
  </si>
  <si>
    <t>06/23/2016 21:49:45</t>
  </si>
  <si>
    <t>It's okay</t>
  </si>
  <si>
    <t>It's plain to understand</t>
  </si>
  <si>
    <t>Looks good.  Doesn't need any changes. .</t>
  </si>
  <si>
    <t>06/23/2016 22:03:54</t>
  </si>
  <si>
    <t>06/23/2016 22:05:38</t>
  </si>
  <si>
    <t>06/23/2016 22:16:58</t>
  </si>
  <si>
    <t>The choice was 'Neither satisfied or disatisfied'.  The bill is okay.  It looks just like the paper copy of the bill and I would  think there is the possibility of providing more graphics or comparisons in an electronic bill since there is not the concern</t>
  </si>
  <si>
    <t>Payment option selected.
Average temperature for the billing period.
Daylight hours during billing period.</t>
  </si>
  <si>
    <t>I misread the question.  I think the PSO bill has a better presentation than the other utilities.  
I would have preferred that your question referred to the PSO bill in a singular noun rather than plural.</t>
  </si>
  <si>
    <t>More information is presented.</t>
  </si>
  <si>
    <t>It shows the usage (KWH).  The example on the left does not provide the text showing the information.</t>
  </si>
  <si>
    <t>06/23/2016 22:17:17</t>
  </si>
  <si>
    <t>It gives me the information that I need and want without searching through the charges.</t>
  </si>
  <si>
    <t>I don't really like the layout but I do like the colors.</t>
  </si>
  <si>
    <t>06/23/2016 22:29:10</t>
  </si>
  <si>
    <t>06/23/2016 22:37:55</t>
  </si>
  <si>
    <t>Energy Saving tips</t>
  </si>
  <si>
    <t>more informative in case of possible error in billing</t>
  </si>
  <si>
    <t>explanitory</t>
  </si>
  <si>
    <t>cleaner, graphs easier to read</t>
  </si>
  <si>
    <t>I like graphs, charts &amp; contact info, but would prefer to save paper through email follow with a text to let me know my bill has been drafted! AT&amp;T does that for us. PSO gives amazing service in natural disasters to their customers! Thank you for providin</t>
  </si>
  <si>
    <t>06/23/2016 22:51:04</t>
  </si>
  <si>
    <t>06/23/2016 23:23:47</t>
  </si>
  <si>
    <t>Light a Life contributions
Amount due now, without the 'before shut off'</t>
  </si>
  <si>
    <t>I like the color.</t>
  </si>
  <si>
    <t>It has more information, breaking down the charges.</t>
  </si>
  <si>
    <t>It has a lot of information, and it is familiar. The other one has a lot of wasted space.</t>
  </si>
  <si>
    <t>I am really not very concerned about the appearance of my electric bill. I just need to know how much to pay and the due date.</t>
  </si>
  <si>
    <t>06/24/2016 01:07:39</t>
  </si>
  <si>
    <t>doesn't show usage information or the yearly/monthly usage chart</t>
  </si>
  <si>
    <t>Make a payment info, Contact &amp; Support info</t>
  </si>
  <si>
    <t>informs quicker</t>
  </si>
  <si>
    <t>more descriptive, visually</t>
  </si>
  <si>
    <t>Graph appearance is helpful, same info in uncluttered form is much easier to read quickly.</t>
  </si>
  <si>
    <t>06/24/2016 03:50:52</t>
  </si>
  <si>
    <t>It gives the bill more character.</t>
  </si>
  <si>
    <t>I feel like it's good to see how your energy is being used that way you can see where you might need to cut back.</t>
  </si>
  <si>
    <t>It looks easier to read and understand and still gives the same information is a creative style.</t>
  </si>
  <si>
    <t>06/24/2016 05:34:19</t>
  </si>
  <si>
    <t>company name first with accounts, billing name, amount number in big bold type and what you were billed from</t>
  </si>
  <si>
    <t>keep it simple</t>
  </si>
  <si>
    <t>explains everything i need to know</t>
  </si>
  <si>
    <t>06/24/2016 06:15:23</t>
  </si>
  <si>
    <t>ease of display
direct and to the point</t>
  </si>
  <si>
    <t>to the point</t>
  </si>
  <si>
    <t>06/24/2016 07:30:03</t>
  </si>
  <si>
    <t>Clarity.  It lets me know that it is MY bill as it has name and address included.  It has billing cycle, amount paid last month which lets me know my payment was received, and exactly what I owe and when.</t>
  </si>
  <si>
    <t>I like knowing what I am paying for.</t>
  </si>
  <si>
    <t>I like specifics.</t>
  </si>
  <si>
    <t>I really think they are great as they are.  (They could add a 'senior discount' line if they want,)</t>
  </si>
  <si>
    <t>06/24/2016 07:37:12</t>
  </si>
  <si>
    <t>Has the most information.  Lets you see that it is your bill.</t>
  </si>
  <si>
    <t>Gives you a breakdown of the charges.</t>
  </si>
  <si>
    <t>Has all information needed to pay bill.</t>
  </si>
  <si>
    <t>Why change.  It is good the way it is.  New layout is not informational enough.</t>
  </si>
  <si>
    <t>06/24/2016 08:19:54</t>
  </si>
  <si>
    <t>All information I need is easy to read without having to search for it.  Then I can look at my usage and other information if I have questions.</t>
  </si>
  <si>
    <t>Easy to  read</t>
  </si>
  <si>
    <t>The information I need is directly before me.  I do like this design</t>
  </si>
  <si>
    <t>Looks like a good design you've come up with.</t>
  </si>
  <si>
    <t>06/24/2016 08:29:31</t>
  </si>
  <si>
    <t>06/24/2016 08:47:24</t>
  </si>
  <si>
    <t>looks fine the way it is</t>
  </si>
  <si>
    <t>Can't think of anything else.</t>
  </si>
  <si>
    <t>Easy to quickly see the amount due and the date.  Just stands out better.</t>
  </si>
  <si>
    <t>Like the details included.</t>
  </si>
  <si>
    <t>The visuals are better.  Easy to read.</t>
  </si>
  <si>
    <t>Like the example shown. I don't spend much time at all reviewing my bill but I do like the one with the graphs.</t>
  </si>
  <si>
    <t>06/24/2016 08:56:39</t>
  </si>
  <si>
    <t>Summary of bill</t>
  </si>
  <si>
    <t>Different setup</t>
  </si>
  <si>
    <t>06/24/2016 09:08:13</t>
  </si>
  <si>
    <t>Information is a bit crowded and can be difficult to read.</t>
  </si>
  <si>
    <t>difficult to understand how the charges are applied and calculated. Hard to read with lots of lines of text to sort through to find pertinent information to pay the bill.</t>
  </si>
  <si>
    <t>Cleaner and easier to read and understand</t>
  </si>
  <si>
    <t>Helps you to understand what the charges are for.</t>
  </si>
  <si>
    <t>Clearly show what you need to be looking at in order to make a payment. 
Larger font and clean design.</t>
  </si>
  <si>
    <t>06/24/2016 09:12:36</t>
  </si>
  <si>
    <t>It doesn't matter to me</t>
  </si>
  <si>
    <t>User friendly</t>
  </si>
  <si>
    <t>user friendly</t>
  </si>
  <si>
    <t>Simple and easy to understand</t>
  </si>
  <si>
    <t>No comments</t>
  </si>
  <si>
    <t>06/24/2016 09:54:34</t>
  </si>
  <si>
    <t>Grabs my attention</t>
  </si>
  <si>
    <t>Graph helps me understand the costs.</t>
  </si>
  <si>
    <t>Not as busy</t>
  </si>
  <si>
    <t>I do like the previous samples. More clean, reads easier.</t>
  </si>
  <si>
    <t>06/24/2016 09:54:48</t>
  </si>
  <si>
    <t>the type is readable and the amount is clear</t>
  </si>
  <si>
    <t>shows all billing for all charges</t>
  </si>
  <si>
    <t>most informaiotin</t>
  </si>
  <si>
    <t>06/24/2016 09:58:51</t>
  </si>
  <si>
    <t>I like the color</t>
  </si>
  <si>
    <t>06/24/2016 10:03:44</t>
  </si>
  <si>
    <t>06/24/2016 14:06:22</t>
  </si>
  <si>
    <t>06/24/2016 15:14:57</t>
  </si>
  <si>
    <t>the actual meter readings - which are included</t>
  </si>
  <si>
    <t>the two main things, the amount and due date, are easy to see</t>
  </si>
  <si>
    <t>i like to see the breakdown</t>
  </si>
  <si>
    <t>it has more detail for when I really want to know it. I like the top of the colored one but I don't think the breakdown of charges in the pie graph is that important - the section is too big.</t>
  </si>
  <si>
    <t>I do everything online and we are on the balanced budget. I hardly ever look at the bill.</t>
  </si>
  <si>
    <t>06/24/2016 15:26:40</t>
  </si>
  <si>
    <t>Average usage</t>
  </si>
  <si>
    <t>Cheaper kilowatt usages</t>
  </si>
  <si>
    <t>06/24/2016 16:08:20</t>
  </si>
  <si>
    <t>06/24/2016 16:22:10</t>
  </si>
  <si>
    <t>Seems more professional</t>
  </si>
  <si>
    <t>I like my electric company if they change bunch stuff won't know how to read my bill withoit 
wasting time to learn new bill</t>
  </si>
  <si>
    <t>06/24/2016 18:38:56</t>
  </si>
  <si>
    <t>Graphic</t>
  </si>
  <si>
    <t>06/24/2016 19:24:21</t>
  </si>
  <si>
    <t>06/24/2016 20:09:36</t>
  </si>
  <si>
    <t>06/24/2016 20:14:20</t>
  </si>
  <si>
    <t>I don't know</t>
  </si>
  <si>
    <t>I don't really care - My bill is paid from my personal checking account.</t>
  </si>
  <si>
    <t>06/24/2016 20:47:43</t>
  </si>
  <si>
    <t>Kiosk</t>
  </si>
  <si>
    <t>06/24/2016 21:00:57</t>
  </si>
  <si>
    <t>06/24/2016 22:45:46</t>
  </si>
  <si>
    <t>Due Date, comparison to last year</t>
  </si>
  <si>
    <t>The due date is VERY hard to find.</t>
  </si>
  <si>
    <t>Has more complete information and larger type for the amount and due date.</t>
  </si>
  <si>
    <t>Honestly, both of these are terrible but there wasn't a 'none of the above' option.</t>
  </si>
  <si>
    <t>Less text, but has the basic information</t>
  </si>
  <si>
    <t>No other suggestions.</t>
  </si>
  <si>
    <t>06/24/2016 23:00:48</t>
  </si>
  <si>
    <t>Color background and pertinent info doesn't get lost in a sea of typing and all info pertinent to me is in the colored box.  I like that the account number is easy to find.</t>
  </si>
  <si>
    <t>Easily read graphics/visuals</t>
  </si>
  <si>
    <t>Easy to read and modern look to it</t>
  </si>
  <si>
    <t>06/24/2016 23:19:52</t>
  </si>
  <si>
    <t>06/24/2016 23:45:55</t>
  </si>
  <si>
    <t>would not change anything</t>
  </si>
  <si>
    <t>06/25/2016 00:00:00</t>
  </si>
  <si>
    <t>Easier to comprehend and includes all pertinent payment information.</t>
  </si>
  <si>
    <t>Graphic presentations make it easier to comprehend.</t>
  </si>
  <si>
    <t>06/25/2016 01:38:39</t>
  </si>
  <si>
    <t>06/25/2016 05:43:28</t>
  </si>
  <si>
    <t>extremely cluttered</t>
  </si>
  <si>
    <t>seperate pages for repeating information vs monthly changing information</t>
  </si>
  <si>
    <t>current amount due</t>
  </si>
  <si>
    <t>more information, easier to read</t>
  </si>
  <si>
    <t>less cluttered look, easier to read</t>
  </si>
  <si>
    <t>06/25/2016 09:08:42</t>
  </si>
  <si>
    <t>bigger and more noticeable</t>
  </si>
  <si>
    <t>more descriptive</t>
  </si>
  <si>
    <t>06/25/2016 09:14:05</t>
  </si>
  <si>
    <t>Paperwork is a pain and piles up, but I am less agile with the internet.</t>
  </si>
  <si>
    <t>due date of current bill and amount of bill</t>
  </si>
  <si>
    <t>contact information such as Tel #, Locations to pay close to me</t>
  </si>
  <si>
    <t>Easier to read and contains the information that is important to me in a format that is easy to recognize.  The other is confusing to the eye -  would I owe $200?</t>
  </si>
  <si>
    <t>gives % of total bill for different charges of which I would otherwise not be aware</t>
  </si>
  <si>
    <t>less cluttered  easier to read</t>
  </si>
  <si>
    <t>include locations nearest to me to go physically and pay my bill plus contact information for questions</t>
  </si>
  <si>
    <t>06/25/2016 10:17:55</t>
  </si>
  <si>
    <t>It has more information and looks better</t>
  </si>
  <si>
    <t>I like that it breaks it down in different charges</t>
  </si>
  <si>
    <t>06/25/2016 11:01:46</t>
  </si>
  <si>
    <t>Easy to read and straight to the point.</t>
  </si>
  <si>
    <t>Simple..and to the point.</t>
  </si>
  <si>
    <t>06/25/2016 18:23:03</t>
  </si>
  <si>
    <t>06/26/2016 12:25:15</t>
  </si>
  <si>
    <t>Makes the most since to me</t>
  </si>
  <si>
    <t>this is what I am use to seeing</t>
  </si>
  <si>
    <t>It will be fine with me if it makes more since to you to change the look</t>
  </si>
  <si>
    <t>06/26/2016 12:29:56</t>
  </si>
  <si>
    <t>They are not usually in layman terms.  It would be nice if they averaged the highest consumption hours of the day.</t>
  </si>
  <si>
    <t>Consumption graph based on time of day when most energy is used</t>
  </si>
  <si>
    <t>Payment options
An app</t>
  </si>
  <si>
    <t>Easier to read and Aesistically pleasing t OK the eye</t>
  </si>
  <si>
    <t>I like the summary</t>
  </si>
  <si>
    <t>Easier to scan quickly and more pleasing to the eye</t>
  </si>
  <si>
    <t>Colors, graphs, charts are nice and more pleasing.</t>
  </si>
  <si>
    <t>06/26/2016 12:46:40</t>
  </si>
  <si>
    <t>06/26/2016 20:03:07</t>
  </si>
  <si>
    <t>cost per KW and any adjustments to the cost</t>
  </si>
  <si>
    <t>more info account number, due date</t>
  </si>
  <si>
    <t>Cant think of improvements in the appearance of the bill, but why are you higher than OG&amp;E on cost of electricity?  I have two OG&amp;E accounts that use more energy than the AEP account and pay a lot less.</t>
  </si>
  <si>
    <t>06/26/2016 20:35:19</t>
  </si>
  <si>
    <t>I can't think of anything else.</t>
  </si>
  <si>
    <t>I love color!</t>
  </si>
  <si>
    <t>Gave more information.</t>
  </si>
  <si>
    <t>Gave more information...In a form I like!</t>
  </si>
  <si>
    <t>-</t>
  </si>
  <si>
    <t>06/26/2016 21:26:16</t>
  </si>
  <si>
    <t>Simple to read</t>
  </si>
  <si>
    <t>Nice break down on graph</t>
  </si>
  <si>
    <t>Really simple</t>
  </si>
  <si>
    <t>06/26/2016 23:49:37</t>
  </si>
  <si>
    <t>06/27/2016 05:51:16</t>
  </si>
  <si>
    <t>catches my eye faster</t>
  </si>
  <si>
    <t>06/27/2016 09:29:22</t>
  </si>
  <si>
    <t>06/27/2016 10:28:52</t>
  </si>
  <si>
    <t>06/27/2016 11:11:03</t>
  </si>
  <si>
    <t>doesn't give much information like history and how much was used</t>
  </si>
  <si>
    <t>I can see the amount due and the date it's due by very easily.  Also I can see my account number on the left.</t>
  </si>
  <si>
    <t>I like the graph.</t>
  </si>
  <si>
    <t>It looks better &amp; is easier to read but probably cost more to print because of the colors.</t>
  </si>
  <si>
    <t>06/27/2016 11:35:56</t>
  </si>
  <si>
    <t>Simplify the AMP detail. It's very busy and confusing. Also, it would be helpful to add a reminder of why usage was higher or lower, such as X days above 90 degrees, etc. because looking at the bill and thinking about the previous month always makes me th</t>
  </si>
  <si>
    <t>How the meter was read. If it was estimated, why, and based upon what? How do I know the meter is working properly? Also, when the new remote-read meter was installed, the contractor jumped my locked gates to access my back yard. I do not appreciate that.</t>
  </si>
  <si>
    <t>The detail of the AMP is not clear and concise. You have to read every line then go back up, or look further down, to determine actual usage, and AMP balance vs. bill balance. 
The usage chart is on page two, and it's small. The gas bill displays the usa</t>
  </si>
  <si>
    <t>The format is easy to read, and the information is clear, concise and prominent. The color and font lend to easy readability.</t>
  </si>
  <si>
    <t>The chart is informative and easy to read.</t>
  </si>
  <si>
    <t>It's easy to read and understand.</t>
  </si>
  <si>
    <t>Since AEP is a monopoly and there is no other option for electric service, AEP should include a 'Thank you for your business' statement, in a font that expresses appreciation. 
They should also include notices for their requests to the Corporation Commis</t>
  </si>
  <si>
    <t>06/27/2016 12:53:19</t>
  </si>
  <si>
    <t>06/27/2016 13:05:33</t>
  </si>
  <si>
    <t>06/27/2016 13:08:21</t>
  </si>
  <si>
    <t>06/27/2016 14:30:34</t>
  </si>
  <si>
    <t>would like to see more detail without having to log in</t>
  </si>
  <si>
    <t>usage history bar graph. but the other format has more useful info.</t>
  </si>
  <si>
    <t>06/27/2016 14:56:52</t>
  </si>
  <si>
    <t>I'd like the first better but I don't  know what riders, transmission, and generation mean</t>
  </si>
  <si>
    <t>06/28/2016 02:20:22</t>
  </si>
  <si>
    <t>The bills look to 'busy' and make it hard to read and figure out.</t>
  </si>
  <si>
    <t>Easier to read with all needed information on one page.</t>
  </si>
  <si>
    <t>Don't understand the other one.</t>
  </si>
  <si>
    <t>The usage history is easier to understand and the amount due with date is much easier to see. This one is more simple and seems less cluttered.</t>
  </si>
  <si>
    <t>06/28/2016 09:30:10</t>
  </si>
  <si>
    <t>06/28/2016 20:17:31</t>
  </si>
  <si>
    <t>do bill averaging so same payment every month</t>
  </si>
  <si>
    <t>Basics</t>
  </si>
  <si>
    <t>I'm visual</t>
  </si>
  <si>
    <t>Graphs help me</t>
  </si>
  <si>
    <t>06/29/2016 14:57:08</t>
  </si>
  <si>
    <t>The one you now have is fine.</t>
  </si>
  <si>
    <t>I LIKE TO SEE THE BREAKDOWN.  Some current charges are suppose to expire this year.  I note this on each monthly bill.  I doubt that any will expire.  Probably will increase.</t>
  </si>
  <si>
    <t>06/29/2016 15:12:39</t>
  </si>
  <si>
    <t>Color Makes it stand out and larger font.</t>
  </si>
  <si>
    <t>The other is to plane.</t>
  </si>
  <si>
    <t>Looks better with color. No overload of info.</t>
  </si>
  <si>
    <t>06/29/2016 16:38:15</t>
  </si>
  <si>
    <t>06/29/2016 21:55:03</t>
  </si>
  <si>
    <t>No acct. # on the other one.  No way to make sure it is mine. No date of service period.</t>
  </si>
  <si>
    <t>Graph tells you more</t>
  </si>
  <si>
    <t>Informative without clutter.</t>
  </si>
  <si>
    <t>06/30/2016 07:24:49</t>
  </si>
  <si>
    <t>06/30/2016 10:46:47</t>
  </si>
  <si>
    <t>07/01/2016 13:51:51</t>
  </si>
  <si>
    <t>07/02/2016 16:43:48</t>
  </si>
  <si>
    <t>IT WAS VERY EASY TO READ AND UNDERSTAND.</t>
  </si>
  <si>
    <t>IT IS SELF EXPLAINABLE</t>
  </si>
  <si>
    <t>07/02/2016 18:23:17</t>
  </si>
  <si>
    <t>07/03/2016 20:40:53</t>
  </si>
  <si>
    <t>I know who the bill is for</t>
  </si>
  <si>
    <t>Gives a breakdown of what the charges are for. Graphs are easy to read and some people find pictorials much better way of billing if your used to reading graphs and charts</t>
  </si>
  <si>
    <t>I personally have no problem reading and understanding the current billing format</t>
  </si>
  <si>
    <t>Satisfied with current billing format. As a side bar when the power has gone out the service crews do an excellent job at restoring power in a timely manner</t>
  </si>
  <si>
    <t>07/05/2016 15:18:35</t>
  </si>
  <si>
    <t>Easier to understand the information.</t>
  </si>
  <si>
    <t>07/06/2016 13:14:36</t>
  </si>
  <si>
    <t>07/13/2016 12:11:24</t>
  </si>
  <si>
    <t>Clear. Concise. And it has all the info you need without having to search for it.</t>
  </si>
  <si>
    <t>Graphs are always better!</t>
  </si>
  <si>
    <t>Not as cluttered...</t>
  </si>
  <si>
    <t>Southwestern Electric Power Co.</t>
  </si>
  <si>
    <t>Southwestern Electric Power Co</t>
  </si>
  <si>
    <t>More Detailed</t>
  </si>
  <si>
    <t>Easier to read and understand.  Clean and easy to find information</t>
  </si>
  <si>
    <t>06/23/2016 14:03:06</t>
  </si>
  <si>
    <t>Easier to see.</t>
  </si>
  <si>
    <t>06/23/2016 14:03:27</t>
  </si>
  <si>
    <t>more detail, larger</t>
  </si>
  <si>
    <t>06/23/2016 14:04:08</t>
  </si>
  <si>
    <t>more attractive</t>
  </si>
  <si>
    <t>better detail</t>
  </si>
  <si>
    <t>better graphics</t>
  </si>
  <si>
    <t>06/23/2016 14:04:36</t>
  </si>
  <si>
    <t>Sometimes I don't understand because runs numbers all together... Ex: past due and new</t>
  </si>
  <si>
    <t>06/23/2016 14:04:41</t>
  </si>
  <si>
    <t>I wouldn't change it</t>
  </si>
  <si>
    <t>Easier to read... faster and more efficient</t>
  </si>
  <si>
    <t>Bill me much less ... :)</t>
  </si>
  <si>
    <t>06/23/2016 14:04:55</t>
  </si>
  <si>
    <t>06/23/2016 14:05:06</t>
  </si>
  <si>
    <t>06/23/2016 14:05:25</t>
  </si>
  <si>
    <t>Pay through Walmart.</t>
  </si>
  <si>
    <t>I don't understand some of the charges. Like fuel charge?</t>
  </si>
  <si>
    <t>The due amount is more prominent and clearer.</t>
  </si>
  <si>
    <t>I'm not sure what is even going on in the top graph.</t>
  </si>
  <si>
    <t>Hard to understand</t>
  </si>
  <si>
    <t>Because even though my bill is late alot its never been shut off you are changing me another deposit</t>
  </si>
  <si>
    <t>06/23/2016 14:05:28</t>
  </si>
  <si>
    <t>I'm indifferent, not 'less than satisfied'. I did not choose the 'less than satisfied' option because that was NOT an option.</t>
  </si>
  <si>
    <t>Current amount owed 
Current Payment due date</t>
  </si>
  <si>
    <t>More info, better design, actually easier to understand, more informative.</t>
  </si>
  <si>
    <t>I like the visual.</t>
  </si>
  <si>
    <t>Again, visual.</t>
  </si>
  <si>
    <t>Graphs, charts, color, and visuals in general  are appreciated.</t>
  </si>
  <si>
    <t>06/23/2016 14:05:57</t>
  </si>
  <si>
    <t>better format. more info.</t>
  </si>
  <si>
    <t>06/23/2016 14:06:21</t>
  </si>
  <si>
    <t>Told me everything needed to pay for electric services</t>
  </si>
  <si>
    <t>Explains what I am paying for</t>
  </si>
  <si>
    <t>Simpler is better</t>
  </si>
  <si>
    <t>06/23/2016 14:06:24</t>
  </si>
  <si>
    <t>06/23/2016 14:06:35</t>
  </si>
  <si>
    <t>06/23/2016 14:06:46</t>
  </si>
  <si>
    <t>06/23/2016 14:06:50</t>
  </si>
  <si>
    <t>It can be confusing to understand all of the charges on the bill and what is new or old.</t>
  </si>
  <si>
    <t>Contact information</t>
  </si>
  <si>
    <t>It provided more information than the bottom one.</t>
  </si>
  <si>
    <t>Easier to understand and more information.</t>
  </si>
  <si>
    <t>No, I find them good.</t>
  </si>
  <si>
    <t>06/23/2016 14:07:24</t>
  </si>
  <si>
    <t>account number showing on the bill</t>
  </si>
  <si>
    <t>NA</t>
  </si>
  <si>
    <t>Just seems to be cleaner</t>
  </si>
  <si>
    <t>06/23/2016 14:07:50</t>
  </si>
  <si>
    <t>06/23/2016 14:08:06</t>
  </si>
  <si>
    <t>Because it's a bill I don't care about what it looks like as long as it's accurate billing</t>
  </si>
  <si>
    <t>Catches the eye better</t>
  </si>
  <si>
    <t>Don't have a preference on that</t>
  </si>
  <si>
    <t>06/23/2016 14:08:50</t>
  </si>
  <si>
    <t>06/23/2016 14:08:59</t>
  </si>
  <si>
    <t>06/23/2016 14:09:03</t>
  </si>
  <si>
    <t>Contains important information like Name, address, and account number.
Gives you the bill cycle information. 
Due date &amp; amount due are very visible, especially if you have a hard time seeing.</t>
  </si>
  <si>
    <t>I like how they give a better view of what you are paying for instead of just giving you a simple amount due.</t>
  </si>
  <si>
    <t>Straight to the point. Not a lot of words that you can sometimes overlook. The bill doesn't look as cluttered and wordy as other bill layout.</t>
  </si>
  <si>
    <t>I hope ya'll switch to the new bill layout! It looks GREAT!</t>
  </si>
  <si>
    <t>06/23/2016 14:09:04</t>
  </si>
  <si>
    <t>Easier to read and the color stands out.</t>
  </si>
  <si>
    <t>I like some things on both but I do not like the graft on the usage.</t>
  </si>
  <si>
    <t>06/23/2016 14:09:47</t>
  </si>
  <si>
    <t>Easy to read and the previous billing cycle amt. paid</t>
  </si>
  <si>
    <t>Like the detail about usage</t>
  </si>
  <si>
    <t>06/23/2016 14:10:14</t>
  </si>
  <si>
    <t>I like the pie chart of cost breakdowns.</t>
  </si>
  <si>
    <t>06/23/2016 14:10:19</t>
  </si>
  <si>
    <t>06/23/2016 14:11:43</t>
  </si>
  <si>
    <t>Because of your logo being on there, I know what/who this is before reading anything. It has more details about the bill also. It's very clear how much the bill is whereas on the other one you have to line up the amounts with the explanation to see what t</t>
  </si>
  <si>
    <t>Not the biggest fan of pie-type graphs.</t>
  </si>
  <si>
    <t>Looks like there is more info and it's like what I am used to seeing.</t>
  </si>
  <si>
    <t>I just want to know what exactly all the charges are for, of course I understand usage and taxes but what are all the miscellaneous fees and such. Who gets that money, what's it for?</t>
  </si>
  <si>
    <t>06/23/2016 14:12:33</t>
  </si>
  <si>
    <t>Brings your eye immediately to the amount being charged.</t>
  </si>
  <si>
    <t>Again an eye catcher but I thing confusion to most maybe.  Need more explanation of the parts.</t>
  </si>
  <si>
    <t>Think this would be more understandable to most.</t>
  </si>
  <si>
    <t>06/23/2016 14:13:45</t>
  </si>
  <si>
    <t>Graphics are visually appealing</t>
  </si>
  <si>
    <t>Graphics are appealing</t>
  </si>
  <si>
    <t>Graphs and easy to understand</t>
  </si>
  <si>
    <t>06/23/2016 14:14:37</t>
  </si>
  <si>
    <t>06/23/2016 14:15:27</t>
  </si>
  <si>
    <t>Actually date meter reading was taken</t>
  </si>
  <si>
    <t>More information provided</t>
  </si>
  <si>
    <t>This one I am familiar with</t>
  </si>
  <si>
    <t>06/23/2016 14:16:07</t>
  </si>
  <si>
    <t>cluttered and un expalained charges</t>
  </si>
  <si>
    <t>i like graphs</t>
  </si>
  <si>
    <t>06/23/2016 14:17:22</t>
  </si>
  <si>
    <t>Easier to see amount due.</t>
  </si>
  <si>
    <t>easier to see total due.</t>
  </si>
  <si>
    <t>more visually pleasing</t>
  </si>
  <si>
    <t>06/23/2016 14:18:11</t>
  </si>
  <si>
    <t>06/23/2016 14:18:21</t>
  </si>
  <si>
    <t>06/23/2016 14:18:48</t>
  </si>
  <si>
    <t>06/23/2016 14:19:04</t>
  </si>
  <si>
    <t>It has the account number, the amount due in large type, the due date, the billing period, and the last payment amount.</t>
  </si>
  <si>
    <t>It allocates the charges graphically.</t>
  </si>
  <si>
    <t>06/23/2016 14:19:57</t>
  </si>
  <si>
    <t>06/23/2016 14:20:45</t>
  </si>
  <si>
    <t>06/23/2016 14:21:04</t>
  </si>
  <si>
    <t>06/23/2016 14:21:05</t>
  </si>
  <si>
    <t>Easier to read the most important fact first ....Amount due</t>
  </si>
  <si>
    <t>The chart is great! I like to easily see  exactly what my bill includes.</t>
  </si>
  <si>
    <t>Again, it is easier to understand because the bill is itemized in a clear, concise way... The chart and the large font on important items is an good improvement .</t>
  </si>
  <si>
    <t>Thank you for being so customer-aware and for attempting to improve the way you present the billing statements each month.</t>
  </si>
  <si>
    <t>06/23/2016 14:22:18</t>
  </si>
  <si>
    <t>Make payments easier</t>
  </si>
  <si>
    <t>Larger and easier to read</t>
  </si>
  <si>
    <t>Larger and easier to read, more information</t>
  </si>
  <si>
    <t>It would be nice if you didn't have to enroll in automatic bill pay each month to pay bill</t>
  </si>
  <si>
    <t>06/23/2016 14:22:58</t>
  </si>
  <si>
    <t>06/23/2016 14:24:35</t>
  </si>
  <si>
    <t>Explanatory</t>
  </si>
  <si>
    <t>Simple, explains what I need to know in quick format</t>
  </si>
  <si>
    <t>06/23/2016 14:26:10</t>
  </si>
  <si>
    <t>It's fine like it is</t>
  </si>
  <si>
    <t>Better information</t>
  </si>
  <si>
    <t>Looks neater</t>
  </si>
  <si>
    <t>More organized</t>
  </si>
  <si>
    <t>06/23/2016 14:26:30</t>
  </si>
  <si>
    <t>06/23/2016 14:28:55</t>
  </si>
  <si>
    <t>06/23/2016 14:29:08</t>
  </si>
  <si>
    <t>Need to have a place locally to pay your bill.</t>
  </si>
  <si>
    <t>06/23/2016 14:29:13</t>
  </si>
  <si>
    <t>Layout and color
Easy to read</t>
  </si>
  <si>
    <t>Shows breakdown</t>
  </si>
  <si>
    <t>Layout 
Looks better</t>
  </si>
  <si>
    <t>I like the bill showing the service dates.</t>
  </si>
  <si>
    <t>graft is much easier to understand the charges</t>
  </si>
  <si>
    <t>The top one is easier for me to read.</t>
  </si>
  <si>
    <t>06/23/2016 14:30:59</t>
  </si>
  <si>
    <t>06/23/2016 14:33:12</t>
  </si>
  <si>
    <t>Fine as is</t>
  </si>
  <si>
    <t>06/23/2016 14:33:45</t>
  </si>
  <si>
    <t>the information is better arranged to imply the most important information as more eye-catching</t>
  </si>
  <si>
    <t>i appreciate numbers being presented in a graph</t>
  </si>
  <si>
    <t>i think it's more appealing, graphically/i like the colors</t>
  </si>
  <si>
    <t>06/23/2016 14:34:26</t>
  </si>
  <si>
    <t>06/23/2016 14:35:07</t>
  </si>
  <si>
    <t>Provides a visual and the amount due stands out.</t>
  </si>
  <si>
    <t>Able to see amount and date due instantly.</t>
  </si>
  <si>
    <t>Breaks down charges/fees.</t>
  </si>
  <si>
    <t>06/23/2016 14:36:27</t>
  </si>
  <si>
    <t>06/23/2016 14:37:07</t>
  </si>
  <si>
    <t>I like that it tells by when the bill is due and the period covered. Seeing the service name and the company symbol are also important.</t>
  </si>
  <si>
    <t>No additional comments</t>
  </si>
  <si>
    <t>06/23/2016 14:37:57</t>
  </si>
  <si>
    <t>I would like for there to not be a $2 charge to use a debit card.</t>
  </si>
  <si>
    <t>06/23/2016 14:38:14</t>
  </si>
  <si>
    <t>Clear, short and sw</t>
  </si>
  <si>
    <t>Clear, short and sweet.</t>
  </si>
  <si>
    <t>06/23/2016 14:39:06</t>
  </si>
  <si>
    <t>Payment type
One time payment 
Automatic payment.</t>
  </si>
  <si>
    <t>More detail and colored background helps viewing the information.</t>
  </si>
  <si>
    <t>More details. And pictographs usually tells more information at a glance.</t>
  </si>
  <si>
    <t>More information involved.</t>
  </si>
  <si>
    <t>06/23/2016 14:39:17</t>
  </si>
  <si>
    <t>It not the appearance, it's the functionality.</t>
  </si>
  <si>
    <t>Average usage and cost per day;
Explanation of amount and fluctuation of Fuel Surcharge;</t>
  </si>
  <si>
    <t>Important information is highlighted and easy to see.</t>
  </si>
  <si>
    <t>Categories of charges</t>
  </si>
  <si>
    <t>It looks simpler but may not have all the info I need.</t>
  </si>
  <si>
    <t>I think it ludicrous that all my bills are not consolidated into one bill.</t>
  </si>
  <si>
    <t>06/23/2016 14:39:20</t>
  </si>
  <si>
    <t>06/23/2016 14:39:27</t>
  </si>
  <si>
    <t>My home is fully electric</t>
  </si>
  <si>
    <t>Catches the eye</t>
  </si>
  <si>
    <t>Easy to read, but would like to see previous bill</t>
  </si>
  <si>
    <t>06/23/2016 14:43:19</t>
  </si>
  <si>
    <t>Graphics aren't needed.</t>
  </si>
  <si>
    <t>If you want, use 900 colors.  3D images and 500 square inches.  I don't care.  Just give me and the mail man time to pay the bill.  :-)</t>
  </si>
  <si>
    <t>06/23/2016 14:44:24</t>
  </si>
  <si>
    <t>Clear display of usage</t>
  </si>
  <si>
    <t>I like the graph, as it puts charges into perspective</t>
  </si>
  <si>
    <t>06/23/2016 14:44:35</t>
  </si>
  <si>
    <t>I had rather receive the paper because I have something to keep.</t>
  </si>
  <si>
    <t>06/23/2016 14:45:29</t>
  </si>
  <si>
    <t>06/23/2016 14:46:13</t>
  </si>
  <si>
    <t>Bold message</t>
  </si>
  <si>
    <t>Easier to read..</t>
  </si>
  <si>
    <t>06/23/2016 14:47:02</t>
  </si>
  <si>
    <t>06/23/2016 14:47:33</t>
  </si>
  <si>
    <t>amount and date due jump out and the appearance calls attention to the most basic most important information</t>
  </si>
  <si>
    <t>top one is stupid</t>
  </si>
  <si>
    <t>easy to read (center section is still stupid)</t>
  </si>
  <si>
    <t>when paying online, the payment should be credited immediately!    I have more than one late fee because when I went to pay, even when not late, the payment was not credited for days after.
Being unemployed, this increases my bill and depletes my already</t>
  </si>
  <si>
    <t>06/23/2016 14:47:40</t>
  </si>
  <si>
    <t>06/23/2016 14:47:57</t>
  </si>
  <si>
    <t>Easier for me to read.</t>
  </si>
  <si>
    <t>06/23/2016 14:50:47</t>
  </si>
  <si>
    <t>i like the way it looks now. i don't have any problems reading it.</t>
  </si>
  <si>
    <t>06/23/2016 14:51:07</t>
  </si>
  <si>
    <t>I would like to have a comparison of last year's usage/cost to this year's.  Both YTD and current billing period.</t>
  </si>
  <si>
    <t>06/23/2016 14:53:07</t>
  </si>
  <si>
    <t>06/23/2016 14:54:08</t>
  </si>
  <si>
    <t>06/23/2016 14:56:10</t>
  </si>
  <si>
    <t>It seems like the amount do is more up-front</t>
  </si>
  <si>
    <t>06/23/2016 14:56:32</t>
  </si>
  <si>
    <t>It is nice and clear.</t>
  </si>
  <si>
    <t>06/23/2016 14:58:28</t>
  </si>
  <si>
    <t>06/23/2016 14:58:57</t>
  </si>
  <si>
    <t>06/23/2016 14:59:13</t>
  </si>
  <si>
    <t>06/23/2016 15:00:53</t>
  </si>
  <si>
    <t>because the person's name and account number is shown on the bill, the amount due is in large print and service date and billing cycle are shown.  I think information in the first one I selected gives the customers all the information needed for their rec</t>
  </si>
  <si>
    <t>I like simple, easy to understand bills without having to do any research on what needs to be paid.</t>
  </si>
  <si>
    <t>Necessary information to consumer about their billing.</t>
  </si>
  <si>
    <t>06/23/2016 15:02:28</t>
  </si>
  <si>
    <t>06/23/2016 15:04:43</t>
  </si>
  <si>
    <t>i'm on levelized payment plan.  this month within the statement it shows current AMP payment due of $142.  yet at the bottom of the statement it says $0 due.  do i owe the $142 or $0 for the month?  it's confusing.</t>
  </si>
  <si>
    <t>make bill less confusing as to amount owed for the month</t>
  </si>
  <si>
    <t>amount due</t>
  </si>
  <si>
    <t>amount owed is confusing - see previous comments</t>
  </si>
  <si>
    <t>Easy to see/determine the amount due!</t>
  </si>
  <si>
    <t>tells what makes up the charges</t>
  </si>
  <si>
    <t>less cluttered; easy to see amount owed; grahically displays usage make-up</t>
  </si>
  <si>
    <t>06/23/2016 15:07:44</t>
  </si>
  <si>
    <t>06/23/2016 15:12:55</t>
  </si>
  <si>
    <t>Simplest</t>
  </si>
  <si>
    <t>Explains best the charges</t>
  </si>
  <si>
    <t>06/23/2016 15:13:01</t>
  </si>
  <si>
    <t>Comparison from month to month</t>
  </si>
  <si>
    <t>It gives me important info right away.</t>
  </si>
  <si>
    <t>I like the breakdown.</t>
  </si>
  <si>
    <t>06/23/2016 15:14:10</t>
  </si>
  <si>
    <t>06/23/2016 15:16:30</t>
  </si>
  <si>
    <t>06/23/2016 15:17:47</t>
  </si>
  <si>
    <t>06/23/2016 15:19:27</t>
  </si>
  <si>
    <t>06/23/2016 15:20:50</t>
  </si>
  <si>
    <t>Colorful, easier to read, different sized fonts, bold letters, logo</t>
  </si>
  <si>
    <t>Much easier to read, better visual understanding of current charges</t>
  </si>
  <si>
    <t>More efficient use of information, easier to understand, colorful</t>
  </si>
  <si>
    <t>I do like the current way the bills are displayed, but for the reasons specified I do like the new look too. I would however, be happy with staying with the current method the bills are displayed.</t>
  </si>
  <si>
    <t>06/23/2016 15:20:55</t>
  </si>
  <si>
    <t>06/23/2016 15:25:09</t>
  </si>
  <si>
    <t>easier to find information more info included</t>
  </si>
  <si>
    <t>more info included</t>
  </si>
  <si>
    <t>more concise</t>
  </si>
  <si>
    <t>06/23/2016 15:29:14</t>
  </si>
  <si>
    <t>Includes all of the nessasary information.</t>
  </si>
  <si>
    <t>I like graphs. easyer to visualize information</t>
  </si>
  <si>
    <t>Too much information on first one. Harder to find needed information. Can always provide a second page or link to additional information if needed.</t>
  </si>
  <si>
    <t>I have two accounts. Would like to see summary of each on one page and ability to pay each by simply selecting that account. Then print a one page summary</t>
  </si>
  <si>
    <t>06/23/2016 15:33:07</t>
  </si>
  <si>
    <t>06/23/2016 15:34:30</t>
  </si>
  <si>
    <t>I like to know that you rec last payment and when</t>
  </si>
  <si>
    <t>06/23/2016 15:34:50</t>
  </si>
  <si>
    <t>I would understand it better</t>
  </si>
  <si>
    <t>06/23/2016 15:36:59</t>
  </si>
  <si>
    <t>Easier to understand. Needs to have peak hours of use to help manage electrical use</t>
  </si>
  <si>
    <t>If we had a measure of peak usage on a daily average</t>
  </si>
  <si>
    <t>06/23/2016 15:38:51</t>
  </si>
  <si>
    <t>monthly, weekly, hourly usage in graphical form compared to previous years.</t>
  </si>
  <si>
    <t>contact phone number</t>
  </si>
  <si>
    <t>06/23/2016 15:38:54</t>
  </si>
  <si>
    <t>06/23/2016 15:39:10</t>
  </si>
  <si>
    <t>Avg vs same size houses</t>
  </si>
  <si>
    <t>06/23/2016 15:39:36</t>
  </si>
  <si>
    <t>06/23/2016 15:41:20</t>
  </si>
  <si>
    <t>I would like to know how my bill compares to others who are in my area.</t>
  </si>
  <si>
    <t>Easier to read and identify important information.</t>
  </si>
  <si>
    <t>Easy to see breakdown of charges.</t>
  </si>
  <si>
    <t>Graphs are much easier to read. Color is also nice and highlights important data.</t>
  </si>
  <si>
    <t>The ability to set up text reminders of upcoming due date would be nice.</t>
  </si>
  <si>
    <t>06/23/2016 15:42:06</t>
  </si>
  <si>
    <t>Graphics make it easier to read</t>
  </si>
  <si>
    <t>Graphics</t>
  </si>
  <si>
    <t>Too much information gets lost and is not always read. The image with the graph shows the important info needed.</t>
  </si>
  <si>
    <t>06/23/2016 15:43:22</t>
  </si>
  <si>
    <t>Don't like bills.</t>
  </si>
  <si>
    <t>06/23/2016 15:47:44</t>
  </si>
  <si>
    <t>Actually, I am satisfied.</t>
  </si>
  <si>
    <t>Bigger, bolder, due date clearer.  Tells me what I paid last month.</t>
  </si>
  <si>
    <t>It's simpler.  I see no need for a graph representation</t>
  </si>
  <si>
    <t>It's the traditional look for a bill and I can infer where the necessary info is.</t>
  </si>
  <si>
    <t>06/23/2016 15:49:48</t>
  </si>
  <si>
    <t>It has my account number and name. Seems more customer friendly</t>
  </si>
  <si>
    <t>Concise information presented in easy to understand format</t>
  </si>
  <si>
    <t>06/23/2016 15:52:57</t>
  </si>
  <si>
    <t>I wish my usage graph included 25 months - not just 13</t>
  </si>
  <si>
    <t>If my bill were in jeopardy of being shut off, that should obviously be front and center in a font size that distinguishes it from other information on the page - along with the amount due.</t>
  </si>
  <si>
    <t>Important information is larger - I like the logo.</t>
  </si>
  <si>
    <t>I am not even sure what the generation/riders and Transmission even are.  It does have a snazzy look - and again, the $100 is in a larger amount.  I am going to assume that there is an explanation given for what these charges represent.</t>
  </si>
  <si>
    <t>Cleaner look.  I do like the chart info at the bottom of the top bill</t>
  </si>
  <si>
    <t>Good luck getting everyone to be able to read and understand their bill.</t>
  </si>
  <si>
    <t>06/23/2016 15:52:58</t>
  </si>
  <si>
    <t>It highlighted the information.</t>
  </si>
  <si>
    <t>06/23/2016 15:53:14</t>
  </si>
  <si>
    <t>06/23/2016 16:01:57</t>
  </si>
  <si>
    <t>clean- amount  noticeable- great information included</t>
  </si>
  <si>
    <t>detail breakdown</t>
  </si>
  <si>
    <t>06/23/2016 16:03:57</t>
  </si>
  <si>
    <t>06/23/2016 16:04:24</t>
  </si>
  <si>
    <t>06/23/2016 16:15:23</t>
  </si>
  <si>
    <t>they do not shows a clear percentage of the usage</t>
  </si>
  <si>
    <t>My bill is too hight and I am not even all the time at home. I call them to come and try to fix something about the measurer, and they are not kind, telling me that my percenatge of bill is something normal.</t>
  </si>
  <si>
    <t>looks nice</t>
  </si>
  <si>
    <t>06/23/2016 16:17:39</t>
  </si>
  <si>
    <t>No issue</t>
  </si>
  <si>
    <t>06/23/2016 16:17:44</t>
  </si>
  <si>
    <t>It is much easier to read, and is pleasing to the eyes.</t>
  </si>
  <si>
    <t>The graph is easy to understand.</t>
  </si>
  <si>
    <t>The overall layout is much better.</t>
  </si>
  <si>
    <t>06/23/2016 16:17:47</t>
  </si>
  <si>
    <t>06/23/2016 16:18:26</t>
  </si>
  <si>
    <t>Color graph</t>
  </si>
  <si>
    <t>Color and less clutter</t>
  </si>
  <si>
    <t>Easier to understand at a quick glance.</t>
  </si>
  <si>
    <t>Much more information.</t>
  </si>
  <si>
    <t>Less 'fine print'.</t>
  </si>
  <si>
    <t>Off topic:
When I was growing up in Shreveport back in the 50s and 60s it was rare for the electric service to go off. Now I live in Spring Lake and it is a common occurrence for the electric power to go off. I've bought UPSs for my computers and wirel</t>
  </si>
  <si>
    <t>easy to look at.  eyes go right to the necessary information.
in the second one I don't know what a 'tariff 015' is, etc</t>
  </si>
  <si>
    <t>only because it tells me information -- but I don't know what 'transmission or generation' mean.</t>
  </si>
  <si>
    <t>much easier to zone in on the pertinent information</t>
  </si>
  <si>
    <t>06/23/2016 16:23:23</t>
  </si>
  <si>
    <t>The amount due and date due are in plain site.</t>
  </si>
  <si>
    <t>It breaks down what your payment went for.</t>
  </si>
  <si>
    <t>It shows what you need to know at first glance.</t>
  </si>
  <si>
    <t>Everything was larger font and easier to read</t>
  </si>
  <si>
    <t>Simpler and easier to read</t>
  </si>
  <si>
    <t>06/23/2016 16:27:40</t>
  </si>
  <si>
    <t>Color looks better</t>
  </si>
  <si>
    <t>06/23/2016 16:31:47</t>
  </si>
  <si>
    <t>Graph year to date energy usage, and. Also prior year usage at same date</t>
  </si>
  <si>
    <t>I. Keep getting fliers that an energy analysis and home improvements company is available , which ones are legitimate.</t>
  </si>
  <si>
    <t>Bigger text</t>
  </si>
  <si>
    <t>The color help the text stand out.  I also like the donut graph of the  breakout of charges</t>
  </si>
  <si>
    <t>I am used to this. And know where to look or the info I need.</t>
  </si>
  <si>
    <t>Was long as customers are getting email of bills , using some color in the existing format would help the contrast.  Paper bill should stay with black and white....keeps cost down.
You could also add a line of how AEP KW hours costs compares to nationa</t>
  </si>
  <si>
    <t>06/23/2016 16:35:25</t>
  </si>
  <si>
    <t>explain if i have a credit or debt using average monthly</t>
  </si>
  <si>
    <t>06/23/2016 16:44:31</t>
  </si>
  <si>
    <t>Tells me all I need to know</t>
  </si>
  <si>
    <t>06/23/2016 16:49:16</t>
  </si>
  <si>
    <t>06/23/2016 16:50:29</t>
  </si>
  <si>
    <t>to much wasted space.  Consolidate down to one double sided page</t>
  </si>
  <si>
    <t>06/23/2016 17:03:03</t>
  </si>
  <si>
    <t>I'm neutral</t>
  </si>
  <si>
    <t>it's fine</t>
  </si>
  <si>
    <t>Current due date</t>
  </si>
  <si>
    <t>It shows the Pay By date</t>
  </si>
  <si>
    <t>graphic representation</t>
  </si>
  <si>
    <t>I don't have a problem with the bill because I get an electronic statement now.   However I think your system of forcing people who pay bills electronically is totally heavy-handed in that one can not receive a paper statement and then pay on line without</t>
  </si>
  <si>
    <t>06/23/2016 17:05:24</t>
  </si>
  <si>
    <t>add average temperature for each month to reflect the main driver of consumption.</t>
  </si>
  <si>
    <t>Customer Service Number
Outage number
Repairs (other than outage)</t>
  </si>
  <si>
    <t>Most show 12 months of usage vs avg temperature.  You show current month vs prior month and prior month a year ago.  You do have a histogram of usage by month for 12 months.</t>
  </si>
  <si>
    <t>Due date is clear, color, and the number you want to be paid.  What is Rate Billing as compared to Current Electric Charges Due?   Rate billing is utility company vernacular.  It may mean something to you, but it is jibber jabber to the average consumer.</t>
  </si>
  <si>
    <t>Jibber Jabber versus a graph.  PS I don't really like either.  I pay for electricity delivered to the place I use it.  What am I supposed to do with the information in the graph?</t>
  </si>
  <si>
    <t>Why fix what ain't broke?</t>
  </si>
  <si>
    <t>06/23/2016 17:06:17</t>
  </si>
  <si>
    <t>Shows the Company  name logo easy to file and maintain</t>
  </si>
  <si>
    <t>details total cost</t>
  </si>
  <si>
    <t>06/23/2016 17:06:30</t>
  </si>
  <si>
    <t>I like the amount due and date due, how it stands out.</t>
  </si>
  <si>
    <t>06/23/2016 17:10:37</t>
  </si>
  <si>
    <t>Don't change anything</t>
  </si>
  <si>
    <t>Telepohone numbers to call for outages.</t>
  </si>
  <si>
    <t>It's in color and catches the eye better and will take notice faster.</t>
  </si>
  <si>
    <t>Again its eye catching and like the diagram.</t>
  </si>
  <si>
    <t>Because I like the and its the one chosen on the previous questions.</t>
  </si>
  <si>
    <t>None other than the choses I've chosen on previous questions.. Thank you for great service.</t>
  </si>
  <si>
    <t>06/23/2016 17:14:20</t>
  </si>
  <si>
    <t>I'd like to see daily usage. With local temps would be even better.</t>
  </si>
  <si>
    <t>Looks better and amlunt due is easier to see.</t>
  </si>
  <si>
    <t>Hillbillies in Arkansas can't read the other one.</t>
  </si>
  <si>
    <t>I like the new design, but you're gonna get a lot of shit from hippies for using more non-biodegradable, GMO, animal tested ink. I'd think about black and white only, if I were you.</t>
  </si>
  <si>
    <t>06/23/2016 17:14:34</t>
  </si>
  <si>
    <t>Logo</t>
  </si>
  <si>
    <t>Nice breakdown</t>
  </si>
  <si>
    <t>06/23/2016 17:16:19</t>
  </si>
  <si>
    <t>06/23/2016 17:19:26</t>
  </si>
  <si>
    <t>leave it alone its fine, if it aint broke don't try and fix it</t>
  </si>
  <si>
    <t>I like the way it looks</t>
  </si>
  <si>
    <t>06/23/2016 17:23:16</t>
  </si>
  <si>
    <t>I like the format and it is easy to read.</t>
  </si>
  <si>
    <t>I like the second because the format is not so busy and it is easy to read.</t>
  </si>
  <si>
    <t>06/23/2016 17:24:50</t>
  </si>
  <si>
    <t>It's more aesthetically pleasing.</t>
  </si>
  <si>
    <t>Looks cleaner and better with graphics.</t>
  </si>
  <si>
    <t>06/23/2016 17:24:56</t>
  </si>
  <si>
    <t>The appearance is ok, I don't really have an opinion. It flows well and I can read.</t>
  </si>
  <si>
    <t>Updates on future improvement plans to help prevent power outages. Tips to help save on ones energy bill. Also, incentives to go solar.</t>
  </si>
  <si>
    <t>That was a mistake, I meant the appearance of your bill is better.</t>
  </si>
  <si>
    <t>Everything is clear and appears to pop out at you.</t>
  </si>
  <si>
    <t>Illistrations are always better. Though I would include more details explaining what each section means.</t>
  </si>
  <si>
    <t>The new highlights and fonts seem to pop and explain the bill a little better.</t>
  </si>
  <si>
    <t>No additions. Thanks for the consideration.</t>
  </si>
  <si>
    <t>06/23/2016 17:25:34</t>
  </si>
  <si>
    <t>06/23/2016 17:39:21</t>
  </si>
  <si>
    <t>06/23/2016 17:41:12</t>
  </si>
  <si>
    <t>Bnak electronic bill pay</t>
  </si>
  <si>
    <t>Would not change anything</t>
  </si>
  <si>
    <t>More Information and much more appealing to the eye.  Easier to read and find the needed information.</t>
  </si>
  <si>
    <t>This is the bill I am familiar with and is easy for me to locate the information I am interested in.</t>
  </si>
  <si>
    <t>I am totally satisfied with the current bill format.</t>
  </si>
  <si>
    <t>06/23/2016 17:48:35</t>
  </si>
  <si>
    <t>06/23/2016 17:48:38</t>
  </si>
  <si>
    <t>It stands out</t>
  </si>
  <si>
    <t>It breaks down the current charges</t>
  </si>
  <si>
    <t>06/23/2016 18:06:48</t>
  </si>
  <si>
    <t>Easier to understand and read.</t>
  </si>
  <si>
    <t>06/23/2016 18:09:27</t>
  </si>
  <si>
    <t>Easier to immediately see due.</t>
  </si>
  <si>
    <t>Summary of charges</t>
  </si>
  <si>
    <t>06/23/2016 18:10:29</t>
  </si>
  <si>
    <t>Put past due charges and current cx</t>
  </si>
  <si>
    <t>06/23/2016 18:12:02</t>
  </si>
  <si>
    <t>Put past due/current charges in larger font or in an area where I can find it easier. I usually have to hunt for current charges and date due</t>
  </si>
  <si>
    <t>What part of the day my electricity is being used the most.  
It would be amazing if I could find out WHAT uses the most electricity in my house.</t>
  </si>
  <si>
    <t>Easier to read. Date due is more obvious. Account number all in one place in case I want to call customer service.</t>
  </si>
  <si>
    <t>It's spelled out for me.</t>
  </si>
  <si>
    <t>It has previous amount due, current charges, what to pay if you go past the due date, etc. more info.</t>
  </si>
  <si>
    <t>06/23/2016 18:13:37</t>
  </si>
  <si>
    <t>explain what federal EAC is and meaning of cwip refund rider</t>
  </si>
  <si>
    <t>shows more pertinent information</t>
  </si>
  <si>
    <t>prefer format,  more familiar</t>
  </si>
  <si>
    <t>no suggestions</t>
  </si>
  <si>
    <t>06/23/2016 18:15:01</t>
  </si>
  <si>
    <t>06/23/2016 18:17:10</t>
  </si>
  <si>
    <t>06/23/2016 18:18:16</t>
  </si>
  <si>
    <t>Amount saved by being on avg monthly bill</t>
  </si>
  <si>
    <t>The color makes it easier to read</t>
  </si>
  <si>
    <t>This graph is easier to understand the total charges</t>
  </si>
  <si>
    <t>I hate the second choice but, I totally understand the bar graph.  Please don't change the graphs!</t>
  </si>
  <si>
    <t>A single page colored bill appeals to me.</t>
  </si>
  <si>
    <t>06/23/2016 18:19:24</t>
  </si>
  <si>
    <t>Because it's more noticeable</t>
  </si>
  <si>
    <t>Because you see what it's used on your bill</t>
  </si>
  <si>
    <t>Because it's more noticeable then the other one</t>
  </si>
  <si>
    <t>06/23/2016 18:31:14</t>
  </si>
  <si>
    <t>06/23/2016 18:36:48</t>
  </si>
  <si>
    <t>I never read the bill. I make a check for the amount and mail it.</t>
  </si>
  <si>
    <t>I just read the amount due and the date due and mail a check.</t>
  </si>
  <si>
    <t>All I look at is the amount due and the due date.</t>
  </si>
  <si>
    <t>It is not complicated.</t>
  </si>
  <si>
    <t>I only read the amount due and the due date.</t>
  </si>
  <si>
    <t>There is no need for all the extra paper. I do not read all the information. Only the amount due and the due date.</t>
  </si>
  <si>
    <t>06/23/2016 18:44:33</t>
  </si>
  <si>
    <t>I understood it better</t>
  </si>
  <si>
    <t>Coloring</t>
  </si>
  <si>
    <t>06/23/2016 18:48:31</t>
  </si>
  <si>
    <t>My bill has sufficient information.  How much the bill is and when you will pay it out of my account is all that is necessary.</t>
  </si>
  <si>
    <t>Personal preference.</t>
  </si>
  <si>
    <t>Generation, Transmission, and fees do not interest me.  It's really just the amount of the bill.</t>
  </si>
  <si>
    <t>Modern</t>
  </si>
  <si>
    <t>06/23/2016 18:53:36</t>
  </si>
  <si>
    <t>2nd one to generic looking could be mistaken for ad or generic flyer. Prefer first one.</t>
  </si>
  <si>
    <t>First one was to much.</t>
  </si>
  <si>
    <t>Overall I preferred the look.</t>
  </si>
  <si>
    <t>06/23/2016 18:54:21</t>
  </si>
  <si>
    <t>mycheckfree.com</t>
  </si>
  <si>
    <t>larger print and dates of service</t>
  </si>
  <si>
    <t>06/23/2016 19:16:06</t>
  </si>
  <si>
    <t>06/23/2016 19:17:45</t>
  </si>
  <si>
    <t>06/23/2016 19:21:41</t>
  </si>
  <si>
    <t>Because its a bill why would anyone be happy or sad to see the damn thing</t>
  </si>
  <si>
    <t>Just put the info don't sugar coat</t>
  </si>
  <si>
    <t>06/23/2016 19:44:14</t>
  </si>
  <si>
    <t>It's right to the point!</t>
  </si>
  <si>
    <t>It's an eye catcher!</t>
  </si>
  <si>
    <t>Again,it's am eye catcher!</t>
  </si>
  <si>
    <t>06/23/2016 19:53:09</t>
  </si>
  <si>
    <t>06/23/2016 20:07:27</t>
  </si>
  <si>
    <t>Account number</t>
  </si>
  <si>
    <t>More colors</t>
  </si>
  <si>
    <t>06/23/2016 20:10:14</t>
  </si>
  <si>
    <t>More information at a glance and the cost comparison</t>
  </si>
  <si>
    <t>more detail of use</t>
  </si>
  <si>
    <t>06/23/2016 20:16:48</t>
  </si>
  <si>
    <t>06/23/2016 20:23:17</t>
  </si>
  <si>
    <t>Delivers the important message boldly</t>
  </si>
  <si>
    <t>It is more detailed</t>
  </si>
  <si>
    <t>The new style bill delivers the main message better but I would still like to know the comparison of last month and last year usage</t>
  </si>
  <si>
    <t>06/23/2016 20:26:32</t>
  </si>
  <si>
    <t>Due date is more prominent</t>
  </si>
  <si>
    <t>More engaging</t>
  </si>
  <si>
    <t>06/23/2016 20:29:25</t>
  </si>
  <si>
    <t>06/23/2016 20:30:31</t>
  </si>
  <si>
    <t>06/23/2016 20:32:00</t>
  </si>
  <si>
    <t>Small paper size
Multiple pages
Duplicate information (backs of pages are all the same)</t>
  </si>
  <si>
    <t>better explaination of charges</t>
  </si>
  <si>
    <t>Products or services available but not currently being used</t>
  </si>
  <si>
    <t>Color
Shading
Larger Font
Logo</t>
  </si>
  <si>
    <t>break down of information</t>
  </si>
  <si>
    <t>previous answers
larger page size
easier to read
However, there still needs to be a detailed breakdown of charges not just a summary</t>
  </si>
  <si>
    <t>Addressed in previous comments</t>
  </si>
  <si>
    <t>06/23/2016 20:35:14</t>
  </si>
  <si>
    <t>06/23/2016 20:38:03</t>
  </si>
  <si>
    <t>06/23/2016 20:48:01</t>
  </si>
  <si>
    <t>06/23/2016 20:49:17</t>
  </si>
  <si>
    <t>06/23/2016 21:01:34</t>
  </si>
  <si>
    <t>Easier to see and understand</t>
  </si>
  <si>
    <t>06/23/2016 21:30:46</t>
  </si>
  <si>
    <t>the bill b lower</t>
  </si>
  <si>
    <t>06/23/2016 21:34:35</t>
  </si>
  <si>
    <t>Not really pretty or eye catching.</t>
  </si>
  <si>
    <t>Eye catching and inportant info is in bold.</t>
  </si>
  <si>
    <t>06/23/2016 21:37:51</t>
  </si>
  <si>
    <t>Easier to understand and more appealing.</t>
  </si>
  <si>
    <t>It is more appealing.</t>
  </si>
  <si>
    <t>06/23/2016 22:02:31</t>
  </si>
  <si>
    <t>06/23/2016 22:06:19</t>
  </si>
  <si>
    <t>I like seeing the details. I do not want to see a graph except the monthly usage graph. I like the current bill and the information is easy to find and understandable.</t>
  </si>
  <si>
    <t>Overall, I find the current bill easy to read, contains the important information in the area that can easily be identified. I like to see the amount due and due date where it is easily located.</t>
  </si>
  <si>
    <t>06/23/2016 22:08:01</t>
  </si>
  <si>
    <t>It is just an email with an amount of what I owe and when. There's nothing overly unique or special about it.</t>
  </si>
  <si>
    <t>It's easier to read and find all the information.</t>
  </si>
  <si>
    <t>I like the break down and detail charges.</t>
  </si>
  <si>
    <t>It seems easier to read</t>
  </si>
  <si>
    <t>06/23/2016 22:09:26</t>
  </si>
  <si>
    <t>06/23/2016 22:14:02</t>
  </si>
  <si>
    <t>Colorful and more modern look</t>
  </si>
  <si>
    <t>Graphic makes it more appealing</t>
  </si>
  <si>
    <t>Colorful, modern look</t>
  </si>
  <si>
    <t>06/23/2016 22:15:32</t>
  </si>
  <si>
    <t>06/23/2016 22:35:38</t>
  </si>
  <si>
    <t>Clearly shows balance and due date</t>
  </si>
  <si>
    <t>Graph easier to read</t>
  </si>
  <si>
    <t>06/23/2016 22:56:43</t>
  </si>
  <si>
    <t>It more detailed.</t>
  </si>
  <si>
    <t>Better graphics and color.</t>
  </si>
  <si>
    <t>06/23/2016 23:07:57</t>
  </si>
  <si>
    <t>Cut the bill</t>
  </si>
  <si>
    <t>06/23/2016 23:14:25</t>
  </si>
  <si>
    <t>show comparisons with other companies</t>
  </si>
  <si>
    <t>comparison with previous year</t>
  </si>
  <si>
    <t>savings over other suppliers</t>
  </si>
  <si>
    <t>neither, but cannot understand second</t>
  </si>
  <si>
    <t>don't need color</t>
  </si>
  <si>
    <t>06/23/2016 23:22:58</t>
  </si>
  <si>
    <t>How to save on usage cost.</t>
  </si>
  <si>
    <t>Show graph comparisons on usage and cost,also explain in better detail on why I'm getting charged for that certain monthly amount.</t>
  </si>
  <si>
    <t>06/23/2016 23:28:30</t>
  </si>
  <si>
    <t>06/23/2016 23:40:54</t>
  </si>
  <si>
    <t>It is fine that they are identical to the paper bills. I would like more information from my notification emails.</t>
  </si>
  <si>
    <t>Phone numbers for information such as outages and billing questions.</t>
  </si>
  <si>
    <t>It has more information and it is much more pleasing to look at.</t>
  </si>
  <si>
    <t>The amount of information included in the graphic.</t>
  </si>
  <si>
    <t>It appears to have the same information in cleaner format.</t>
  </si>
  <si>
    <t>The circle graph seems like an unnecessary part of the bill. Using a regular type format would be just as good and depending on the layout, it would be better.</t>
  </si>
  <si>
    <t>06/23/2016 23:51:21</t>
  </si>
  <si>
    <t>06/23/2016 23:58:13</t>
  </si>
  <si>
    <t>Deposit returns history would be useful information when applicable. 
Contact numbers for bill pay assistance for those in need. 
Average use/cost and date eligible for the average monthly billing plan for those not yet on said plan. Including but,</t>
  </si>
  <si>
    <t>deposit history</t>
  </si>
  <si>
    <t>The first one; the more colorful of the two, is easier to read and differentiate the information from each individual line.</t>
  </si>
  <si>
    <t>Color graphs are pleasing to the eyes for someone like myself. I have a history of stroke damage, comas and blurred vision due to failing eye heath. To have all of the lines in similar font with so little spacing, causes the letters to blur.</t>
  </si>
  <si>
    <t>The first one is simple and elegant yet, again...blurred vision and complacent blending are hard for me to distinguish. I prefer the second one. Graphs, base colors and a clear explanation of charges and fees...I like it. I like it a lot.</t>
  </si>
  <si>
    <t>All things considered, I am fairly satisfied with my current billing and web features. For almost a year now, I have used online billing and payments options, exclusively. Other than the 2-3 day waiting period for payments to process; depending on payment</t>
  </si>
  <si>
    <t>06/23/2016 23:58:32</t>
  </si>
  <si>
    <t>With SO many log in &amp; passwords to remember all I want is to know the amount in the email I receive &amp; then pay it. I tend to pay a bulk amount so I only have to log in every few months.</t>
  </si>
  <si>
    <t>just tell me the amount in the email</t>
  </si>
  <si>
    <t>06/24/2016 00:22:25</t>
  </si>
  <si>
    <t>AEP does an awesome job at what they do. We suffer almost no power outage during storms like most other electric companies do. I am very satisfied with AEP.</t>
  </si>
  <si>
    <t>06/24/2016 00:54:03</t>
  </si>
  <si>
    <t>Transparency?</t>
  </si>
  <si>
    <t>06/24/2016 02:36:02</t>
  </si>
  <si>
    <t>Simple to read.</t>
  </si>
  <si>
    <t>Seems to be more factual</t>
  </si>
  <si>
    <t>06/24/2016 02:56:02</t>
  </si>
  <si>
    <t>06/24/2016 04:58:13</t>
  </si>
  <si>
    <t>It's more attractive with the company logo on it!!</t>
  </si>
  <si>
    <t>I love the new design with all the details showing on the graph.</t>
  </si>
  <si>
    <t>It is more well detailed with a modern look!!</t>
  </si>
  <si>
    <t>To provide a well detailed monthly bill will give customers more understanding on how they use electiricity in their homes.</t>
  </si>
  <si>
    <t>06/24/2016 05:59:39</t>
  </si>
  <si>
    <t>06/24/2016 06:12:15</t>
  </si>
  <si>
    <t>looks better to me</t>
  </si>
  <si>
    <t>easier to understad</t>
  </si>
  <si>
    <t>more informative</t>
  </si>
  <si>
    <t>I have none</t>
  </si>
  <si>
    <t>06/24/2016 06:33:00</t>
  </si>
  <si>
    <t>One year usage graph</t>
  </si>
  <si>
    <t>More information - has billing cycle; larger font for amount due; includes account number</t>
  </si>
  <si>
    <t>graphics are easier to understand at a glance</t>
  </si>
  <si>
    <t>Easier to read; has the information I want</t>
  </si>
  <si>
    <t>good idea to use graphics!</t>
  </si>
  <si>
    <t>06/24/2016 06:35:58</t>
  </si>
  <si>
    <t>06/24/2016 07:22:04</t>
  </si>
  <si>
    <t>Just did cause it tell about your bill</t>
  </si>
  <si>
    <t>06/24/2016 07:41:52</t>
  </si>
  <si>
    <t>06/24/2016 07:55:34</t>
  </si>
  <si>
    <t>06/24/2016 08:44:02</t>
  </si>
  <si>
    <t>people need to see how much they use.</t>
  </si>
  <si>
    <t>need to see in detail</t>
  </si>
  <si>
    <t>06/24/2016 08:44:27</t>
  </si>
  <si>
    <t>No changes needed</t>
  </si>
  <si>
    <t>I like the logo displayed, so I immediately know who it is from.  All information is there for ease of viewing.  Don't see a contact number for questions, but everything else is well displayed.</t>
  </si>
  <si>
    <t>Breaks it down for the customer.</t>
  </si>
  <si>
    <t>Less busy.  Info easy to read.  Looks neater.</t>
  </si>
  <si>
    <t>06/24/2016 08:54:34</t>
  </si>
  <si>
    <t>If there is a surcharge to pay onlinr</t>
  </si>
  <si>
    <t>Lists address and name as well as due date</t>
  </si>
  <si>
    <t>I like to see how the money is separate for what is being paid</t>
  </si>
  <si>
    <t>I like the colors and graphs</t>
  </si>
  <si>
    <t>Get rid of online bill pay surcharge</t>
  </si>
  <si>
    <t>06/24/2016 08:57:52</t>
  </si>
  <si>
    <t>06/24/2016 09:12:06</t>
  </si>
  <si>
    <t>leave as is.</t>
  </si>
  <si>
    <t>stands out.</t>
  </si>
  <si>
    <t>it tells what I'm paying for.</t>
  </si>
  <si>
    <t>06/24/2016 09:14:06</t>
  </si>
  <si>
    <t>Easy to read info</t>
  </si>
  <si>
    <t>Easy to understand  use</t>
  </si>
  <si>
    <t>Easy to read less confused</t>
  </si>
  <si>
    <t>06/24/2016 09:22:17</t>
  </si>
  <si>
    <t>I call to get my bill since doesn't send me e-mails, anymore.  I pay my bill by mail since Kroger's closed last year.</t>
  </si>
  <si>
    <t>When I used to get a bill, this is what they had</t>
  </si>
  <si>
    <t>I'm a computer geek.  I like graphics/details.</t>
  </si>
  <si>
    <t>Same as last response.</t>
  </si>
  <si>
    <t>I really don't care since I call every AEP month to get my bill.  I then send out a check.  SWEPCO used to send me a monthly e-mail, but they stopped doing that last year.  
I used to pay my bill at the Kroger's Supermarket across the street until they c</t>
  </si>
  <si>
    <t>06/24/2016 09:23:05</t>
  </si>
  <si>
    <t>06/24/2016 09:23:15</t>
  </si>
  <si>
    <t>Nice to have the information</t>
  </si>
  <si>
    <t>Less cluttered.  Necessary information easy to find.</t>
  </si>
  <si>
    <t>New bill obviously much easier to comprehend...thank you for the opportunity to provide my input.  My only other request would be that I could pay online each month directly to AEP rather than Bill Matrix with the extra charge.</t>
  </si>
  <si>
    <t>06/24/2016 09:32:08</t>
  </si>
  <si>
    <t>Kroger</t>
  </si>
  <si>
    <t>More professional</t>
  </si>
  <si>
    <t>More understandable</t>
  </si>
  <si>
    <t>06/24/2016 09:35:48</t>
  </si>
  <si>
    <t>I am onlevelized billing but can never understan just what I owe in full.</t>
  </si>
  <si>
    <t>harder to understand how much I owe over whats due.</t>
  </si>
  <si>
    <t>easier to read at a glance</t>
  </si>
  <si>
    <t>cleaner look</t>
  </si>
  <si>
    <t>etter seperate amount owed  full and amount due</t>
  </si>
  <si>
    <t>06/24/2016 09:50:08</t>
  </si>
  <si>
    <t>06/24/2016 10:20:22</t>
  </si>
  <si>
    <t>Bill is fine as is</t>
  </si>
  <si>
    <t>Easy to read. Larger print.</t>
  </si>
  <si>
    <t>Visual info easier to read</t>
  </si>
  <si>
    <t>Visual info easier to read and understand</t>
  </si>
  <si>
    <t>06/24/2016 10:24:20</t>
  </si>
  <si>
    <t>Make sure perforation is definite and tears easily...bad hands.</t>
  </si>
  <si>
    <t>Everything I check is provided at one glance and appropriately accented.</t>
  </si>
  <si>
    <t>Concise; I don't care about the other info or the pie chart.  I look for what is due and the date due, the date not appearing on the pie chart!!</t>
  </si>
  <si>
    <t>The vital info is at the top, but further info available if I want to examine.</t>
  </si>
  <si>
    <t>06/24/2016 10:29:02</t>
  </si>
  <si>
    <t>Logo Visible
Amount due and due date clearly stated</t>
  </si>
  <si>
    <t>Not cluttered</t>
  </si>
  <si>
    <t>06/24/2016 10:35:57</t>
  </si>
  <si>
    <t>06/24/2016 10:54:32</t>
  </si>
  <si>
    <t>06/24/2016 10:59:48</t>
  </si>
  <si>
    <t>06/24/2016 11:04:11</t>
  </si>
  <si>
    <t>Always higher no matter what.</t>
  </si>
  <si>
    <t>06/24/2016 11:53:15</t>
  </si>
  <si>
    <t>I don't review my bill.  Electric service is Electric service.  When its on I'm happy, off, not so much.</t>
  </si>
  <si>
    <t>Logo, color, interesting, informational</t>
  </si>
  <si>
    <t>same as other</t>
  </si>
  <si>
    <t>same and easier to read</t>
  </si>
  <si>
    <t>06/24/2016 12:13:09</t>
  </si>
  <si>
    <t>everything I need/want to  know is right there at my eye level - clear and crisp</t>
  </si>
  <si>
    <t>Good: I like the breakdown of charges and the graphic presentation.
Bad: needs more information - i.e.; date due</t>
  </si>
  <si>
    <t>Eye appeal with all necessary detail - very good!</t>
  </si>
  <si>
    <t>Looks good as presented on last illustration selected.</t>
  </si>
  <si>
    <t>06/24/2016 12:15:55</t>
  </si>
  <si>
    <t>easier to identify who it is from</t>
  </si>
  <si>
    <t>like parts of each  dont need all the graphics</t>
  </si>
  <si>
    <t>06/24/2016 12:21:02</t>
  </si>
  <si>
    <t>06/24/2016 12:27:15</t>
  </si>
  <si>
    <t>06/24/2016 12:38:05</t>
  </si>
  <si>
    <t>better graphics and ease of finding info, good flow</t>
  </si>
  <si>
    <t>graphics and breakdown of usage</t>
  </si>
  <si>
    <t>graphics and breakdown of usage/bill</t>
  </si>
  <si>
    <t>06/24/2016 12:39:56</t>
  </si>
  <si>
    <t>There is more information listed on the first one.</t>
  </si>
  <si>
    <t>Same as before, it list more info</t>
  </si>
  <si>
    <t>either one is fine but the old one here list more info</t>
  </si>
  <si>
    <t>06/24/2016 12:53:31</t>
  </si>
  <si>
    <t>Easier to understand usage</t>
  </si>
  <si>
    <t>06/24/2016 13:31:03</t>
  </si>
  <si>
    <t>the color boxes are easier to read. also concise information that shows due date, amount, and billing period, account no., address.. everything you need to know to pay or analyze information.</t>
  </si>
  <si>
    <t>I don't like the circle.</t>
  </si>
  <si>
    <t>Quit fussing with something that ain't broke!!</t>
  </si>
  <si>
    <t>06/24/2016 13:46:52</t>
  </si>
  <si>
    <t>It could be simplified, cut it down to a single sheet or card even</t>
  </si>
  <si>
    <t>From #5 down could be left off the bill as far as I'm concerned.</t>
  </si>
  <si>
    <t>It's mainly size and to much blah blah on the bill that no one ever reads</t>
  </si>
  <si>
    <t>shows the service date</t>
  </si>
  <si>
    <t>provides a little more info that is easily understood</t>
  </si>
  <si>
    <t>short and to the point</t>
  </si>
  <si>
    <t>06/24/2016 13:52:18</t>
  </si>
  <si>
    <t>06/24/2016 14:05:36</t>
  </si>
  <si>
    <t>The payment selection could be smoother.</t>
  </si>
  <si>
    <t>Faster to read the information that I need.</t>
  </si>
  <si>
    <t>Like the look</t>
  </si>
  <si>
    <t>Quicker to read</t>
  </si>
  <si>
    <t>06/24/2016 14:48:42</t>
  </si>
  <si>
    <t>Autopay through my credit card</t>
  </si>
  <si>
    <t>When you send me the email telling me the amount of the bill I would appreciate it if you would state: Do Not Pay. This is on Autopay. 
That will mean that I don't have to bother to check in to the  website to make sure it will autopay.   
Other tha</t>
  </si>
  <si>
    <t>I had difficulty with my first bill because it wasn't on Autopay. I went to the website and was not happy when I couldn't just put in a credit card number and pay it. I ended up paying through some third party so there was an extra fee for that. I couldn'</t>
  </si>
  <si>
    <t>Much easier to find the pertinent information. 
* to the top example, I suggest adding: Don't Pay. This is on Autopay. 
** If you could just put this IN the email it would be private and it would save everyone a lot of time.  Most people who use ele</t>
  </si>
  <si>
    <t>More fun to read.  But, it does have some VERY small typesize. That could be improved.  
Also somewhere tell me that it is on Autopay! 
And include it IN the email so it is a one step job for me and I don't have to go to the website.</t>
  </si>
  <si>
    <t>Much easier to glean the information I need. 
The BILL needs to SAY that this is scheduled for Autopay on (date). 
And, I need the BLUE BAND info IN the email notice, including:  Autopay is on (date)</t>
  </si>
  <si>
    <t>The new one is a huge improvement. I say move ahead on that with my two suggestions
!.  Place the basic information IN the email notice.  
    Total AMount
     Due Date:  
     YOU ARE ON AUTOPAY, so don't pay this.  
OR: Go to the website FMI o</t>
  </si>
  <si>
    <t>06/24/2016 15:19:10</t>
  </si>
  <si>
    <t>06/24/2016 15:33:37</t>
  </si>
  <si>
    <t>06/24/2016 15:39:24</t>
  </si>
  <si>
    <t>06/24/2016 15:52:36</t>
  </si>
  <si>
    <t>Better readability for amount and date due</t>
  </si>
  <si>
    <t>Not very interested in the details of the charges</t>
  </si>
  <si>
    <t>Less cluttered. Graph. Amount and date due highlighted.</t>
  </si>
  <si>
    <t>06/24/2016 15:56:02</t>
  </si>
  <si>
    <t>06/24/2016 16:02:40</t>
  </si>
  <si>
    <t>06/24/2016 16:41:54</t>
  </si>
  <si>
    <t>There's a hierarchy in the design that draws my eye to the most important information.</t>
  </si>
  <si>
    <t>I'm a visual person. So, seeing the breakdown in a chart would be amazing.</t>
  </si>
  <si>
    <t>Again, I'm very visual. And this one is super clean. Easy to read.</t>
  </si>
  <si>
    <t>06/24/2016 17:05:21</t>
  </si>
  <si>
    <t>Wouldn't change</t>
  </si>
  <si>
    <t>A chart comparison of the previous 12 months usage.</t>
  </si>
  <si>
    <t>Easier to see pertinent information at a glance.</t>
  </si>
  <si>
    <t>It is the current format, and I am familiar with it (if it ain't broke, don't fix it!)</t>
  </si>
  <si>
    <t>I don't think it needs any improvements.  Please don't mess around with something to which we are already used to using.</t>
  </si>
  <si>
    <t>06/24/2016 19:12:06</t>
  </si>
  <si>
    <t>06/24/2016 19:46:42</t>
  </si>
  <si>
    <t>06/24/2016 20:05:38</t>
  </si>
  <si>
    <t>06/24/2016 20:43:02</t>
  </si>
  <si>
    <t>thats most important</t>
  </si>
  <si>
    <t>that has the most important detail</t>
  </si>
  <si>
    <t>06/24/2016 21:03:23</t>
  </si>
  <si>
    <t>Easier to read looks better</t>
  </si>
  <si>
    <t>06/24/2016 21:29:09</t>
  </si>
  <si>
    <t>06/24/2016 21:35:29</t>
  </si>
  <si>
    <t>06/24/2016 21:48:57</t>
  </si>
  <si>
    <t>06/24/2016 23:03:02</t>
  </si>
  <si>
    <t>Quick &amp; easy to read.</t>
  </si>
  <si>
    <t>Quick glance</t>
  </si>
  <si>
    <t>06/24/2016 23:25:28</t>
  </si>
  <si>
    <t>I do not understand what I'm reading or what most of the bill means.</t>
  </si>
  <si>
    <t>It's too much information that I don't understand. I think it would be better if it was simple but still explained everything to me to where I understand it clearly.</t>
  </si>
  <si>
    <t>It displays the account number, the amount due in larger font to make it more noticeable, and the billing cycle, among the rest of the useful information.</t>
  </si>
  <si>
    <t>It explains what is being used and for how much. It is better detailed.</t>
  </si>
  <si>
    <t>It's simple and less cluttered.</t>
  </si>
  <si>
    <t>06/24/2016 23:41:28</t>
  </si>
  <si>
    <t>The bill come soon than they come.</t>
  </si>
  <si>
    <t>Thanks for the new Tranformer</t>
  </si>
  <si>
    <t>There was more infor there, and not enought on that.</t>
  </si>
  <si>
    <t>Same reason as the last, not enought infor.</t>
  </si>
  <si>
    <t>To much infor on the one I did not pick.</t>
  </si>
  <si>
    <t>Stay on the edge and do not put to much infor, items that I do not need!</t>
  </si>
  <si>
    <t>06/24/2016 23:43:28</t>
  </si>
  <si>
    <t>Easy to find contact info.</t>
  </si>
  <si>
    <t>Even though there is more to it, it is easier to read.</t>
  </si>
  <si>
    <t>Includes a better explanation of the charges</t>
  </si>
  <si>
    <t>Crisp, clean, compact.</t>
  </si>
  <si>
    <t>06/25/2016 00:06:59</t>
  </si>
  <si>
    <t>Easier to understand  ő</t>
  </si>
  <si>
    <t>06/25/2016 05:34:40</t>
  </si>
  <si>
    <t>06/25/2016 08:36:46</t>
  </si>
  <si>
    <t>06/25/2016 11:57:04</t>
  </si>
  <si>
    <t>06/25/2016 12:14:45</t>
  </si>
  <si>
    <t>06/25/2016 12:18:59</t>
  </si>
  <si>
    <t>06/25/2016 12:34:30</t>
  </si>
  <si>
    <t>Branded.
Much clearer charge amount  and date due. 
other choice confusing with two lines of bill and not clearly labelled</t>
  </si>
  <si>
    <t>graphic display is nice, but I also want the  underlying data.</t>
  </si>
  <si>
    <t>easier comparison with previous year's usage - a overlaid line graph by month with toggle for adding temperature (high, low, median) would be appreciated.  
Easier download of time series data on usage and temperature.</t>
  </si>
  <si>
    <t>06/25/2016 13:55:04</t>
  </si>
  <si>
    <t>06/25/2016 16:21:21</t>
  </si>
  <si>
    <t>Money orders</t>
  </si>
  <si>
    <t>The account numbers are small to read for older folks</t>
  </si>
  <si>
    <t>Everything it cluttered all over the place and too many pages</t>
  </si>
  <si>
    <t>Listed neatly more explained</t>
  </si>
  <si>
    <t>Graphed</t>
  </si>
  <si>
    <t>More detailed and graphed and organized</t>
  </si>
  <si>
    <t>Do what the last page showed while picking which bill liked best and it would be perfect! And thank you all for working so hard and efficiently  when we have our storms and power outages !</t>
  </si>
  <si>
    <t>06/25/2016 16:23:00</t>
  </si>
  <si>
    <t>Happy with bill as is</t>
  </si>
  <si>
    <t>I want to see who The Sender IS</t>
  </si>
  <si>
    <t>Cleaner to look at.</t>
  </si>
  <si>
    <t>06/25/2016 16:41:26</t>
  </si>
  <si>
    <t>06/25/2016 17:37:18</t>
  </si>
  <si>
    <t>06/25/2016 20:22:32</t>
  </si>
  <si>
    <t>06/25/2016 20:35:31</t>
  </si>
  <si>
    <t>I would like access to daily usage charts</t>
  </si>
  <si>
    <t>Just make sure I still get the info that's pertinent.</t>
  </si>
  <si>
    <t>06/25/2016 21:22:43</t>
  </si>
  <si>
    <t>Easier to understand, can see information at a glance.</t>
  </si>
  <si>
    <t>More information available in a quick look.</t>
  </si>
  <si>
    <t>Easy to read quickly, looks modern and clean.</t>
  </si>
  <si>
    <t>06/26/2016 08:55:21</t>
  </si>
  <si>
    <t>I have only received on bill so far so I have no opinion as of yet.</t>
  </si>
  <si>
    <t>Previous 6 months of usage</t>
  </si>
  <si>
    <t>06/26/2016 10:27:30</t>
  </si>
  <si>
    <t>06/26/2016 13:47:12</t>
  </si>
  <si>
    <t>06/26/2016 14:20:03</t>
  </si>
  <si>
    <t>SATISFIED</t>
  </si>
  <si>
    <t>COMPACT iNFO</t>
  </si>
  <si>
    <t>Don't like circle graphs</t>
  </si>
  <si>
    <t>Suits me fine</t>
  </si>
  <si>
    <t>Not Needed</t>
  </si>
  <si>
    <t>06/26/2016 14:27:30</t>
  </si>
  <si>
    <t>06/26/2016 14:42:59</t>
  </si>
  <si>
    <t>06/26/2016 15:28:18</t>
  </si>
  <si>
    <t>06/27/2016 09:14:33</t>
  </si>
  <si>
    <t>06/27/2016 13:57:31</t>
  </si>
  <si>
    <t>06/27/2016 14:16:33</t>
  </si>
  <si>
    <t>would change nothing</t>
  </si>
  <si>
    <t>Information at a 'glance'....more information (i.e. amount, date due, billing cycle, acct. #)</t>
  </si>
  <si>
    <t>pie chart graphics shows %'age of usage and where/what it is</t>
  </si>
  <si>
    <t>Tough decision.....I picked the older version just because I am used to that one.  Eventually would get used to the new one.</t>
  </si>
  <si>
    <t>Sorry, brain will not compute that question.  Have no idea.</t>
  </si>
  <si>
    <t>06/27/2016 14:33:51</t>
  </si>
  <si>
    <t>How about an explanation of how the fuel adjustment cost is arrived at? It is a mystery to me. And sometimes the fuel adjustment amount is as large as the basic rate!</t>
  </si>
  <si>
    <t>easier to read, more info</t>
  </si>
  <si>
    <t>gives more info; sometimes we wonder about how the figure is arrived at</t>
  </si>
  <si>
    <t>06/27/2016 14:39:56</t>
  </si>
  <si>
    <t>Easier to read and amount due is stated clearly. It also has all the information about my last amount paid and billing cycle.</t>
  </si>
  <si>
    <t>I like the summary of current charges, but you need to define what the different categories mean. The average consumer will not know the category definitions.</t>
  </si>
  <si>
    <t>It looks less cluttered and easier to find necessary information.</t>
  </si>
  <si>
    <t>06/27/2016 16:33:12</t>
  </si>
  <si>
    <t>06/27/2016 16:51:42</t>
  </si>
  <si>
    <t>Confusing</t>
  </si>
  <si>
    <t>06/27/2016 21:22:15</t>
  </si>
  <si>
    <t>It's too difficult to understand</t>
  </si>
  <si>
    <t>06/27/2016 21:26:30</t>
  </si>
  <si>
    <t>06/27/2016 22:46:59</t>
  </si>
  <si>
    <t>Because it's easier to read.</t>
  </si>
  <si>
    <t>Same as before</t>
  </si>
  <si>
    <t>Like the layout. Understand it better</t>
  </si>
  <si>
    <t>06/28/2016 00:10:19</t>
  </si>
  <si>
    <t>06/28/2016 01:13:34</t>
  </si>
  <si>
    <t>06/28/2016 01:37:42</t>
  </si>
  <si>
    <t>works good for me</t>
  </si>
  <si>
    <t>06/28/2016 12:20:53</t>
  </si>
  <si>
    <t>06/28/2016 13:29:59</t>
  </si>
  <si>
    <t>06/28/2016 13:38:21</t>
  </si>
  <si>
    <t>Yearly average, ways to lower bill,</t>
  </si>
  <si>
    <t>Very clear and concise bill information. Everything that is necessary for the current bill is neatly listed all in one place.</t>
  </si>
  <si>
    <t>charts are always better</t>
  </si>
  <si>
    <t>simple, clean. other one is very cluttered with information that i dont care about. put that on the back or a separate page.</t>
  </si>
  <si>
    <t>06/28/2016 16:37:30</t>
  </si>
  <si>
    <t>06/28/2016 16:48:05</t>
  </si>
  <si>
    <t>Clearer, easier to read.</t>
  </si>
  <si>
    <t>Uncluttered!!</t>
  </si>
  <si>
    <t>None!</t>
  </si>
  <si>
    <t>06/28/2016 19:35:46</t>
  </si>
  <si>
    <t>I LOVE THE BILL THE WAY IT IS.</t>
  </si>
  <si>
    <t>06/29/2016 08:06:45</t>
  </si>
  <si>
    <t>06/29/2016 08:47:17</t>
  </si>
  <si>
    <t>Large Amount Due clearly tells me what is due and when. Due Date is large so that I won't over look it.</t>
  </si>
  <si>
    <t>Broken down into categories for easier explanation.</t>
  </si>
  <si>
    <t>More detailed information.  Past information to compare charges to.</t>
  </si>
  <si>
    <t>06/29/2016 10:55:50</t>
  </si>
  <si>
    <t>06/29/2016 13:22:04</t>
  </si>
  <si>
    <t>Concise</t>
  </si>
  <si>
    <t>not as busy</t>
  </si>
  <si>
    <t>06/29/2016 14:37:25</t>
  </si>
  <si>
    <t>Because of amount due,billing address, amount of month service used</t>
  </si>
  <si>
    <t>easier to make out</t>
  </si>
  <si>
    <t>06/29/2016 15:05:58</t>
  </si>
  <si>
    <t>I answered in the middle because most of the time I view  the bills online at the website for Southwestern. I generally try to compare the reading on the bill with what is on my meter to make sure the reading is correct. Have not done this in a while beca</t>
  </si>
  <si>
    <t>It appears that you have everything covered.</t>
  </si>
  <si>
    <t>It has more specific information and it looks better.</t>
  </si>
  <si>
    <t>Gets attention better.</t>
  </si>
  <si>
    <t>The one that I did not pick seems to have more information - it appears to be the current bill. The one picked seems to have the same information, but in a different format. I am a senior citizen and need to see bolder print. The one chosen is more appeal</t>
  </si>
  <si>
    <t>Just make sure seniors have bolder print with less writing.</t>
  </si>
  <si>
    <t>07/01/2016 19:00:46</t>
  </si>
  <si>
    <t>07/03/2016 15:00:59</t>
  </si>
  <si>
    <t>Easier to understanding</t>
  </si>
  <si>
    <t>07/04/2016 17:13:33</t>
  </si>
  <si>
    <t>Would like to be able to pay by credit card without extra charges</t>
  </si>
  <si>
    <t>quicker to read</t>
  </si>
  <si>
    <t>clearer to me</t>
  </si>
  <si>
    <t>07/05/2016 18:45:30</t>
  </si>
  <si>
    <t>easier to read/understand</t>
  </si>
  <si>
    <t>can see what adds up to the total charge</t>
  </si>
  <si>
    <t>has more detailed info</t>
  </si>
  <si>
    <t>07/06/2016 13:55:04</t>
  </si>
  <si>
    <t>The important information is easy to read and understand</t>
  </si>
  <si>
    <t>Don't understand the first one</t>
  </si>
  <si>
    <t>Don't understand the graph</t>
  </si>
  <si>
    <t>I believe the bill is fine the way it is.  Why fix something that is not broken.  I sure hope the change in the bill design does not make my bill go up.</t>
  </si>
  <si>
    <t>07/08/2016 14:58:07</t>
  </si>
  <si>
    <t>Catches my eyes quicker to my monthly amount.</t>
  </si>
  <si>
    <t>Conserves ink.</t>
  </si>
  <si>
    <t>Shows me everything without having to travel around the wheel.</t>
  </si>
  <si>
    <t>I think that you are doing a fine job.  Thank you for your interest in your customers.</t>
  </si>
  <si>
    <t>07/12/2016 19:42:12</t>
  </si>
  <si>
    <t>07/12/2016 19:42:45</t>
  </si>
  <si>
    <t>07/16/2016 11:01:07</t>
  </si>
  <si>
    <t>Electrician number for personal upgrades or repairs</t>
  </si>
  <si>
    <t>It's shows the amounts due date, the account number, the billing period,  the customers address and the last amount paid which leaves room on the rest of the paper for a graph explaining usage.</t>
  </si>
  <si>
    <t>Fractions help when analyzing and pin pointing where the money suppose to go</t>
  </si>
  <si>
    <t>It shows all needed to know. The top half of both should somehow be combined.</t>
  </si>
</sst>
</file>

<file path=xl/styles.xml><?xml version="1.0" encoding="utf-8"?>
<styleSheet xmlns="http://schemas.openxmlformats.org/spreadsheetml/2006/main" xmlns:mc="http://schemas.openxmlformats.org/markup-compatibility/2006" xmlns:x14ac="http://schemas.microsoft.com/office/spreadsheetml/2009/9/ac" mc:Ignorable="x14ac">
  <fonts count="1" x14ac:knownFonts="1">
    <font>
      <sz val="11"/>
      <color theme="1"/>
      <name val="Calibri"/>
      <family val="2"/>
      <scheme val="minor"/>
    </font>
  </fonts>
  <fills count="2">
    <fill>
      <patternFill patternType="none"/>
    </fill>
    <fill>
      <patternFill patternType="gray125"/>
    </fill>
  </fills>
  <borders count="1">
    <border>
      <left/>
      <right/>
      <top/>
      <bottom/>
      <diagonal/>
    </border>
  </borders>
  <cellStyleXfs count="1">
    <xf numFmtId="0" fontId="0" fillId="0" borderId="0"/>
  </cellStyleXfs>
  <cellXfs count="2">
    <xf numFmtId="0" fontId="0" fillId="0" borderId="0" xfId="0"/>
    <xf numFmtId="1" fontId="0" fillId="0" borderId="0" xfId="0" applyNumberFormat="1"/>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Z1602"/>
  <sheetViews>
    <sheetView tabSelected="1" workbookViewId="0"/>
  </sheetViews>
  <sheetFormatPr defaultRowHeight="15" x14ac:dyDescent="0.25"/>
  <cols>
    <col min="2" max="2" width="18.7109375" customWidth="1"/>
  </cols>
  <sheetData>
    <row r="1" spans="1:104" x14ac:dyDescent="0.25">
      <c r="A1" t="s">
        <v>0</v>
      </c>
      <c r="B1" t="s">
        <v>1</v>
      </c>
      <c r="C1" t="s">
        <v>2</v>
      </c>
      <c r="D1" t="s">
        <v>3</v>
      </c>
      <c r="E1" t="s">
        <v>4</v>
      </c>
      <c r="F1" t="s">
        <v>5</v>
      </c>
      <c r="G1" t="s">
        <v>6</v>
      </c>
      <c r="H1" t="s">
        <v>7</v>
      </c>
      <c r="I1" t="s">
        <v>8</v>
      </c>
      <c r="J1" t="s">
        <v>9</v>
      </c>
      <c r="M1" t="s">
        <v>10</v>
      </c>
      <c r="P1" t="s">
        <v>11</v>
      </c>
      <c r="Q1" t="s">
        <v>12</v>
      </c>
      <c r="R1" t="s">
        <v>13</v>
      </c>
      <c r="U1" t="s">
        <v>11</v>
      </c>
      <c r="W1" t="s">
        <v>11</v>
      </c>
      <c r="Y1" t="s">
        <v>11</v>
      </c>
      <c r="AA1" t="s">
        <v>14</v>
      </c>
      <c r="AB1" t="s">
        <v>15</v>
      </c>
      <c r="AC1" t="s">
        <v>16</v>
      </c>
      <c r="AD1" t="s">
        <v>17</v>
      </c>
      <c r="AG1" t="s">
        <v>18</v>
      </c>
      <c r="AJ1" t="s">
        <v>18</v>
      </c>
      <c r="AM1" t="s">
        <v>18</v>
      </c>
      <c r="AP1" t="s">
        <v>18</v>
      </c>
      <c r="AS1" t="s">
        <v>18</v>
      </c>
      <c r="AV1" t="s">
        <v>18</v>
      </c>
      <c r="AY1" t="s">
        <v>18</v>
      </c>
      <c r="BB1" t="s">
        <v>11</v>
      </c>
      <c r="BC1" t="s">
        <v>19</v>
      </c>
      <c r="BD1" t="s">
        <v>20</v>
      </c>
      <c r="BE1" t="s">
        <v>21</v>
      </c>
      <c r="BF1" t="s">
        <v>22</v>
      </c>
      <c r="BG1" t="s">
        <v>23</v>
      </c>
      <c r="BH1" t="s">
        <v>24</v>
      </c>
      <c r="BI1" t="s">
        <v>25</v>
      </c>
      <c r="BJ1" t="s">
        <v>26</v>
      </c>
      <c r="BK1" t="s">
        <v>27</v>
      </c>
      <c r="BL1" t="s">
        <v>28</v>
      </c>
      <c r="BM1" t="s">
        <v>28</v>
      </c>
      <c r="BN1" t="s">
        <v>28</v>
      </c>
      <c r="BO1" t="s">
        <v>28</v>
      </c>
      <c r="BP1" t="s">
        <v>28</v>
      </c>
      <c r="BQ1" t="s">
        <v>28</v>
      </c>
      <c r="BR1" t="s">
        <v>28</v>
      </c>
      <c r="BS1" t="s">
        <v>28</v>
      </c>
      <c r="BT1" t="s">
        <v>28</v>
      </c>
      <c r="BU1" t="s">
        <v>28</v>
      </c>
      <c r="BV1" t="s">
        <v>29</v>
      </c>
      <c r="BW1" t="s">
        <v>30</v>
      </c>
      <c r="BX1" t="s">
        <v>30</v>
      </c>
      <c r="BY1" t="s">
        <v>30</v>
      </c>
      <c r="BZ1" t="s">
        <v>30</v>
      </c>
      <c r="CA1" t="s">
        <v>30</v>
      </c>
      <c r="CB1" t="s">
        <v>30</v>
      </c>
      <c r="CC1" t="s">
        <v>30</v>
      </c>
      <c r="CD1" t="s">
        <v>30</v>
      </c>
      <c r="CF1" t="s">
        <v>11</v>
      </c>
      <c r="CG1" t="s">
        <v>31</v>
      </c>
      <c r="CH1" t="s">
        <v>32</v>
      </c>
      <c r="CI1" t="s">
        <v>33</v>
      </c>
      <c r="CJ1" t="s">
        <v>34</v>
      </c>
      <c r="CL1" t="s">
        <v>11</v>
      </c>
      <c r="CM1" t="s">
        <v>35</v>
      </c>
      <c r="CO1" t="s">
        <v>11</v>
      </c>
      <c r="CP1" t="s">
        <v>35</v>
      </c>
      <c r="CR1" t="s">
        <v>11</v>
      </c>
      <c r="CS1" t="s">
        <v>35</v>
      </c>
      <c r="CT1" t="s">
        <v>36</v>
      </c>
      <c r="CU1" t="s">
        <v>37</v>
      </c>
      <c r="CZ1" t="s">
        <v>11</v>
      </c>
    </row>
    <row r="2" spans="1:104" x14ac:dyDescent="0.25">
      <c r="A2" s="1">
        <v>30448284</v>
      </c>
      <c r="B2" t="s">
        <v>1615</v>
      </c>
      <c r="C2" t="s">
        <v>39</v>
      </c>
      <c r="D2" t="s">
        <v>1616</v>
      </c>
      <c r="E2" t="s">
        <v>216</v>
      </c>
      <c r="L2" t="s">
        <v>52</v>
      </c>
      <c r="M2" s="1">
        <v>0</v>
      </c>
      <c r="N2" s="1">
        <v>0</v>
      </c>
      <c r="O2" t="s">
        <v>1616</v>
      </c>
      <c r="P2" t="s">
        <v>216</v>
      </c>
      <c r="Q2" t="s">
        <v>177</v>
      </c>
      <c r="S2" s="1">
        <v>0</v>
      </c>
      <c r="T2" t="s">
        <v>197</v>
      </c>
      <c r="U2" t="s">
        <v>1617</v>
      </c>
      <c r="W2" t="s">
        <v>262</v>
      </c>
      <c r="Y2" t="s">
        <v>224</v>
      </c>
      <c r="AC2" t="s">
        <v>180</v>
      </c>
      <c r="AD2" t="s">
        <v>230</v>
      </c>
      <c r="AE2" t="s">
        <v>299</v>
      </c>
      <c r="AF2" t="s">
        <v>230</v>
      </c>
      <c r="AG2" t="s">
        <v>175</v>
      </c>
      <c r="AH2" t="s">
        <v>175</v>
      </c>
      <c r="AI2" t="s">
        <v>175</v>
      </c>
      <c r="AJ2" t="s">
        <v>181</v>
      </c>
      <c r="AK2" t="s">
        <v>181</v>
      </c>
      <c r="AL2" t="s">
        <v>52</v>
      </c>
      <c r="AM2" s="1">
        <v>0</v>
      </c>
      <c r="AN2" s="1">
        <v>0</v>
      </c>
      <c r="AO2" t="s">
        <v>201</v>
      </c>
      <c r="AP2" t="s">
        <v>184</v>
      </c>
      <c r="AQ2" s="1">
        <v>0</v>
      </c>
      <c r="AR2" s="1">
        <v>0</v>
      </c>
      <c r="AS2" t="s">
        <v>185</v>
      </c>
      <c r="AT2" t="s">
        <v>183</v>
      </c>
      <c r="AU2" t="s">
        <v>182</v>
      </c>
      <c r="AV2" s="1">
        <v>0</v>
      </c>
      <c r="AW2" t="s">
        <v>1618</v>
      </c>
      <c r="AX2" t="s">
        <v>186</v>
      </c>
      <c r="BB2" t="s">
        <v>208</v>
      </c>
      <c r="BC2" t="s">
        <v>209</v>
      </c>
      <c r="BF2" t="s">
        <v>232</v>
      </c>
      <c r="BG2" t="s">
        <v>315</v>
      </c>
      <c r="BH2" t="s">
        <v>211</v>
      </c>
      <c r="BK2" t="s">
        <v>191</v>
      </c>
      <c r="BL2" t="s">
        <v>1619</v>
      </c>
      <c r="BM2" t="s">
        <v>191</v>
      </c>
      <c r="BN2" t="s">
        <v>1620</v>
      </c>
      <c r="BO2" t="s">
        <v>191</v>
      </c>
      <c r="BP2" t="s">
        <v>1621</v>
      </c>
      <c r="BQ2" t="s">
        <v>1622</v>
      </c>
    </row>
    <row r="3" spans="1:104" x14ac:dyDescent="0.25">
      <c r="A3" s="1">
        <v>30448285</v>
      </c>
      <c r="B3" t="s">
        <v>1623</v>
      </c>
      <c r="C3" t="s">
        <v>39</v>
      </c>
      <c r="D3" t="s">
        <v>1616</v>
      </c>
      <c r="E3" t="s">
        <v>200</v>
      </c>
      <c r="L3" t="s">
        <v>52</v>
      </c>
      <c r="M3" s="1">
        <v>0</v>
      </c>
      <c r="N3" s="1">
        <v>0</v>
      </c>
      <c r="O3" t="s">
        <v>1616</v>
      </c>
      <c r="P3" t="s">
        <v>176</v>
      </c>
      <c r="Q3" t="s">
        <v>238</v>
      </c>
      <c r="S3" t="s">
        <v>178</v>
      </c>
      <c r="T3" t="s">
        <v>200</v>
      </c>
      <c r="AA3" t="s">
        <v>273</v>
      </c>
      <c r="AB3" t="s">
        <v>1624</v>
      </c>
      <c r="AC3" t="s">
        <v>180</v>
      </c>
      <c r="AD3" t="s">
        <v>200</v>
      </c>
      <c r="AE3" t="s">
        <v>200</v>
      </c>
      <c r="AF3" t="s">
        <v>200</v>
      </c>
      <c r="AG3" t="s">
        <v>200</v>
      </c>
      <c r="AH3" t="s">
        <v>200</v>
      </c>
      <c r="AI3" t="s">
        <v>200</v>
      </c>
      <c r="AJ3" t="s">
        <v>200</v>
      </c>
      <c r="AK3" t="s">
        <v>200</v>
      </c>
      <c r="AL3" t="s">
        <v>42</v>
      </c>
      <c r="AM3" t="s">
        <v>205</v>
      </c>
      <c r="AN3" t="s">
        <v>206</v>
      </c>
      <c r="AO3" t="s">
        <v>182</v>
      </c>
      <c r="AP3" t="s">
        <v>204</v>
      </c>
      <c r="AQ3" t="s">
        <v>184</v>
      </c>
      <c r="AR3" t="s">
        <v>185</v>
      </c>
      <c r="AS3" t="s">
        <v>203</v>
      </c>
      <c r="AT3" t="s">
        <v>183</v>
      </c>
      <c r="AU3" t="s">
        <v>201</v>
      </c>
      <c r="AV3" t="s">
        <v>202</v>
      </c>
      <c r="AX3" t="s">
        <v>186</v>
      </c>
      <c r="BB3" t="s">
        <v>208</v>
      </c>
      <c r="BC3" t="s">
        <v>209</v>
      </c>
      <c r="BF3" t="s">
        <v>232</v>
      </c>
      <c r="BG3" t="s">
        <v>301</v>
      </c>
      <c r="BH3" t="s">
        <v>211</v>
      </c>
      <c r="BK3" t="s">
        <v>191</v>
      </c>
      <c r="BL3" t="s">
        <v>1625</v>
      </c>
      <c r="BM3" t="s">
        <v>218</v>
      </c>
      <c r="BN3" t="s">
        <v>1626</v>
      </c>
      <c r="BO3" t="s">
        <v>218</v>
      </c>
      <c r="BP3" t="s">
        <v>1627</v>
      </c>
      <c r="BQ3" t="s">
        <v>1628</v>
      </c>
    </row>
    <row r="4" spans="1:104" x14ac:dyDescent="0.25">
      <c r="A4" s="1">
        <v>30448286</v>
      </c>
      <c r="B4" t="s">
        <v>941</v>
      </c>
      <c r="C4" t="s">
        <v>39</v>
      </c>
      <c r="D4" t="s">
        <v>942</v>
      </c>
      <c r="E4" t="s">
        <v>200</v>
      </c>
      <c r="L4" t="s">
        <v>52</v>
      </c>
      <c r="M4" s="1">
        <v>0</v>
      </c>
      <c r="N4" s="1">
        <v>0</v>
      </c>
      <c r="O4" t="s">
        <v>942</v>
      </c>
      <c r="P4" t="s">
        <v>216</v>
      </c>
      <c r="Q4" t="s">
        <v>322</v>
      </c>
      <c r="S4" s="1">
        <v>0</v>
      </c>
      <c r="T4" t="s">
        <v>200</v>
      </c>
      <c r="Y4" t="s">
        <v>224</v>
      </c>
      <c r="AC4" t="s">
        <v>180</v>
      </c>
      <c r="AD4" t="s">
        <v>175</v>
      </c>
      <c r="AE4" t="s">
        <v>175</v>
      </c>
      <c r="AF4" t="s">
        <v>181</v>
      </c>
      <c r="AG4" t="s">
        <v>181</v>
      </c>
      <c r="AH4" t="s">
        <v>200</v>
      </c>
      <c r="AI4" t="s">
        <v>200</v>
      </c>
      <c r="AJ4" t="s">
        <v>181</v>
      </c>
      <c r="AK4" t="s">
        <v>175</v>
      </c>
      <c r="AL4" t="s">
        <v>42</v>
      </c>
      <c r="AM4" t="s">
        <v>201</v>
      </c>
      <c r="AN4" t="s">
        <v>202</v>
      </c>
      <c r="AO4" t="s">
        <v>185</v>
      </c>
      <c r="AP4" t="s">
        <v>184</v>
      </c>
      <c r="AQ4" t="s">
        <v>183</v>
      </c>
      <c r="AR4" t="s">
        <v>182</v>
      </c>
      <c r="AS4" t="s">
        <v>203</v>
      </c>
      <c r="AT4" t="s">
        <v>204</v>
      </c>
      <c r="AU4" t="s">
        <v>205</v>
      </c>
      <c r="AV4" t="s">
        <v>206</v>
      </c>
      <c r="AX4" t="s">
        <v>186</v>
      </c>
      <c r="BF4" t="s">
        <v>210</v>
      </c>
      <c r="BG4" s="1">
        <v>0</v>
      </c>
      <c r="BH4" t="s">
        <v>211</v>
      </c>
      <c r="BK4" t="s">
        <v>191</v>
      </c>
      <c r="BL4" t="s">
        <v>943</v>
      </c>
      <c r="BM4" t="s">
        <v>191</v>
      </c>
      <c r="BN4" t="s">
        <v>944</v>
      </c>
      <c r="BO4" t="s">
        <v>191</v>
      </c>
      <c r="BP4" t="s">
        <v>945</v>
      </c>
      <c r="BQ4" t="s">
        <v>946</v>
      </c>
    </row>
    <row r="5" spans="1:104" x14ac:dyDescent="0.25">
      <c r="A5" s="1">
        <v>30448287</v>
      </c>
      <c r="B5" t="s">
        <v>2511</v>
      </c>
      <c r="C5" t="s">
        <v>39</v>
      </c>
      <c r="D5" t="s">
        <v>2512</v>
      </c>
      <c r="E5" t="s">
        <v>216</v>
      </c>
      <c r="L5" t="s">
        <v>52</v>
      </c>
      <c r="M5" s="1">
        <v>0</v>
      </c>
      <c r="N5" s="1">
        <v>0</v>
      </c>
      <c r="O5" t="s">
        <v>2512</v>
      </c>
      <c r="P5" t="s">
        <v>216</v>
      </c>
      <c r="Q5" t="s">
        <v>322</v>
      </c>
      <c r="S5" s="1">
        <v>0</v>
      </c>
      <c r="T5" t="s">
        <v>197</v>
      </c>
      <c r="U5" t="s">
        <v>2513</v>
      </c>
      <c r="X5" t="s">
        <v>179</v>
      </c>
      <c r="Z5" t="s">
        <v>244</v>
      </c>
      <c r="AC5" t="s">
        <v>180</v>
      </c>
      <c r="AD5" t="s">
        <v>230</v>
      </c>
      <c r="AE5" t="s">
        <v>181</v>
      </c>
      <c r="AF5" t="s">
        <v>181</v>
      </c>
      <c r="AG5" t="s">
        <v>181</v>
      </c>
      <c r="AH5" t="s">
        <v>181</v>
      </c>
      <c r="AI5" t="s">
        <v>230</v>
      </c>
      <c r="AJ5" t="s">
        <v>181</v>
      </c>
      <c r="AK5" t="s">
        <v>230</v>
      </c>
      <c r="AL5" t="s">
        <v>42</v>
      </c>
      <c r="AM5" t="s">
        <v>185</v>
      </c>
      <c r="AN5" t="s">
        <v>182</v>
      </c>
      <c r="AO5" t="s">
        <v>206</v>
      </c>
      <c r="AP5" t="s">
        <v>204</v>
      </c>
      <c r="AQ5" t="s">
        <v>184</v>
      </c>
      <c r="AR5" t="s">
        <v>202</v>
      </c>
      <c r="AS5" t="s">
        <v>203</v>
      </c>
      <c r="AT5" t="s">
        <v>183</v>
      </c>
      <c r="AU5" t="s">
        <v>201</v>
      </c>
      <c r="AV5" t="s">
        <v>205</v>
      </c>
      <c r="AX5" t="s">
        <v>186</v>
      </c>
      <c r="AZ5" t="s">
        <v>207</v>
      </c>
      <c r="BF5" t="s">
        <v>49</v>
      </c>
      <c r="BG5" s="1">
        <v>0</v>
      </c>
      <c r="BH5" t="s">
        <v>211</v>
      </c>
      <c r="BK5" t="s">
        <v>191</v>
      </c>
      <c r="BL5" t="s">
        <v>2514</v>
      </c>
      <c r="BM5" t="s">
        <v>191</v>
      </c>
      <c r="BN5" t="s">
        <v>1093</v>
      </c>
      <c r="BO5" t="s">
        <v>191</v>
      </c>
      <c r="BP5" t="s">
        <v>2515</v>
      </c>
    </row>
    <row r="6" spans="1:104" x14ac:dyDescent="0.25">
      <c r="A6" s="1">
        <v>30448288</v>
      </c>
      <c r="B6" t="s">
        <v>2511</v>
      </c>
      <c r="C6" t="s">
        <v>39</v>
      </c>
      <c r="D6" t="s">
        <v>3138</v>
      </c>
      <c r="E6" t="s">
        <v>195</v>
      </c>
      <c r="L6" t="s">
        <v>52</v>
      </c>
      <c r="M6" s="1">
        <v>0</v>
      </c>
      <c r="N6" s="1">
        <v>0</v>
      </c>
      <c r="O6" t="s">
        <v>3139</v>
      </c>
      <c r="P6" t="s">
        <v>176</v>
      </c>
      <c r="Q6" t="s">
        <v>196</v>
      </c>
      <c r="S6" s="1">
        <v>0</v>
      </c>
      <c r="T6" s="1">
        <v>0</v>
      </c>
      <c r="AC6" s="1">
        <v>0</v>
      </c>
      <c r="AD6" s="1">
        <v>0</v>
      </c>
      <c r="AE6" s="1">
        <v>0</v>
      </c>
      <c r="AF6" s="1">
        <v>0</v>
      </c>
      <c r="AG6" s="1">
        <v>0</v>
      </c>
      <c r="AH6" s="1">
        <v>0</v>
      </c>
      <c r="AI6" s="1">
        <v>0</v>
      </c>
      <c r="AJ6" s="1">
        <v>0</v>
      </c>
      <c r="AK6" s="1">
        <v>0</v>
      </c>
      <c r="AL6" s="1">
        <v>0</v>
      </c>
      <c r="AM6" s="1">
        <v>0</v>
      </c>
      <c r="AN6" s="1">
        <v>0</v>
      </c>
      <c r="AO6" s="1">
        <v>0</v>
      </c>
      <c r="AP6" s="1">
        <v>0</v>
      </c>
      <c r="AQ6" s="1">
        <v>0</v>
      </c>
      <c r="AR6" s="1">
        <v>0</v>
      </c>
      <c r="AS6" s="1">
        <v>0</v>
      </c>
      <c r="AT6" s="1">
        <v>0</v>
      </c>
      <c r="AU6" s="1">
        <v>0</v>
      </c>
      <c r="AV6" s="1">
        <v>0</v>
      </c>
      <c r="BF6" s="1">
        <v>0</v>
      </c>
      <c r="BG6" s="1">
        <v>0</v>
      </c>
      <c r="BH6" s="1">
        <v>0</v>
      </c>
      <c r="BK6" s="1">
        <v>0</v>
      </c>
      <c r="BM6" s="1">
        <v>0</v>
      </c>
      <c r="BO6" s="1">
        <v>0</v>
      </c>
    </row>
    <row r="7" spans="1:104" x14ac:dyDescent="0.25">
      <c r="A7" s="1">
        <v>30448289</v>
      </c>
      <c r="B7" t="s">
        <v>2516</v>
      </c>
      <c r="C7" t="s">
        <v>39</v>
      </c>
      <c r="D7" t="s">
        <v>2512</v>
      </c>
      <c r="E7" t="s">
        <v>200</v>
      </c>
      <c r="L7" t="s">
        <v>52</v>
      </c>
      <c r="M7" s="1">
        <v>0</v>
      </c>
      <c r="N7" s="1">
        <v>0</v>
      </c>
      <c r="O7" t="s">
        <v>2512</v>
      </c>
      <c r="P7" t="s">
        <v>216</v>
      </c>
      <c r="Q7" t="s">
        <v>238</v>
      </c>
      <c r="S7" s="1">
        <v>0</v>
      </c>
      <c r="T7" t="s">
        <v>200</v>
      </c>
      <c r="W7" t="s">
        <v>262</v>
      </c>
      <c r="X7" t="s">
        <v>179</v>
      </c>
      <c r="AC7" t="s">
        <v>180</v>
      </c>
      <c r="AD7" t="s">
        <v>200</v>
      </c>
      <c r="AE7" t="s">
        <v>200</v>
      </c>
      <c r="AF7" t="s">
        <v>200</v>
      </c>
      <c r="AG7" t="s">
        <v>200</v>
      </c>
      <c r="AH7" t="s">
        <v>200</v>
      </c>
      <c r="AI7" t="s">
        <v>200</v>
      </c>
      <c r="AJ7" t="s">
        <v>200</v>
      </c>
      <c r="AK7" t="s">
        <v>200</v>
      </c>
      <c r="AL7" t="s">
        <v>42</v>
      </c>
      <c r="AM7" s="1">
        <v>0</v>
      </c>
      <c r="AN7" t="s">
        <v>185</v>
      </c>
      <c r="AO7" s="1">
        <v>0</v>
      </c>
      <c r="AP7" s="1">
        <v>0</v>
      </c>
      <c r="AQ7" s="1">
        <v>0</v>
      </c>
      <c r="AR7" s="1">
        <v>0</v>
      </c>
      <c r="AS7" s="1">
        <v>0</v>
      </c>
      <c r="AT7" t="s">
        <v>182</v>
      </c>
      <c r="AU7" t="s">
        <v>184</v>
      </c>
      <c r="AV7" s="1">
        <v>0</v>
      </c>
      <c r="AX7" t="s">
        <v>186</v>
      </c>
      <c r="AY7" t="s">
        <v>187</v>
      </c>
      <c r="AZ7" t="s">
        <v>207</v>
      </c>
      <c r="BA7" t="s">
        <v>188</v>
      </c>
      <c r="BB7" t="s">
        <v>208</v>
      </c>
      <c r="BC7" t="s">
        <v>209</v>
      </c>
      <c r="BF7" t="s">
        <v>210</v>
      </c>
      <c r="BG7" s="1">
        <v>0</v>
      </c>
      <c r="BH7" t="s">
        <v>464</v>
      </c>
      <c r="BK7" t="s">
        <v>191</v>
      </c>
      <c r="BM7" t="s">
        <v>191</v>
      </c>
      <c r="BO7" t="s">
        <v>218</v>
      </c>
      <c r="BQ7" t="s">
        <v>2517</v>
      </c>
    </row>
    <row r="8" spans="1:104" x14ac:dyDescent="0.25">
      <c r="A8" s="1">
        <v>30448290</v>
      </c>
      <c r="B8" t="s">
        <v>947</v>
      </c>
      <c r="C8" t="s">
        <v>39</v>
      </c>
      <c r="D8" t="s">
        <v>3727</v>
      </c>
      <c r="E8" t="s">
        <v>175</v>
      </c>
      <c r="L8" t="s">
        <v>52</v>
      </c>
      <c r="M8" s="1">
        <v>0</v>
      </c>
      <c r="N8" s="1">
        <v>0</v>
      </c>
      <c r="O8" t="s">
        <v>3728</v>
      </c>
      <c r="P8" t="s">
        <v>216</v>
      </c>
      <c r="Q8" t="s">
        <v>328</v>
      </c>
      <c r="S8" s="1">
        <v>0</v>
      </c>
      <c r="T8" t="s">
        <v>175</v>
      </c>
      <c r="Y8" t="s">
        <v>224</v>
      </c>
      <c r="AC8" t="s">
        <v>180</v>
      </c>
      <c r="AD8" t="s">
        <v>175</v>
      </c>
      <c r="AE8" t="s">
        <v>175</v>
      </c>
      <c r="AF8" t="s">
        <v>175</v>
      </c>
      <c r="AG8" t="s">
        <v>181</v>
      </c>
      <c r="AH8" t="s">
        <v>175</v>
      </c>
      <c r="AI8" t="s">
        <v>181</v>
      </c>
      <c r="AJ8" t="s">
        <v>175</v>
      </c>
      <c r="AK8" t="s">
        <v>175</v>
      </c>
      <c r="AL8" t="s">
        <v>42</v>
      </c>
      <c r="AM8" t="s">
        <v>205</v>
      </c>
      <c r="AN8" t="s">
        <v>184</v>
      </c>
      <c r="AO8" t="s">
        <v>183</v>
      </c>
      <c r="AP8" t="s">
        <v>204</v>
      </c>
      <c r="AQ8" t="s">
        <v>182</v>
      </c>
      <c r="AR8" t="s">
        <v>185</v>
      </c>
      <c r="AS8" t="s">
        <v>203</v>
      </c>
      <c r="AT8" t="s">
        <v>201</v>
      </c>
      <c r="AU8" t="s">
        <v>206</v>
      </c>
      <c r="AV8" t="s">
        <v>202</v>
      </c>
      <c r="AY8" t="s">
        <v>187</v>
      </c>
      <c r="BB8" t="s">
        <v>208</v>
      </c>
      <c r="BC8" t="s">
        <v>209</v>
      </c>
      <c r="BF8" t="s">
        <v>210</v>
      </c>
      <c r="BG8" s="1">
        <v>0</v>
      </c>
      <c r="BH8" t="s">
        <v>211</v>
      </c>
      <c r="BK8" t="s">
        <v>191</v>
      </c>
      <c r="BL8" t="s">
        <v>576</v>
      </c>
      <c r="BM8" t="s">
        <v>191</v>
      </c>
      <c r="BN8" t="s">
        <v>3729</v>
      </c>
      <c r="BO8" t="s">
        <v>191</v>
      </c>
      <c r="BP8" t="s">
        <v>3730</v>
      </c>
    </row>
    <row r="9" spans="1:104" x14ac:dyDescent="0.25">
      <c r="A9" s="1">
        <v>30448292</v>
      </c>
      <c r="B9" t="s">
        <v>947</v>
      </c>
      <c r="C9" t="s">
        <v>39</v>
      </c>
      <c r="D9" t="s">
        <v>1616</v>
      </c>
      <c r="E9" t="s">
        <v>200</v>
      </c>
      <c r="L9" t="s">
        <v>52</v>
      </c>
      <c r="M9" s="1">
        <v>0</v>
      </c>
      <c r="N9" s="1">
        <v>0</v>
      </c>
      <c r="O9" t="s">
        <v>1616</v>
      </c>
      <c r="P9" t="s">
        <v>176</v>
      </c>
      <c r="Q9" t="s">
        <v>238</v>
      </c>
      <c r="S9" t="s">
        <v>222</v>
      </c>
      <c r="T9" t="s">
        <v>200</v>
      </c>
      <c r="Y9" t="s">
        <v>224</v>
      </c>
      <c r="AC9" t="s">
        <v>180</v>
      </c>
      <c r="AD9" t="s">
        <v>175</v>
      </c>
      <c r="AE9" t="s">
        <v>175</v>
      </c>
      <c r="AF9" t="s">
        <v>175</v>
      </c>
      <c r="AG9" t="s">
        <v>175</v>
      </c>
      <c r="AH9" t="s">
        <v>175</v>
      </c>
      <c r="AI9" t="s">
        <v>175</v>
      </c>
      <c r="AJ9" t="s">
        <v>175</v>
      </c>
      <c r="AK9" t="s">
        <v>175</v>
      </c>
      <c r="AL9" t="s">
        <v>49</v>
      </c>
      <c r="AM9" s="1">
        <v>0</v>
      </c>
      <c r="AN9" s="1">
        <v>0</v>
      </c>
      <c r="AO9" s="1">
        <v>0</v>
      </c>
      <c r="AP9" s="1">
        <v>0</v>
      </c>
      <c r="AQ9" s="1">
        <v>0</v>
      </c>
      <c r="AR9" s="1">
        <v>0</v>
      </c>
      <c r="AS9" s="1">
        <v>0</v>
      </c>
      <c r="AT9" s="1">
        <v>0</v>
      </c>
      <c r="AU9" s="1">
        <v>0</v>
      </c>
      <c r="AV9" s="1">
        <v>0</v>
      </c>
      <c r="BF9" s="1">
        <v>0</v>
      </c>
      <c r="BG9" s="1">
        <v>0</v>
      </c>
      <c r="BH9" s="1">
        <v>0</v>
      </c>
      <c r="BK9" s="1">
        <v>0</v>
      </c>
      <c r="BM9" s="1">
        <v>0</v>
      </c>
      <c r="BO9" s="1">
        <v>0</v>
      </c>
    </row>
    <row r="10" spans="1:104" x14ac:dyDescent="0.25">
      <c r="A10" s="1">
        <v>30448293</v>
      </c>
      <c r="B10" t="s">
        <v>947</v>
      </c>
      <c r="C10" t="s">
        <v>39</v>
      </c>
      <c r="D10" t="s">
        <v>942</v>
      </c>
      <c r="E10" t="s">
        <v>216</v>
      </c>
      <c r="L10" t="s">
        <v>52</v>
      </c>
      <c r="M10" s="1">
        <v>0</v>
      </c>
      <c r="N10" s="1">
        <v>0</v>
      </c>
      <c r="O10" t="s">
        <v>942</v>
      </c>
      <c r="P10" t="s">
        <v>216</v>
      </c>
      <c r="Q10" t="s">
        <v>322</v>
      </c>
      <c r="S10" s="1">
        <v>0</v>
      </c>
      <c r="T10" t="s">
        <v>197</v>
      </c>
      <c r="U10" t="s">
        <v>948</v>
      </c>
      <c r="W10" t="s">
        <v>262</v>
      </c>
      <c r="Y10" t="s">
        <v>224</v>
      </c>
      <c r="Z10" t="s">
        <v>244</v>
      </c>
      <c r="AC10" t="s">
        <v>225</v>
      </c>
      <c r="AD10" t="s">
        <v>299</v>
      </c>
      <c r="AE10" t="s">
        <v>175</v>
      </c>
      <c r="AF10" t="s">
        <v>181</v>
      </c>
      <c r="AG10" t="s">
        <v>299</v>
      </c>
      <c r="AH10" t="s">
        <v>175</v>
      </c>
      <c r="AI10" t="s">
        <v>175</v>
      </c>
      <c r="AJ10" t="s">
        <v>181</v>
      </c>
      <c r="AK10" t="s">
        <v>299</v>
      </c>
      <c r="AL10" t="s">
        <v>42</v>
      </c>
      <c r="AM10" s="1">
        <v>0</v>
      </c>
      <c r="AN10" s="1">
        <v>0</v>
      </c>
      <c r="AO10" s="1">
        <v>0</v>
      </c>
      <c r="AP10" s="1">
        <v>0</v>
      </c>
      <c r="AQ10" s="1">
        <v>0</v>
      </c>
      <c r="AR10" s="1">
        <v>0</v>
      </c>
      <c r="AS10" s="1">
        <v>0</v>
      </c>
      <c r="AT10" s="1">
        <v>0</v>
      </c>
      <c r="AU10" s="1">
        <v>0</v>
      </c>
      <c r="AV10" s="1">
        <v>0</v>
      </c>
      <c r="AX10" t="s">
        <v>186</v>
      </c>
      <c r="BF10" t="s">
        <v>292</v>
      </c>
      <c r="BG10" t="s">
        <v>315</v>
      </c>
      <c r="BH10" t="s">
        <v>302</v>
      </c>
      <c r="BK10" t="s">
        <v>218</v>
      </c>
      <c r="BL10" t="s">
        <v>949</v>
      </c>
      <c r="BM10" t="s">
        <v>218</v>
      </c>
      <c r="BN10" t="s">
        <v>950</v>
      </c>
      <c r="BO10" t="s">
        <v>218</v>
      </c>
    </row>
    <row r="11" spans="1:104" x14ac:dyDescent="0.25">
      <c r="A11" s="1">
        <v>30448294</v>
      </c>
      <c r="B11" t="s">
        <v>3140</v>
      </c>
      <c r="C11" t="s">
        <v>39</v>
      </c>
      <c r="D11" t="s">
        <v>3138</v>
      </c>
      <c r="E11" t="s">
        <v>175</v>
      </c>
      <c r="L11" t="s">
        <v>52</v>
      </c>
      <c r="M11" s="1">
        <v>0</v>
      </c>
      <c r="N11" s="1">
        <v>0</v>
      </c>
      <c r="O11" t="s">
        <v>3139</v>
      </c>
      <c r="P11" t="s">
        <v>176</v>
      </c>
      <c r="Q11" t="s">
        <v>196</v>
      </c>
      <c r="S11" t="s">
        <v>349</v>
      </c>
      <c r="T11" t="s">
        <v>175</v>
      </c>
      <c r="Z11" t="s">
        <v>244</v>
      </c>
      <c r="AC11" t="s">
        <v>199</v>
      </c>
      <c r="AD11" t="s">
        <v>181</v>
      </c>
      <c r="AE11" t="s">
        <v>175</v>
      </c>
      <c r="AF11" t="s">
        <v>181</v>
      </c>
      <c r="AG11" t="s">
        <v>181</v>
      </c>
      <c r="AH11" t="s">
        <v>175</v>
      </c>
      <c r="AI11" t="s">
        <v>175</v>
      </c>
      <c r="AJ11" t="s">
        <v>181</v>
      </c>
      <c r="AK11" t="s">
        <v>181</v>
      </c>
      <c r="AL11" t="s">
        <v>52</v>
      </c>
      <c r="AM11" s="1">
        <v>0</v>
      </c>
      <c r="AN11" s="1">
        <v>0</v>
      </c>
      <c r="AO11" s="1">
        <v>0</v>
      </c>
      <c r="AP11" s="1">
        <v>0</v>
      </c>
      <c r="AQ11" s="1">
        <v>0</v>
      </c>
      <c r="AR11" s="1">
        <v>0</v>
      </c>
      <c r="AS11" s="1">
        <v>0</v>
      </c>
      <c r="AT11" s="1">
        <v>0</v>
      </c>
      <c r="AU11" s="1">
        <v>0</v>
      </c>
      <c r="AV11" s="1">
        <v>0</v>
      </c>
      <c r="AX11" t="s">
        <v>186</v>
      </c>
      <c r="BF11" t="s">
        <v>49</v>
      </c>
      <c r="BG11" s="1">
        <v>0</v>
      </c>
      <c r="BH11" t="s">
        <v>211</v>
      </c>
      <c r="BK11" t="s">
        <v>191</v>
      </c>
      <c r="BM11" t="s">
        <v>191</v>
      </c>
      <c r="BN11" t="s">
        <v>3141</v>
      </c>
      <c r="BO11" s="1">
        <v>0</v>
      </c>
    </row>
    <row r="12" spans="1:104" x14ac:dyDescent="0.25">
      <c r="A12" s="1">
        <v>30448296</v>
      </c>
      <c r="B12" t="s">
        <v>1629</v>
      </c>
      <c r="C12" t="s">
        <v>39</v>
      </c>
      <c r="D12" t="s">
        <v>1616</v>
      </c>
      <c r="E12" t="s">
        <v>200</v>
      </c>
      <c r="L12" t="s">
        <v>52</v>
      </c>
      <c r="M12" s="1">
        <v>0</v>
      </c>
      <c r="N12" s="1">
        <v>0</v>
      </c>
      <c r="O12" t="s">
        <v>1616</v>
      </c>
      <c r="P12" t="s">
        <v>176</v>
      </c>
      <c r="Q12" t="s">
        <v>196</v>
      </c>
      <c r="S12" t="s">
        <v>349</v>
      </c>
      <c r="T12" t="s">
        <v>200</v>
      </c>
      <c r="AC12" t="s">
        <v>180</v>
      </c>
      <c r="AD12" t="s">
        <v>175</v>
      </c>
      <c r="AE12" t="s">
        <v>175</v>
      </c>
      <c r="AF12" t="s">
        <v>181</v>
      </c>
      <c r="AG12" t="s">
        <v>175</v>
      </c>
      <c r="AH12" t="s">
        <v>175</v>
      </c>
      <c r="AI12" t="s">
        <v>175</v>
      </c>
      <c r="AJ12" t="s">
        <v>175</v>
      </c>
      <c r="AK12" t="s">
        <v>175</v>
      </c>
      <c r="AL12" s="1">
        <v>0</v>
      </c>
      <c r="AM12" s="1">
        <v>0</v>
      </c>
      <c r="AN12" s="1">
        <v>0</v>
      </c>
      <c r="AO12" s="1">
        <v>0</v>
      </c>
      <c r="AP12" s="1">
        <v>0</v>
      </c>
      <c r="AQ12" s="1">
        <v>0</v>
      </c>
      <c r="AR12" s="1">
        <v>0</v>
      </c>
      <c r="AS12" s="1">
        <v>0</v>
      </c>
      <c r="AT12" s="1">
        <v>0</v>
      </c>
      <c r="AU12" s="1">
        <v>0</v>
      </c>
      <c r="AV12" s="1">
        <v>0</v>
      </c>
      <c r="BF12" s="1">
        <v>0</v>
      </c>
      <c r="BG12" s="1">
        <v>0</v>
      </c>
      <c r="BH12" s="1">
        <v>0</v>
      </c>
      <c r="BK12" s="1">
        <v>0</v>
      </c>
      <c r="BM12" s="1">
        <v>0</v>
      </c>
      <c r="BO12" s="1">
        <v>0</v>
      </c>
    </row>
    <row r="13" spans="1:104" x14ac:dyDescent="0.25">
      <c r="A13" s="1">
        <v>30448297</v>
      </c>
      <c r="B13" t="s">
        <v>1630</v>
      </c>
      <c r="C13" t="s">
        <v>39</v>
      </c>
      <c r="D13" t="s">
        <v>1616</v>
      </c>
      <c r="E13" t="s">
        <v>200</v>
      </c>
      <c r="L13" t="s">
        <v>52</v>
      </c>
      <c r="M13" s="1">
        <v>0</v>
      </c>
      <c r="N13" s="1">
        <v>0</v>
      </c>
      <c r="O13" t="s">
        <v>1616</v>
      </c>
      <c r="P13" t="s">
        <v>176</v>
      </c>
      <c r="Q13" t="s">
        <v>177</v>
      </c>
      <c r="S13" t="s">
        <v>178</v>
      </c>
      <c r="T13" t="s">
        <v>200</v>
      </c>
      <c r="AC13" t="s">
        <v>199</v>
      </c>
      <c r="AD13" t="s">
        <v>200</v>
      </c>
      <c r="AE13" t="s">
        <v>200</v>
      </c>
      <c r="AF13" t="s">
        <v>200</v>
      </c>
      <c r="AG13" t="s">
        <v>175</v>
      </c>
      <c r="AH13" t="s">
        <v>200</v>
      </c>
      <c r="AI13" t="s">
        <v>200</v>
      </c>
      <c r="AJ13" t="s">
        <v>181</v>
      </c>
      <c r="AK13" t="s">
        <v>200</v>
      </c>
      <c r="AL13" t="s">
        <v>42</v>
      </c>
      <c r="AM13" t="s">
        <v>204</v>
      </c>
      <c r="AN13" t="s">
        <v>201</v>
      </c>
      <c r="AO13" t="s">
        <v>182</v>
      </c>
      <c r="AP13" t="s">
        <v>183</v>
      </c>
      <c r="AQ13" t="s">
        <v>185</v>
      </c>
      <c r="AR13" t="s">
        <v>184</v>
      </c>
      <c r="AS13" t="s">
        <v>203</v>
      </c>
      <c r="AT13" t="s">
        <v>206</v>
      </c>
      <c r="AU13" t="s">
        <v>205</v>
      </c>
      <c r="AV13" t="s">
        <v>202</v>
      </c>
      <c r="AX13" t="s">
        <v>186</v>
      </c>
      <c r="AY13" t="s">
        <v>187</v>
      </c>
      <c r="BB13" t="s">
        <v>208</v>
      </c>
      <c r="BF13" t="s">
        <v>210</v>
      </c>
      <c r="BG13" s="1">
        <v>0</v>
      </c>
      <c r="BH13" t="s">
        <v>247</v>
      </c>
      <c r="BK13" t="s">
        <v>191</v>
      </c>
      <c r="BL13" t="s">
        <v>1631</v>
      </c>
      <c r="BM13" t="s">
        <v>191</v>
      </c>
      <c r="BN13" t="s">
        <v>1632</v>
      </c>
      <c r="BO13" t="s">
        <v>191</v>
      </c>
      <c r="BP13" t="s">
        <v>1633</v>
      </c>
    </row>
    <row r="14" spans="1:104" x14ac:dyDescent="0.25">
      <c r="A14" s="1">
        <v>30448298</v>
      </c>
      <c r="B14" t="s">
        <v>1634</v>
      </c>
      <c r="C14" t="s">
        <v>39</v>
      </c>
      <c r="D14" t="s">
        <v>1616</v>
      </c>
      <c r="E14" t="s">
        <v>175</v>
      </c>
      <c r="L14" t="s">
        <v>52</v>
      </c>
      <c r="M14" s="1">
        <v>0</v>
      </c>
      <c r="N14" s="1">
        <v>0</v>
      </c>
      <c r="O14" t="s">
        <v>1616</v>
      </c>
      <c r="P14" t="s">
        <v>216</v>
      </c>
      <c r="Q14" t="s">
        <v>322</v>
      </c>
      <c r="S14" s="1">
        <v>0</v>
      </c>
      <c r="T14" t="s">
        <v>175</v>
      </c>
      <c r="Y14" t="s">
        <v>224</v>
      </c>
      <c r="AC14" t="s">
        <v>180</v>
      </c>
      <c r="AD14" t="s">
        <v>175</v>
      </c>
      <c r="AE14" t="s">
        <v>175</v>
      </c>
      <c r="AF14" t="s">
        <v>175</v>
      </c>
      <c r="AG14" t="s">
        <v>175</v>
      </c>
      <c r="AH14" t="s">
        <v>200</v>
      </c>
      <c r="AI14" t="s">
        <v>175</v>
      </c>
      <c r="AJ14" t="s">
        <v>175</v>
      </c>
      <c r="AK14" t="s">
        <v>181</v>
      </c>
      <c r="AL14" t="s">
        <v>52</v>
      </c>
      <c r="AM14" t="s">
        <v>182</v>
      </c>
      <c r="AN14" t="s">
        <v>206</v>
      </c>
      <c r="AO14" t="s">
        <v>184</v>
      </c>
      <c r="AP14" t="s">
        <v>205</v>
      </c>
      <c r="AQ14" t="s">
        <v>202</v>
      </c>
      <c r="AR14" t="s">
        <v>203</v>
      </c>
      <c r="AS14" t="s">
        <v>185</v>
      </c>
      <c r="AT14" t="s">
        <v>201</v>
      </c>
      <c r="AU14" t="s">
        <v>183</v>
      </c>
      <c r="AV14" t="s">
        <v>204</v>
      </c>
      <c r="AW14" t="s">
        <v>1635</v>
      </c>
      <c r="AX14" t="s">
        <v>186</v>
      </c>
      <c r="BC14" t="s">
        <v>209</v>
      </c>
      <c r="BF14" t="s">
        <v>189</v>
      </c>
      <c r="BG14" s="1">
        <v>0</v>
      </c>
      <c r="BH14" t="s">
        <v>464</v>
      </c>
      <c r="BK14" t="s">
        <v>191</v>
      </c>
      <c r="BL14" t="s">
        <v>1636</v>
      </c>
      <c r="BM14" t="s">
        <v>218</v>
      </c>
      <c r="BN14" t="s">
        <v>1637</v>
      </c>
      <c r="BO14" t="s">
        <v>218</v>
      </c>
      <c r="BP14" t="s">
        <v>1638</v>
      </c>
      <c r="BQ14" t="s">
        <v>1639</v>
      </c>
    </row>
    <row r="15" spans="1:104" x14ac:dyDescent="0.25">
      <c r="A15" s="1">
        <v>30448299</v>
      </c>
      <c r="B15" t="s">
        <v>1634</v>
      </c>
      <c r="C15" t="s">
        <v>39</v>
      </c>
      <c r="D15" t="s">
        <v>1616</v>
      </c>
      <c r="E15" t="s">
        <v>175</v>
      </c>
      <c r="L15" t="s">
        <v>52</v>
      </c>
      <c r="M15" s="1">
        <v>0</v>
      </c>
      <c r="N15" s="1">
        <v>0</v>
      </c>
      <c r="O15" t="s">
        <v>1616</v>
      </c>
      <c r="P15" t="s">
        <v>176</v>
      </c>
      <c r="Q15" t="s">
        <v>177</v>
      </c>
      <c r="S15" t="s">
        <v>222</v>
      </c>
      <c r="T15" t="s">
        <v>175</v>
      </c>
      <c r="W15" t="s">
        <v>262</v>
      </c>
      <c r="X15" t="s">
        <v>179</v>
      </c>
      <c r="AC15" t="s">
        <v>180</v>
      </c>
      <c r="AD15" t="s">
        <v>175</v>
      </c>
      <c r="AE15" t="s">
        <v>175</v>
      </c>
      <c r="AF15" t="s">
        <v>181</v>
      </c>
      <c r="AG15" t="s">
        <v>181</v>
      </c>
      <c r="AH15" t="s">
        <v>200</v>
      </c>
      <c r="AI15" t="s">
        <v>200</v>
      </c>
      <c r="AJ15" t="s">
        <v>175</v>
      </c>
      <c r="AK15" t="s">
        <v>175</v>
      </c>
      <c r="AL15" t="s">
        <v>42</v>
      </c>
      <c r="AM15" t="s">
        <v>206</v>
      </c>
      <c r="AN15" t="s">
        <v>205</v>
      </c>
      <c r="AO15" t="s">
        <v>201</v>
      </c>
      <c r="AP15" t="s">
        <v>183</v>
      </c>
      <c r="AQ15" t="s">
        <v>185</v>
      </c>
      <c r="AR15" t="s">
        <v>184</v>
      </c>
      <c r="AS15" t="s">
        <v>203</v>
      </c>
      <c r="AT15" t="s">
        <v>204</v>
      </c>
      <c r="AU15" t="s">
        <v>202</v>
      </c>
      <c r="AV15" t="s">
        <v>182</v>
      </c>
      <c r="AX15" t="s">
        <v>186</v>
      </c>
      <c r="AZ15" t="s">
        <v>207</v>
      </c>
      <c r="BB15" t="s">
        <v>208</v>
      </c>
      <c r="BF15" t="s">
        <v>189</v>
      </c>
      <c r="BG15" s="1">
        <v>0</v>
      </c>
      <c r="BH15" t="s">
        <v>190</v>
      </c>
      <c r="BK15" t="s">
        <v>191</v>
      </c>
      <c r="BL15" t="s">
        <v>1640</v>
      </c>
      <c r="BM15" t="s">
        <v>191</v>
      </c>
      <c r="BN15" t="s">
        <v>1641</v>
      </c>
      <c r="BO15" t="s">
        <v>191</v>
      </c>
      <c r="BP15" t="s">
        <v>1642</v>
      </c>
      <c r="BQ15" t="s">
        <v>1643</v>
      </c>
    </row>
    <row r="16" spans="1:104" x14ac:dyDescent="0.25">
      <c r="A16" s="1">
        <v>30448301</v>
      </c>
      <c r="B16" t="s">
        <v>2518</v>
      </c>
      <c r="C16" t="s">
        <v>39</v>
      </c>
      <c r="D16" t="s">
        <v>2512</v>
      </c>
      <c r="E16" t="s">
        <v>175</v>
      </c>
      <c r="L16" t="s">
        <v>52</v>
      </c>
      <c r="M16" s="1">
        <v>0</v>
      </c>
      <c r="N16" s="1">
        <v>0</v>
      </c>
      <c r="O16" t="s">
        <v>2512</v>
      </c>
      <c r="P16" t="s">
        <v>176</v>
      </c>
      <c r="Q16" t="s">
        <v>238</v>
      </c>
      <c r="S16" t="s">
        <v>178</v>
      </c>
      <c r="T16" t="s">
        <v>175</v>
      </c>
      <c r="AA16" t="s">
        <v>273</v>
      </c>
      <c r="AB16" t="s">
        <v>225</v>
      </c>
      <c r="AC16" t="s">
        <v>199</v>
      </c>
      <c r="AD16" t="s">
        <v>175</v>
      </c>
      <c r="AE16" t="s">
        <v>175</v>
      </c>
      <c r="AF16" t="s">
        <v>230</v>
      </c>
      <c r="AG16" t="s">
        <v>175</v>
      </c>
      <c r="AH16" t="s">
        <v>175</v>
      </c>
      <c r="AI16" t="s">
        <v>175</v>
      </c>
      <c r="AJ16" t="s">
        <v>181</v>
      </c>
      <c r="AK16" t="s">
        <v>181</v>
      </c>
      <c r="AL16" t="s">
        <v>52</v>
      </c>
      <c r="AM16" s="1">
        <v>0</v>
      </c>
      <c r="AN16" s="1">
        <v>0</v>
      </c>
      <c r="AO16" s="1">
        <v>0</v>
      </c>
      <c r="AP16" s="1">
        <v>0</v>
      </c>
      <c r="AQ16" s="1">
        <v>0</v>
      </c>
      <c r="AR16" s="1">
        <v>0</v>
      </c>
      <c r="AS16" s="1">
        <v>0</v>
      </c>
      <c r="AT16" s="1">
        <v>0</v>
      </c>
      <c r="AU16" s="1">
        <v>0</v>
      </c>
      <c r="AV16" s="1">
        <v>0</v>
      </c>
      <c r="BF16" t="s">
        <v>49</v>
      </c>
      <c r="BG16" s="1">
        <v>0</v>
      </c>
      <c r="BH16" t="s">
        <v>302</v>
      </c>
      <c r="BI16" t="s">
        <v>2519</v>
      </c>
      <c r="BK16" t="s">
        <v>191</v>
      </c>
      <c r="BM16" t="s">
        <v>218</v>
      </c>
      <c r="BO16" t="s">
        <v>218</v>
      </c>
    </row>
    <row r="17" spans="1:69" x14ac:dyDescent="0.25">
      <c r="A17" s="1">
        <v>30448302</v>
      </c>
      <c r="B17" t="s">
        <v>3731</v>
      </c>
      <c r="C17" t="s">
        <v>39</v>
      </c>
      <c r="D17" t="s">
        <v>3727</v>
      </c>
      <c r="L17" t="s">
        <v>52</v>
      </c>
      <c r="M17" s="1">
        <v>0</v>
      </c>
      <c r="N17" s="1">
        <v>0</v>
      </c>
      <c r="O17" t="s">
        <v>3728</v>
      </c>
      <c r="P17" t="s">
        <v>49</v>
      </c>
      <c r="Q17" s="1">
        <v>0</v>
      </c>
      <c r="S17" s="1">
        <v>0</v>
      </c>
      <c r="T17" s="1">
        <v>0</v>
      </c>
      <c r="Y17" t="s">
        <v>224</v>
      </c>
      <c r="AC17" t="s">
        <v>180</v>
      </c>
      <c r="AD17" t="s">
        <v>181</v>
      </c>
      <c r="AE17" t="s">
        <v>181</v>
      </c>
      <c r="AF17" t="s">
        <v>181</v>
      </c>
      <c r="AG17" t="s">
        <v>181</v>
      </c>
      <c r="AH17" t="s">
        <v>175</v>
      </c>
      <c r="AI17" t="s">
        <v>175</v>
      </c>
      <c r="AJ17" t="s">
        <v>175</v>
      </c>
      <c r="AK17" t="s">
        <v>181</v>
      </c>
      <c r="AL17" t="s">
        <v>42</v>
      </c>
      <c r="AM17" t="s">
        <v>206</v>
      </c>
      <c r="AN17" t="s">
        <v>185</v>
      </c>
      <c r="AO17" t="s">
        <v>203</v>
      </c>
      <c r="AP17" t="s">
        <v>182</v>
      </c>
      <c r="AQ17" t="s">
        <v>183</v>
      </c>
      <c r="AR17" t="s">
        <v>201</v>
      </c>
      <c r="AS17" t="s">
        <v>205</v>
      </c>
      <c r="AT17" t="s">
        <v>184</v>
      </c>
      <c r="AU17" t="s">
        <v>202</v>
      </c>
      <c r="AV17" t="s">
        <v>204</v>
      </c>
      <c r="AX17" t="s">
        <v>186</v>
      </c>
      <c r="AY17" t="s">
        <v>187</v>
      </c>
      <c r="BB17" t="s">
        <v>208</v>
      </c>
      <c r="BF17" t="s">
        <v>292</v>
      </c>
      <c r="BG17" t="s">
        <v>233</v>
      </c>
      <c r="BH17" t="s">
        <v>302</v>
      </c>
      <c r="BK17" t="s">
        <v>191</v>
      </c>
      <c r="BL17" t="s">
        <v>3732</v>
      </c>
      <c r="BM17" t="s">
        <v>218</v>
      </c>
      <c r="BN17" t="s">
        <v>3732</v>
      </c>
      <c r="BO17" t="s">
        <v>191</v>
      </c>
      <c r="BP17" t="s">
        <v>3732</v>
      </c>
    </row>
    <row r="18" spans="1:69" x14ac:dyDescent="0.25">
      <c r="A18" s="1">
        <v>30448303</v>
      </c>
      <c r="B18" t="s">
        <v>173</v>
      </c>
      <c r="C18" t="s">
        <v>39</v>
      </c>
      <c r="D18" t="s">
        <v>942</v>
      </c>
      <c r="E18" t="s">
        <v>175</v>
      </c>
      <c r="L18" t="s">
        <v>52</v>
      </c>
      <c r="M18" s="1">
        <v>0</v>
      </c>
      <c r="N18" s="1">
        <v>0</v>
      </c>
      <c r="O18" t="s">
        <v>942</v>
      </c>
      <c r="P18" t="s">
        <v>176</v>
      </c>
      <c r="Q18" t="s">
        <v>196</v>
      </c>
      <c r="S18" t="s">
        <v>178</v>
      </c>
      <c r="T18" t="s">
        <v>175</v>
      </c>
      <c r="Y18" t="s">
        <v>224</v>
      </c>
      <c r="AC18" t="s">
        <v>199</v>
      </c>
      <c r="AD18" t="s">
        <v>200</v>
      </c>
      <c r="AE18" t="s">
        <v>175</v>
      </c>
      <c r="AF18" t="s">
        <v>181</v>
      </c>
      <c r="AG18" t="s">
        <v>181</v>
      </c>
      <c r="AH18" t="s">
        <v>200</v>
      </c>
      <c r="AI18" t="s">
        <v>200</v>
      </c>
      <c r="AJ18" t="s">
        <v>175</v>
      </c>
      <c r="AK18" t="s">
        <v>181</v>
      </c>
      <c r="AL18" t="s">
        <v>42</v>
      </c>
      <c r="AM18" t="s">
        <v>205</v>
      </c>
      <c r="AN18" t="s">
        <v>204</v>
      </c>
      <c r="AO18" t="s">
        <v>184</v>
      </c>
      <c r="AP18" t="s">
        <v>182</v>
      </c>
      <c r="AQ18" t="s">
        <v>185</v>
      </c>
      <c r="AR18" t="s">
        <v>206</v>
      </c>
      <c r="AS18" t="s">
        <v>203</v>
      </c>
      <c r="AT18" t="s">
        <v>202</v>
      </c>
      <c r="AU18" t="s">
        <v>183</v>
      </c>
      <c r="AV18" t="s">
        <v>201</v>
      </c>
      <c r="AX18" t="s">
        <v>186</v>
      </c>
      <c r="AZ18" t="s">
        <v>207</v>
      </c>
      <c r="BF18" t="s">
        <v>292</v>
      </c>
      <c r="BG18" t="s">
        <v>301</v>
      </c>
      <c r="BH18" t="s">
        <v>247</v>
      </c>
      <c r="BK18" t="s">
        <v>191</v>
      </c>
      <c r="BM18" t="s">
        <v>191</v>
      </c>
      <c r="BO18" t="s">
        <v>191</v>
      </c>
    </row>
    <row r="19" spans="1:69" x14ac:dyDescent="0.25">
      <c r="A19" s="1">
        <v>30448304</v>
      </c>
      <c r="B19" t="s">
        <v>173</v>
      </c>
      <c r="C19" t="s">
        <v>39</v>
      </c>
      <c r="D19" t="s">
        <v>174</v>
      </c>
      <c r="E19" t="s">
        <v>175</v>
      </c>
      <c r="L19" t="s">
        <v>52</v>
      </c>
      <c r="M19" s="1">
        <v>0</v>
      </c>
      <c r="N19" s="1">
        <v>0</v>
      </c>
      <c r="O19" t="s">
        <v>174</v>
      </c>
      <c r="P19" t="s">
        <v>176</v>
      </c>
      <c r="Q19" t="s">
        <v>177</v>
      </c>
      <c r="S19" t="s">
        <v>178</v>
      </c>
      <c r="T19" t="s">
        <v>175</v>
      </c>
      <c r="X19" t="s">
        <v>179</v>
      </c>
      <c r="AC19" t="s">
        <v>180</v>
      </c>
      <c r="AD19" t="s">
        <v>181</v>
      </c>
      <c r="AE19" t="s">
        <v>175</v>
      </c>
      <c r="AF19" t="s">
        <v>181</v>
      </c>
      <c r="AG19" t="s">
        <v>181</v>
      </c>
      <c r="AH19" t="s">
        <v>175</v>
      </c>
      <c r="AI19" t="s">
        <v>175</v>
      </c>
      <c r="AJ19" t="s">
        <v>175</v>
      </c>
      <c r="AK19" t="s">
        <v>175</v>
      </c>
      <c r="AL19" t="s">
        <v>42</v>
      </c>
      <c r="AM19" t="s">
        <v>182</v>
      </c>
      <c r="AN19" s="1">
        <v>0</v>
      </c>
      <c r="AO19" s="1">
        <v>0</v>
      </c>
      <c r="AP19" t="s">
        <v>183</v>
      </c>
      <c r="AQ19" t="s">
        <v>184</v>
      </c>
      <c r="AR19" t="s">
        <v>185</v>
      </c>
      <c r="AS19" s="1">
        <v>0</v>
      </c>
      <c r="AT19" s="1">
        <v>0</v>
      </c>
      <c r="AU19" s="1">
        <v>0</v>
      </c>
      <c r="AV19" s="1">
        <v>0</v>
      </c>
      <c r="AX19" t="s">
        <v>186</v>
      </c>
      <c r="AY19" t="s">
        <v>187</v>
      </c>
      <c r="BA19" t="s">
        <v>188</v>
      </c>
      <c r="BF19" t="s">
        <v>189</v>
      </c>
      <c r="BG19" s="1">
        <v>0</v>
      </c>
      <c r="BH19" t="s">
        <v>190</v>
      </c>
      <c r="BK19" t="s">
        <v>191</v>
      </c>
      <c r="BL19" t="s">
        <v>192</v>
      </c>
      <c r="BM19" t="s">
        <v>191</v>
      </c>
      <c r="BN19" t="s">
        <v>193</v>
      </c>
      <c r="BO19" t="s">
        <v>191</v>
      </c>
      <c r="BP19" t="s">
        <v>194</v>
      </c>
    </row>
    <row r="20" spans="1:69" x14ac:dyDescent="0.25">
      <c r="A20" s="1">
        <v>30448305</v>
      </c>
      <c r="B20" t="s">
        <v>951</v>
      </c>
      <c r="C20" t="s">
        <v>39</v>
      </c>
      <c r="D20" t="s">
        <v>942</v>
      </c>
      <c r="E20" t="s">
        <v>200</v>
      </c>
      <c r="L20" t="s">
        <v>52</v>
      </c>
      <c r="M20" s="1">
        <v>0</v>
      </c>
      <c r="N20" s="1">
        <v>0</v>
      </c>
      <c r="O20" t="s">
        <v>942</v>
      </c>
      <c r="P20" t="s">
        <v>176</v>
      </c>
      <c r="Q20" t="s">
        <v>196</v>
      </c>
      <c r="S20" t="s">
        <v>256</v>
      </c>
      <c r="T20" t="s">
        <v>200</v>
      </c>
      <c r="AA20" t="s">
        <v>273</v>
      </c>
      <c r="AB20" t="s">
        <v>952</v>
      </c>
      <c r="AC20" t="s">
        <v>225</v>
      </c>
      <c r="AD20" t="s">
        <v>175</v>
      </c>
      <c r="AE20" t="s">
        <v>175</v>
      </c>
      <c r="AF20" t="s">
        <v>175</v>
      </c>
      <c r="AG20" t="s">
        <v>175</v>
      </c>
      <c r="AH20" t="s">
        <v>200</v>
      </c>
      <c r="AI20" t="s">
        <v>175</v>
      </c>
      <c r="AJ20" t="s">
        <v>175</v>
      </c>
      <c r="AK20" t="s">
        <v>175</v>
      </c>
      <c r="AL20" t="s">
        <v>42</v>
      </c>
      <c r="AM20" t="s">
        <v>184</v>
      </c>
      <c r="AN20" s="1">
        <v>0</v>
      </c>
      <c r="AO20" t="s">
        <v>182</v>
      </c>
      <c r="AP20" t="s">
        <v>185</v>
      </c>
      <c r="AQ20" s="1">
        <v>0</v>
      </c>
      <c r="AR20" s="1">
        <v>0</v>
      </c>
      <c r="AS20" s="1">
        <v>0</v>
      </c>
      <c r="AT20" s="1">
        <v>0</v>
      </c>
      <c r="AU20" s="1">
        <v>0</v>
      </c>
      <c r="AV20" s="1">
        <v>0</v>
      </c>
      <c r="AX20" t="s">
        <v>186</v>
      </c>
      <c r="AZ20" t="s">
        <v>207</v>
      </c>
      <c r="BF20" t="s">
        <v>210</v>
      </c>
      <c r="BG20" s="1">
        <v>0</v>
      </c>
      <c r="BH20" t="s">
        <v>211</v>
      </c>
      <c r="BK20" t="s">
        <v>191</v>
      </c>
      <c r="BL20" t="s">
        <v>254</v>
      </c>
      <c r="BM20" t="s">
        <v>191</v>
      </c>
      <c r="BN20" t="s">
        <v>318</v>
      </c>
      <c r="BO20" t="s">
        <v>191</v>
      </c>
      <c r="BP20" t="s">
        <v>953</v>
      </c>
    </row>
    <row r="21" spans="1:69" x14ac:dyDescent="0.25">
      <c r="A21" s="1">
        <v>30448306</v>
      </c>
      <c r="B21" t="s">
        <v>1644</v>
      </c>
      <c r="C21" t="s">
        <v>39</v>
      </c>
      <c r="D21" t="s">
        <v>1616</v>
      </c>
      <c r="E21" t="s">
        <v>195</v>
      </c>
      <c r="L21" t="s">
        <v>52</v>
      </c>
      <c r="M21" s="1">
        <v>0</v>
      </c>
      <c r="N21" s="1">
        <v>0</v>
      </c>
      <c r="O21" t="s">
        <v>1616</v>
      </c>
      <c r="P21" t="s">
        <v>176</v>
      </c>
      <c r="Q21" t="s">
        <v>177</v>
      </c>
      <c r="S21" t="s">
        <v>178</v>
      </c>
      <c r="T21" t="s">
        <v>197</v>
      </c>
      <c r="U21" t="s">
        <v>1645</v>
      </c>
      <c r="Y21" t="s">
        <v>224</v>
      </c>
      <c r="AA21" t="s">
        <v>273</v>
      </c>
      <c r="AB21" t="s">
        <v>1646</v>
      </c>
      <c r="AC21" t="s">
        <v>180</v>
      </c>
      <c r="AD21" t="s">
        <v>181</v>
      </c>
      <c r="AE21" t="s">
        <v>181</v>
      </c>
      <c r="AF21" t="s">
        <v>181</v>
      </c>
      <c r="AG21" t="s">
        <v>181</v>
      </c>
      <c r="AH21" t="s">
        <v>181</v>
      </c>
      <c r="AI21" t="s">
        <v>181</v>
      </c>
      <c r="AJ21" t="s">
        <v>181</v>
      </c>
      <c r="AK21" t="s">
        <v>181</v>
      </c>
      <c r="AL21" t="s">
        <v>52</v>
      </c>
      <c r="AM21" t="s">
        <v>183</v>
      </c>
      <c r="AN21" t="s">
        <v>206</v>
      </c>
      <c r="AO21" t="s">
        <v>184</v>
      </c>
      <c r="AP21" t="s">
        <v>182</v>
      </c>
      <c r="AQ21" s="1">
        <v>0</v>
      </c>
      <c r="AR21" s="1">
        <v>0</v>
      </c>
      <c r="AS21" t="s">
        <v>185</v>
      </c>
      <c r="AT21" t="s">
        <v>205</v>
      </c>
      <c r="AU21" t="s">
        <v>204</v>
      </c>
      <c r="AV21" t="s">
        <v>201</v>
      </c>
      <c r="AX21" t="s">
        <v>186</v>
      </c>
      <c r="BF21" t="s">
        <v>292</v>
      </c>
      <c r="BG21" t="s">
        <v>276</v>
      </c>
      <c r="BH21" t="s">
        <v>211</v>
      </c>
      <c r="BK21" t="s">
        <v>218</v>
      </c>
      <c r="BL21" t="s">
        <v>1647</v>
      </c>
      <c r="BM21" t="s">
        <v>191</v>
      </c>
      <c r="BN21" t="s">
        <v>1648</v>
      </c>
      <c r="BO21" t="s">
        <v>218</v>
      </c>
      <c r="BP21" t="s">
        <v>1649</v>
      </c>
      <c r="BQ21" t="s">
        <v>1650</v>
      </c>
    </row>
    <row r="22" spans="1:69" x14ac:dyDescent="0.25">
      <c r="A22" s="1">
        <v>30448307</v>
      </c>
      <c r="B22" t="s">
        <v>2520</v>
      </c>
      <c r="C22" t="s">
        <v>39</v>
      </c>
      <c r="D22" t="s">
        <v>2512</v>
      </c>
      <c r="E22" t="s">
        <v>175</v>
      </c>
      <c r="L22" t="s">
        <v>52</v>
      </c>
      <c r="M22" s="1">
        <v>0</v>
      </c>
      <c r="N22" s="1">
        <v>0</v>
      </c>
      <c r="O22" t="s">
        <v>2512</v>
      </c>
      <c r="P22" t="s">
        <v>176</v>
      </c>
      <c r="Q22" t="s">
        <v>238</v>
      </c>
      <c r="S22" t="s">
        <v>178</v>
      </c>
      <c r="T22" t="s">
        <v>175</v>
      </c>
      <c r="X22" t="s">
        <v>179</v>
      </c>
      <c r="AC22" t="s">
        <v>199</v>
      </c>
      <c r="AD22" t="s">
        <v>181</v>
      </c>
      <c r="AE22" t="s">
        <v>181</v>
      </c>
      <c r="AF22" t="s">
        <v>175</v>
      </c>
      <c r="AG22" t="s">
        <v>175</v>
      </c>
      <c r="AH22" t="s">
        <v>200</v>
      </c>
      <c r="AI22" t="s">
        <v>175</v>
      </c>
      <c r="AJ22" t="s">
        <v>200</v>
      </c>
      <c r="AK22" t="s">
        <v>181</v>
      </c>
      <c r="AL22" t="s">
        <v>52</v>
      </c>
      <c r="AM22" s="1">
        <v>0</v>
      </c>
      <c r="AN22" s="1">
        <v>0</v>
      </c>
      <c r="AO22" s="1">
        <v>0</v>
      </c>
      <c r="AP22" s="1">
        <v>0</v>
      </c>
      <c r="AQ22" s="1">
        <v>0</v>
      </c>
      <c r="AR22" s="1">
        <v>0</v>
      </c>
      <c r="AS22" s="1">
        <v>0</v>
      </c>
      <c r="AT22" s="1">
        <v>0</v>
      </c>
      <c r="AU22" s="1">
        <v>0</v>
      </c>
      <c r="AV22" s="1">
        <v>0</v>
      </c>
      <c r="BF22" s="1">
        <v>0</v>
      </c>
      <c r="BG22" s="1">
        <v>0</v>
      </c>
      <c r="BH22" s="1">
        <v>0</v>
      </c>
      <c r="BK22" s="1">
        <v>0</v>
      </c>
      <c r="BM22" s="1">
        <v>0</v>
      </c>
      <c r="BO22" s="1">
        <v>0</v>
      </c>
    </row>
    <row r="23" spans="1:69" x14ac:dyDescent="0.25">
      <c r="A23" s="1">
        <v>30448308</v>
      </c>
      <c r="B23" t="s">
        <v>2520</v>
      </c>
      <c r="C23" t="s">
        <v>39</v>
      </c>
      <c r="D23" t="s">
        <v>2512</v>
      </c>
      <c r="E23" t="s">
        <v>200</v>
      </c>
      <c r="L23" t="s">
        <v>52</v>
      </c>
      <c r="M23" s="1">
        <v>0</v>
      </c>
      <c r="N23" s="1">
        <v>0</v>
      </c>
      <c r="O23" t="s">
        <v>2512</v>
      </c>
      <c r="P23" t="s">
        <v>176</v>
      </c>
      <c r="Q23" t="s">
        <v>238</v>
      </c>
      <c r="S23" t="s">
        <v>178</v>
      </c>
      <c r="T23" t="s">
        <v>200</v>
      </c>
      <c r="Z23" t="s">
        <v>244</v>
      </c>
      <c r="AC23" t="s">
        <v>199</v>
      </c>
      <c r="AD23" t="s">
        <v>175</v>
      </c>
      <c r="AE23" t="s">
        <v>181</v>
      </c>
      <c r="AF23" t="s">
        <v>181</v>
      </c>
      <c r="AG23" t="s">
        <v>175</v>
      </c>
      <c r="AH23" t="s">
        <v>175</v>
      </c>
      <c r="AI23" t="s">
        <v>175</v>
      </c>
      <c r="AJ23" t="s">
        <v>175</v>
      </c>
      <c r="AK23" t="s">
        <v>200</v>
      </c>
      <c r="AL23" t="s">
        <v>52</v>
      </c>
      <c r="AM23" t="s">
        <v>206</v>
      </c>
      <c r="AN23" t="s">
        <v>184</v>
      </c>
      <c r="AO23" t="s">
        <v>205</v>
      </c>
      <c r="AP23" t="s">
        <v>185</v>
      </c>
      <c r="AQ23" t="s">
        <v>204</v>
      </c>
      <c r="AR23" t="s">
        <v>202</v>
      </c>
      <c r="AS23" t="s">
        <v>183</v>
      </c>
      <c r="AT23" t="s">
        <v>201</v>
      </c>
      <c r="AU23" t="s">
        <v>182</v>
      </c>
      <c r="AV23" t="s">
        <v>203</v>
      </c>
      <c r="AX23" t="s">
        <v>186</v>
      </c>
      <c r="AY23" t="s">
        <v>187</v>
      </c>
      <c r="AZ23" t="s">
        <v>207</v>
      </c>
      <c r="BA23" t="s">
        <v>188</v>
      </c>
      <c r="BB23" t="s">
        <v>208</v>
      </c>
      <c r="BC23" t="s">
        <v>209</v>
      </c>
      <c r="BF23" t="s">
        <v>210</v>
      </c>
      <c r="BG23" s="1">
        <v>0</v>
      </c>
      <c r="BH23" t="s">
        <v>211</v>
      </c>
      <c r="BK23" t="s">
        <v>191</v>
      </c>
      <c r="BM23" t="s">
        <v>191</v>
      </c>
      <c r="BO23" t="s">
        <v>191</v>
      </c>
    </row>
    <row r="24" spans="1:69" x14ac:dyDescent="0.25">
      <c r="A24" s="1">
        <v>30448309</v>
      </c>
      <c r="B24" t="s">
        <v>38</v>
      </c>
      <c r="C24" t="s">
        <v>39</v>
      </c>
      <c r="L24" s="1">
        <v>0</v>
      </c>
      <c r="M24" s="1">
        <v>0</v>
      </c>
      <c r="N24" s="1">
        <v>0</v>
      </c>
      <c r="O24" s="1">
        <v>0</v>
      </c>
      <c r="P24" s="1">
        <v>0</v>
      </c>
      <c r="Q24" s="1">
        <v>0</v>
      </c>
      <c r="S24" s="1">
        <v>0</v>
      </c>
      <c r="T24" s="1">
        <v>0</v>
      </c>
      <c r="AC24" s="1">
        <v>0</v>
      </c>
      <c r="AD24" s="1">
        <v>0</v>
      </c>
      <c r="AE24" s="1">
        <v>0</v>
      </c>
      <c r="AF24" s="1">
        <v>0</v>
      </c>
      <c r="AG24" s="1">
        <v>0</v>
      </c>
      <c r="AH24" s="1">
        <v>0</v>
      </c>
      <c r="AI24" s="1">
        <v>0</v>
      </c>
      <c r="AJ24" s="1">
        <v>0</v>
      </c>
      <c r="AK24" s="1">
        <v>0</v>
      </c>
      <c r="AL24" s="1">
        <v>0</v>
      </c>
      <c r="AM24" s="1">
        <v>0</v>
      </c>
      <c r="AN24" s="1">
        <v>0</v>
      </c>
      <c r="AO24" s="1">
        <v>0</v>
      </c>
      <c r="AP24" s="1">
        <v>0</v>
      </c>
      <c r="AQ24" s="1">
        <v>0</v>
      </c>
      <c r="AR24" s="1">
        <v>0</v>
      </c>
      <c r="AS24" s="1">
        <v>0</v>
      </c>
      <c r="AT24" s="1">
        <v>0</v>
      </c>
      <c r="AU24" s="1">
        <v>0</v>
      </c>
      <c r="AV24" s="1">
        <v>0</v>
      </c>
      <c r="BF24" s="1">
        <v>0</v>
      </c>
      <c r="BG24" s="1">
        <v>0</v>
      </c>
      <c r="BH24" s="1">
        <v>0</v>
      </c>
      <c r="BK24" s="1">
        <v>0</v>
      </c>
      <c r="BM24" s="1">
        <v>0</v>
      </c>
      <c r="BO24" s="1">
        <v>0</v>
      </c>
    </row>
    <row r="25" spans="1:69" x14ac:dyDescent="0.25">
      <c r="A25" s="1">
        <v>30448310</v>
      </c>
      <c r="B25" t="s">
        <v>38</v>
      </c>
      <c r="C25" t="s">
        <v>39</v>
      </c>
      <c r="D25" t="s">
        <v>174</v>
      </c>
      <c r="E25" t="s">
        <v>195</v>
      </c>
      <c r="L25" t="s">
        <v>52</v>
      </c>
      <c r="M25" s="1">
        <v>0</v>
      </c>
      <c r="N25" s="1">
        <v>0</v>
      </c>
      <c r="O25" t="s">
        <v>174</v>
      </c>
      <c r="P25" t="s">
        <v>176</v>
      </c>
      <c r="Q25" t="s">
        <v>196</v>
      </c>
      <c r="S25" t="s">
        <v>178</v>
      </c>
      <c r="T25" t="s">
        <v>197</v>
      </c>
      <c r="U25" t="s">
        <v>198</v>
      </c>
      <c r="AC25" t="s">
        <v>199</v>
      </c>
      <c r="AD25" t="s">
        <v>175</v>
      </c>
      <c r="AE25" t="s">
        <v>175</v>
      </c>
      <c r="AF25" t="s">
        <v>175</v>
      </c>
      <c r="AG25" t="s">
        <v>175</v>
      </c>
      <c r="AH25" t="s">
        <v>175</v>
      </c>
      <c r="AI25" t="s">
        <v>175</v>
      </c>
      <c r="AJ25" t="s">
        <v>200</v>
      </c>
      <c r="AK25" t="s">
        <v>175</v>
      </c>
      <c r="AL25" t="s">
        <v>42</v>
      </c>
      <c r="AM25" t="s">
        <v>184</v>
      </c>
      <c r="AN25" t="s">
        <v>182</v>
      </c>
      <c r="AO25" t="s">
        <v>201</v>
      </c>
      <c r="AP25" t="s">
        <v>185</v>
      </c>
      <c r="AQ25" t="s">
        <v>202</v>
      </c>
      <c r="AR25" t="s">
        <v>203</v>
      </c>
      <c r="AS25" t="s">
        <v>204</v>
      </c>
      <c r="AT25" t="s">
        <v>183</v>
      </c>
      <c r="AU25" t="s">
        <v>205</v>
      </c>
      <c r="AV25" t="s">
        <v>206</v>
      </c>
      <c r="AX25" t="s">
        <v>186</v>
      </c>
      <c r="AY25" t="s">
        <v>187</v>
      </c>
      <c r="AZ25" t="s">
        <v>207</v>
      </c>
      <c r="BA25" t="s">
        <v>188</v>
      </c>
      <c r="BB25" t="s">
        <v>208</v>
      </c>
      <c r="BC25" t="s">
        <v>209</v>
      </c>
      <c r="BF25" t="s">
        <v>210</v>
      </c>
      <c r="BG25" s="1">
        <v>0</v>
      </c>
      <c r="BH25" t="s">
        <v>211</v>
      </c>
      <c r="BK25" t="s">
        <v>191</v>
      </c>
      <c r="BL25" t="s">
        <v>212</v>
      </c>
      <c r="BM25" t="s">
        <v>191</v>
      </c>
      <c r="BN25" t="s">
        <v>213</v>
      </c>
      <c r="BO25" s="1">
        <v>0</v>
      </c>
      <c r="BP25" t="s">
        <v>214</v>
      </c>
    </row>
    <row r="26" spans="1:69" x14ac:dyDescent="0.25">
      <c r="A26" s="1">
        <v>30448311</v>
      </c>
      <c r="B26" t="s">
        <v>3733</v>
      </c>
      <c r="C26" t="s">
        <v>39</v>
      </c>
      <c r="D26" t="s">
        <v>3727</v>
      </c>
      <c r="E26" t="s">
        <v>200</v>
      </c>
      <c r="L26" t="s">
        <v>52</v>
      </c>
      <c r="M26" s="1">
        <v>0</v>
      </c>
      <c r="N26" s="1">
        <v>0</v>
      </c>
      <c r="O26" t="s">
        <v>3728</v>
      </c>
      <c r="P26" t="s">
        <v>176</v>
      </c>
      <c r="Q26" t="s">
        <v>238</v>
      </c>
      <c r="S26" t="s">
        <v>178</v>
      </c>
      <c r="T26" t="s">
        <v>200</v>
      </c>
      <c r="X26" t="s">
        <v>179</v>
      </c>
      <c r="AC26" t="s">
        <v>180</v>
      </c>
      <c r="AD26" t="s">
        <v>200</v>
      </c>
      <c r="AE26" t="s">
        <v>200</v>
      </c>
      <c r="AF26" t="s">
        <v>200</v>
      </c>
      <c r="AG26" t="s">
        <v>200</v>
      </c>
      <c r="AH26" t="s">
        <v>200</v>
      </c>
      <c r="AI26" t="s">
        <v>200</v>
      </c>
      <c r="AJ26" t="s">
        <v>200</v>
      </c>
      <c r="AK26" t="s">
        <v>200</v>
      </c>
      <c r="AL26" t="s">
        <v>52</v>
      </c>
      <c r="AM26" t="s">
        <v>183</v>
      </c>
      <c r="AN26" t="s">
        <v>184</v>
      </c>
      <c r="AO26" t="s">
        <v>182</v>
      </c>
      <c r="AP26" t="s">
        <v>185</v>
      </c>
      <c r="AQ26" t="s">
        <v>202</v>
      </c>
      <c r="AR26" t="s">
        <v>203</v>
      </c>
      <c r="AS26" t="s">
        <v>201</v>
      </c>
      <c r="AT26" t="s">
        <v>206</v>
      </c>
      <c r="AU26" t="s">
        <v>205</v>
      </c>
      <c r="AV26" t="s">
        <v>204</v>
      </c>
      <c r="AX26" t="s">
        <v>186</v>
      </c>
      <c r="AZ26" t="s">
        <v>207</v>
      </c>
      <c r="BA26" t="s">
        <v>188</v>
      </c>
      <c r="BC26" t="s">
        <v>209</v>
      </c>
      <c r="BF26" t="s">
        <v>210</v>
      </c>
      <c r="BG26" s="1">
        <v>0</v>
      </c>
      <c r="BH26" t="s">
        <v>247</v>
      </c>
      <c r="BK26" t="s">
        <v>191</v>
      </c>
      <c r="BM26" t="s">
        <v>191</v>
      </c>
      <c r="BO26" t="s">
        <v>218</v>
      </c>
    </row>
    <row r="27" spans="1:69" x14ac:dyDescent="0.25">
      <c r="A27" s="1">
        <v>30448312</v>
      </c>
      <c r="B27" t="s">
        <v>954</v>
      </c>
      <c r="C27" t="s">
        <v>39</v>
      </c>
      <c r="D27" t="s">
        <v>942</v>
      </c>
      <c r="E27" t="s">
        <v>195</v>
      </c>
      <c r="L27" t="s">
        <v>52</v>
      </c>
      <c r="M27" s="1">
        <v>0</v>
      </c>
      <c r="N27" s="1">
        <v>0</v>
      </c>
      <c r="O27" t="s">
        <v>942</v>
      </c>
      <c r="P27" t="s">
        <v>176</v>
      </c>
      <c r="Q27" t="s">
        <v>177</v>
      </c>
      <c r="S27" s="1">
        <v>0</v>
      </c>
      <c r="T27" s="1">
        <v>0</v>
      </c>
      <c r="AC27" s="1">
        <v>0</v>
      </c>
      <c r="AD27" s="1">
        <v>0</v>
      </c>
      <c r="AE27" s="1">
        <v>0</v>
      </c>
      <c r="AF27" s="1">
        <v>0</v>
      </c>
      <c r="AG27" s="1">
        <v>0</v>
      </c>
      <c r="AH27" s="1">
        <v>0</v>
      </c>
      <c r="AI27" s="1">
        <v>0</v>
      </c>
      <c r="AJ27" s="1">
        <v>0</v>
      </c>
      <c r="AK27" s="1">
        <v>0</v>
      </c>
      <c r="AL27" s="1">
        <v>0</v>
      </c>
      <c r="AM27" s="1">
        <v>0</v>
      </c>
      <c r="AN27" s="1">
        <v>0</v>
      </c>
      <c r="AO27" s="1">
        <v>0</v>
      </c>
      <c r="AP27" s="1">
        <v>0</v>
      </c>
      <c r="AQ27" s="1">
        <v>0</v>
      </c>
      <c r="AR27" s="1">
        <v>0</v>
      </c>
      <c r="AS27" s="1">
        <v>0</v>
      </c>
      <c r="AT27" s="1">
        <v>0</v>
      </c>
      <c r="AU27" s="1">
        <v>0</v>
      </c>
      <c r="AV27" s="1">
        <v>0</v>
      </c>
      <c r="BF27" s="1">
        <v>0</v>
      </c>
      <c r="BG27" s="1">
        <v>0</v>
      </c>
      <c r="BH27" s="1">
        <v>0</v>
      </c>
      <c r="BK27" s="1">
        <v>0</v>
      </c>
      <c r="BM27" s="1">
        <v>0</v>
      </c>
      <c r="BO27" s="1">
        <v>0</v>
      </c>
    </row>
    <row r="28" spans="1:69" x14ac:dyDescent="0.25">
      <c r="A28" s="1">
        <v>30448313</v>
      </c>
      <c r="B28" t="s">
        <v>955</v>
      </c>
      <c r="C28" t="s">
        <v>39</v>
      </c>
      <c r="D28" t="s">
        <v>942</v>
      </c>
      <c r="E28" t="s">
        <v>195</v>
      </c>
      <c r="L28" t="s">
        <v>52</v>
      </c>
      <c r="M28" s="1">
        <v>0</v>
      </c>
      <c r="N28" s="1">
        <v>0</v>
      </c>
      <c r="O28" t="s">
        <v>942</v>
      </c>
      <c r="P28" t="s">
        <v>176</v>
      </c>
      <c r="Q28" t="s">
        <v>196</v>
      </c>
      <c r="S28" t="s">
        <v>349</v>
      </c>
      <c r="T28" t="s">
        <v>197</v>
      </c>
      <c r="W28" t="s">
        <v>262</v>
      </c>
      <c r="X28" t="s">
        <v>179</v>
      </c>
      <c r="Z28" t="s">
        <v>244</v>
      </c>
      <c r="AC28" t="s">
        <v>180</v>
      </c>
      <c r="AD28" t="s">
        <v>181</v>
      </c>
      <c r="AE28" t="s">
        <v>181</v>
      </c>
      <c r="AF28" t="s">
        <v>175</v>
      </c>
      <c r="AG28" t="s">
        <v>175</v>
      </c>
      <c r="AH28" t="s">
        <v>175</v>
      </c>
      <c r="AI28" t="s">
        <v>175</v>
      </c>
      <c r="AJ28" t="s">
        <v>181</v>
      </c>
      <c r="AK28" t="s">
        <v>181</v>
      </c>
      <c r="AL28" t="s">
        <v>52</v>
      </c>
      <c r="AM28" t="s">
        <v>184</v>
      </c>
      <c r="AN28" t="s">
        <v>182</v>
      </c>
      <c r="AO28" t="s">
        <v>206</v>
      </c>
      <c r="AP28" t="s">
        <v>204</v>
      </c>
      <c r="AQ28" t="s">
        <v>202</v>
      </c>
      <c r="AR28" t="s">
        <v>203</v>
      </c>
      <c r="AS28" t="s">
        <v>185</v>
      </c>
      <c r="AT28" t="s">
        <v>183</v>
      </c>
      <c r="AU28" t="s">
        <v>201</v>
      </c>
      <c r="AV28" t="s">
        <v>205</v>
      </c>
      <c r="AX28" t="s">
        <v>186</v>
      </c>
      <c r="AZ28" t="s">
        <v>207</v>
      </c>
      <c r="BA28" t="s">
        <v>188</v>
      </c>
      <c r="BC28" t="s">
        <v>209</v>
      </c>
      <c r="BF28" t="s">
        <v>49</v>
      </c>
      <c r="BG28" s="1">
        <v>0</v>
      </c>
      <c r="BH28" t="s">
        <v>211</v>
      </c>
      <c r="BK28" t="s">
        <v>191</v>
      </c>
      <c r="BL28" t="s">
        <v>956</v>
      </c>
      <c r="BM28" t="s">
        <v>191</v>
      </c>
      <c r="BN28" t="s">
        <v>957</v>
      </c>
      <c r="BO28" t="s">
        <v>191</v>
      </c>
      <c r="BP28" t="s">
        <v>958</v>
      </c>
    </row>
    <row r="29" spans="1:69" x14ac:dyDescent="0.25">
      <c r="A29" s="1">
        <v>30448315</v>
      </c>
      <c r="B29" t="s">
        <v>1651</v>
      </c>
      <c r="C29" t="s">
        <v>39</v>
      </c>
      <c r="D29" t="s">
        <v>1616</v>
      </c>
      <c r="E29" t="s">
        <v>216</v>
      </c>
      <c r="L29" t="s">
        <v>52</v>
      </c>
      <c r="M29" s="1">
        <v>0</v>
      </c>
      <c r="N29" s="1">
        <v>0</v>
      </c>
      <c r="O29" t="s">
        <v>1616</v>
      </c>
      <c r="P29" t="s">
        <v>216</v>
      </c>
      <c r="Q29" t="s">
        <v>177</v>
      </c>
      <c r="S29" s="1">
        <v>0</v>
      </c>
      <c r="T29" t="s">
        <v>197</v>
      </c>
      <c r="U29" t="s">
        <v>1652</v>
      </c>
      <c r="W29" t="s">
        <v>262</v>
      </c>
      <c r="AC29" t="s">
        <v>180</v>
      </c>
      <c r="AD29" t="s">
        <v>175</v>
      </c>
      <c r="AE29" t="s">
        <v>175</v>
      </c>
      <c r="AF29" t="s">
        <v>181</v>
      </c>
      <c r="AG29" t="s">
        <v>175</v>
      </c>
      <c r="AH29" t="s">
        <v>175</v>
      </c>
      <c r="AI29" t="s">
        <v>175</v>
      </c>
      <c r="AJ29" t="s">
        <v>175</v>
      </c>
      <c r="AK29" t="s">
        <v>175</v>
      </c>
      <c r="AL29" t="s">
        <v>42</v>
      </c>
      <c r="AM29" s="1">
        <v>0</v>
      </c>
      <c r="AN29" s="1">
        <v>0</v>
      </c>
      <c r="AO29" s="1">
        <v>0</v>
      </c>
      <c r="AP29" s="1">
        <v>0</v>
      </c>
      <c r="AQ29" s="1">
        <v>0</v>
      </c>
      <c r="AR29" s="1">
        <v>0</v>
      </c>
      <c r="AS29" s="1">
        <v>0</v>
      </c>
      <c r="AT29" s="1">
        <v>0</v>
      </c>
      <c r="AU29" s="1">
        <v>0</v>
      </c>
      <c r="AV29" s="1">
        <v>0</v>
      </c>
      <c r="AZ29" t="s">
        <v>207</v>
      </c>
      <c r="BF29" t="s">
        <v>189</v>
      </c>
      <c r="BG29" s="1">
        <v>0</v>
      </c>
      <c r="BH29" t="s">
        <v>211</v>
      </c>
      <c r="BK29" t="s">
        <v>191</v>
      </c>
      <c r="BM29" t="s">
        <v>191</v>
      </c>
      <c r="BO29" t="s">
        <v>218</v>
      </c>
    </row>
    <row r="30" spans="1:69" x14ac:dyDescent="0.25">
      <c r="A30" s="1">
        <v>30448317</v>
      </c>
      <c r="B30" t="s">
        <v>2521</v>
      </c>
      <c r="C30" t="s">
        <v>39</v>
      </c>
      <c r="D30" t="s">
        <v>3727</v>
      </c>
      <c r="E30" t="s">
        <v>175</v>
      </c>
      <c r="L30" t="s">
        <v>52</v>
      </c>
      <c r="M30" s="1">
        <v>0</v>
      </c>
      <c r="N30" s="1">
        <v>0</v>
      </c>
      <c r="O30" t="s">
        <v>3728</v>
      </c>
      <c r="P30" t="s">
        <v>216</v>
      </c>
      <c r="Q30" t="s">
        <v>258</v>
      </c>
      <c r="S30" s="1">
        <v>0</v>
      </c>
      <c r="T30" t="s">
        <v>175</v>
      </c>
      <c r="Z30" t="s">
        <v>244</v>
      </c>
      <c r="AC30" t="s">
        <v>199</v>
      </c>
      <c r="AD30" t="s">
        <v>175</v>
      </c>
      <c r="AE30" t="s">
        <v>175</v>
      </c>
      <c r="AF30" t="s">
        <v>181</v>
      </c>
      <c r="AG30" t="s">
        <v>175</v>
      </c>
      <c r="AH30" t="s">
        <v>175</v>
      </c>
      <c r="AI30" t="s">
        <v>175</v>
      </c>
      <c r="AJ30" t="s">
        <v>175</v>
      </c>
      <c r="AK30" t="s">
        <v>181</v>
      </c>
      <c r="AL30" t="s">
        <v>42</v>
      </c>
      <c r="AM30" t="s">
        <v>204</v>
      </c>
      <c r="AN30" t="s">
        <v>184</v>
      </c>
      <c r="AO30" t="s">
        <v>202</v>
      </c>
      <c r="AP30" t="s">
        <v>182</v>
      </c>
      <c r="AQ30" t="s">
        <v>183</v>
      </c>
      <c r="AR30" t="s">
        <v>206</v>
      </c>
      <c r="AS30" t="s">
        <v>203</v>
      </c>
      <c r="AT30" t="s">
        <v>185</v>
      </c>
      <c r="AU30" t="s">
        <v>201</v>
      </c>
      <c r="AV30" t="s">
        <v>205</v>
      </c>
      <c r="AZ30" t="s">
        <v>207</v>
      </c>
      <c r="BC30" t="s">
        <v>209</v>
      </c>
      <c r="BF30" t="s">
        <v>210</v>
      </c>
      <c r="BG30" s="1">
        <v>0</v>
      </c>
      <c r="BH30" t="s">
        <v>211</v>
      </c>
      <c r="BK30" t="s">
        <v>191</v>
      </c>
      <c r="BL30" t="s">
        <v>3734</v>
      </c>
      <c r="BM30" t="s">
        <v>191</v>
      </c>
      <c r="BN30" t="s">
        <v>1374</v>
      </c>
      <c r="BO30" t="s">
        <v>191</v>
      </c>
    </row>
    <row r="31" spans="1:69" x14ac:dyDescent="0.25">
      <c r="A31" s="1">
        <v>30448318</v>
      </c>
      <c r="B31" t="s">
        <v>2521</v>
      </c>
      <c r="C31" t="s">
        <v>39</v>
      </c>
      <c r="D31" t="s">
        <v>2512</v>
      </c>
      <c r="E31" t="s">
        <v>200</v>
      </c>
      <c r="L31" t="s">
        <v>52</v>
      </c>
      <c r="M31" s="1">
        <v>0</v>
      </c>
      <c r="N31" s="1">
        <v>0</v>
      </c>
      <c r="O31" t="s">
        <v>2512</v>
      </c>
      <c r="P31" t="s">
        <v>176</v>
      </c>
      <c r="Q31" t="s">
        <v>238</v>
      </c>
      <c r="S31" t="s">
        <v>178</v>
      </c>
      <c r="T31" t="s">
        <v>200</v>
      </c>
      <c r="X31" t="s">
        <v>179</v>
      </c>
      <c r="AC31" t="s">
        <v>180</v>
      </c>
      <c r="AD31" t="s">
        <v>175</v>
      </c>
      <c r="AE31" t="s">
        <v>175</v>
      </c>
      <c r="AF31" t="s">
        <v>181</v>
      </c>
      <c r="AG31" t="s">
        <v>200</v>
      </c>
      <c r="AH31" t="s">
        <v>200</v>
      </c>
      <c r="AI31" t="s">
        <v>200</v>
      </c>
      <c r="AJ31" t="s">
        <v>181</v>
      </c>
      <c r="AK31" t="s">
        <v>181</v>
      </c>
      <c r="AL31" t="s">
        <v>52</v>
      </c>
      <c r="AM31" t="s">
        <v>182</v>
      </c>
      <c r="AN31" t="s">
        <v>201</v>
      </c>
      <c r="AO31" t="s">
        <v>185</v>
      </c>
      <c r="AP31" t="s">
        <v>183</v>
      </c>
      <c r="AQ31" t="s">
        <v>202</v>
      </c>
      <c r="AR31" t="s">
        <v>203</v>
      </c>
      <c r="AS31" t="s">
        <v>184</v>
      </c>
      <c r="AT31" t="s">
        <v>206</v>
      </c>
      <c r="AU31" t="s">
        <v>205</v>
      </c>
      <c r="AV31" t="s">
        <v>204</v>
      </c>
      <c r="AX31" t="s">
        <v>186</v>
      </c>
      <c r="AY31" t="s">
        <v>187</v>
      </c>
      <c r="AZ31" t="s">
        <v>207</v>
      </c>
      <c r="BA31" t="s">
        <v>188</v>
      </c>
      <c r="BB31" t="s">
        <v>208</v>
      </c>
      <c r="BC31" t="s">
        <v>209</v>
      </c>
      <c r="BF31" t="s">
        <v>49</v>
      </c>
      <c r="BG31" s="1">
        <v>0</v>
      </c>
      <c r="BH31" t="s">
        <v>247</v>
      </c>
      <c r="BK31" t="s">
        <v>191</v>
      </c>
      <c r="BL31" t="s">
        <v>2522</v>
      </c>
      <c r="BM31" t="s">
        <v>191</v>
      </c>
      <c r="BN31" t="s">
        <v>2523</v>
      </c>
      <c r="BO31" t="s">
        <v>191</v>
      </c>
      <c r="BP31" t="s">
        <v>2524</v>
      </c>
    </row>
    <row r="32" spans="1:69" x14ac:dyDescent="0.25">
      <c r="A32" s="1">
        <v>30448319</v>
      </c>
      <c r="B32" t="s">
        <v>40</v>
      </c>
      <c r="C32" t="s">
        <v>39</v>
      </c>
      <c r="L32" s="1">
        <v>0</v>
      </c>
      <c r="M32" s="1">
        <v>0</v>
      </c>
      <c r="N32" s="1">
        <v>0</v>
      </c>
      <c r="O32" s="1">
        <v>0</v>
      </c>
      <c r="P32" s="1">
        <v>0</v>
      </c>
      <c r="Q32" s="1">
        <v>0</v>
      </c>
      <c r="S32" s="1">
        <v>0</v>
      </c>
      <c r="T32" s="1">
        <v>0</v>
      </c>
      <c r="AC32" s="1">
        <v>0</v>
      </c>
      <c r="AD32" s="1">
        <v>0</v>
      </c>
      <c r="AE32" s="1">
        <v>0</v>
      </c>
      <c r="AF32" s="1">
        <v>0</v>
      </c>
      <c r="AG32" s="1">
        <v>0</v>
      </c>
      <c r="AH32" s="1">
        <v>0</v>
      </c>
      <c r="AI32" s="1">
        <v>0</v>
      </c>
      <c r="AJ32" s="1">
        <v>0</v>
      </c>
      <c r="AK32" s="1">
        <v>0</v>
      </c>
      <c r="AL32" s="1">
        <v>0</v>
      </c>
      <c r="AM32" s="1">
        <v>0</v>
      </c>
      <c r="AN32" s="1">
        <v>0</v>
      </c>
      <c r="AO32" s="1">
        <v>0</v>
      </c>
      <c r="AP32" s="1">
        <v>0</v>
      </c>
      <c r="AQ32" s="1">
        <v>0</v>
      </c>
      <c r="AR32" s="1">
        <v>0</v>
      </c>
      <c r="AS32" s="1">
        <v>0</v>
      </c>
      <c r="AT32" s="1">
        <v>0</v>
      </c>
      <c r="AU32" s="1">
        <v>0</v>
      </c>
      <c r="AV32" s="1">
        <v>0</v>
      </c>
      <c r="BF32" s="1">
        <v>0</v>
      </c>
      <c r="BG32" s="1">
        <v>0</v>
      </c>
      <c r="BH32" s="1">
        <v>0</v>
      </c>
      <c r="BK32" s="1">
        <v>0</v>
      </c>
      <c r="BM32" s="1">
        <v>0</v>
      </c>
      <c r="BO32" s="1">
        <v>0</v>
      </c>
    </row>
    <row r="33" spans="1:69" x14ac:dyDescent="0.25">
      <c r="A33" s="1">
        <v>30448320</v>
      </c>
      <c r="B33" t="s">
        <v>215</v>
      </c>
      <c r="C33" t="s">
        <v>39</v>
      </c>
      <c r="D33" t="s">
        <v>174</v>
      </c>
      <c r="E33" t="s">
        <v>175</v>
      </c>
      <c r="L33" t="s">
        <v>52</v>
      </c>
      <c r="M33" s="1">
        <v>0</v>
      </c>
      <c r="N33" s="1">
        <v>0</v>
      </c>
      <c r="O33" t="s">
        <v>174</v>
      </c>
      <c r="P33" t="s">
        <v>216</v>
      </c>
      <c r="Q33" t="s">
        <v>196</v>
      </c>
      <c r="S33" s="1">
        <v>0</v>
      </c>
      <c r="T33" t="s">
        <v>175</v>
      </c>
      <c r="X33" t="s">
        <v>179</v>
      </c>
      <c r="AC33" t="s">
        <v>180</v>
      </c>
      <c r="AD33" t="s">
        <v>175</v>
      </c>
      <c r="AE33" t="s">
        <v>175</v>
      </c>
      <c r="AF33" t="s">
        <v>175</v>
      </c>
      <c r="AG33" t="s">
        <v>175</v>
      </c>
      <c r="AH33" t="s">
        <v>175</v>
      </c>
      <c r="AI33" t="s">
        <v>175</v>
      </c>
      <c r="AJ33" t="s">
        <v>175</v>
      </c>
      <c r="AK33" t="s">
        <v>175</v>
      </c>
      <c r="AL33" t="s">
        <v>52</v>
      </c>
      <c r="AM33" t="s">
        <v>183</v>
      </c>
      <c r="AN33" t="s">
        <v>206</v>
      </c>
      <c r="AO33" t="s">
        <v>201</v>
      </c>
      <c r="AP33" t="s">
        <v>202</v>
      </c>
      <c r="AQ33" t="s">
        <v>203</v>
      </c>
      <c r="AR33" t="s">
        <v>185</v>
      </c>
      <c r="AS33" t="s">
        <v>184</v>
      </c>
      <c r="AT33" t="s">
        <v>205</v>
      </c>
      <c r="AU33" t="s">
        <v>204</v>
      </c>
      <c r="AV33" t="s">
        <v>182</v>
      </c>
      <c r="AZ33" t="s">
        <v>207</v>
      </c>
      <c r="BF33" t="s">
        <v>189</v>
      </c>
      <c r="BG33" s="1">
        <v>0</v>
      </c>
      <c r="BH33" t="s">
        <v>211</v>
      </c>
      <c r="BK33" t="s">
        <v>191</v>
      </c>
      <c r="BL33" t="s">
        <v>217</v>
      </c>
      <c r="BM33" t="s">
        <v>218</v>
      </c>
      <c r="BN33" t="s">
        <v>219</v>
      </c>
      <c r="BO33" t="s">
        <v>218</v>
      </c>
      <c r="BP33" t="s">
        <v>220</v>
      </c>
    </row>
    <row r="34" spans="1:69" x14ac:dyDescent="0.25">
      <c r="A34" s="1">
        <v>30448321</v>
      </c>
      <c r="B34" t="s">
        <v>1653</v>
      </c>
      <c r="C34" t="s">
        <v>39</v>
      </c>
      <c r="D34" t="s">
        <v>1616</v>
      </c>
      <c r="E34" t="s">
        <v>175</v>
      </c>
      <c r="L34" t="s">
        <v>52</v>
      </c>
      <c r="M34" s="1">
        <v>0</v>
      </c>
      <c r="N34" s="1">
        <v>0</v>
      </c>
      <c r="O34" t="s">
        <v>1616</v>
      </c>
      <c r="P34" t="s">
        <v>176</v>
      </c>
      <c r="Q34" t="s">
        <v>238</v>
      </c>
      <c r="S34" t="s">
        <v>222</v>
      </c>
      <c r="T34" t="s">
        <v>175</v>
      </c>
      <c r="AA34" t="s">
        <v>273</v>
      </c>
      <c r="AB34" t="s">
        <v>1654</v>
      </c>
      <c r="AC34" t="s">
        <v>180</v>
      </c>
      <c r="AD34" t="s">
        <v>230</v>
      </c>
      <c r="AE34" t="s">
        <v>200</v>
      </c>
      <c r="AF34" t="s">
        <v>200</v>
      </c>
      <c r="AG34" t="s">
        <v>200</v>
      </c>
      <c r="AH34" t="s">
        <v>299</v>
      </c>
      <c r="AI34" t="s">
        <v>200</v>
      </c>
      <c r="AJ34" t="s">
        <v>200</v>
      </c>
      <c r="AK34" t="s">
        <v>230</v>
      </c>
      <c r="AL34" t="s">
        <v>42</v>
      </c>
      <c r="AM34" t="s">
        <v>184</v>
      </c>
      <c r="AN34" t="s">
        <v>202</v>
      </c>
      <c r="AO34" t="s">
        <v>201</v>
      </c>
      <c r="AP34" t="s">
        <v>183</v>
      </c>
      <c r="AQ34" t="s">
        <v>185</v>
      </c>
      <c r="AR34" t="s">
        <v>203</v>
      </c>
      <c r="AS34" t="s">
        <v>206</v>
      </c>
      <c r="AT34" t="s">
        <v>182</v>
      </c>
      <c r="AU34" t="s">
        <v>204</v>
      </c>
      <c r="AV34" t="s">
        <v>205</v>
      </c>
      <c r="AW34" t="s">
        <v>1655</v>
      </c>
      <c r="AX34" t="s">
        <v>186</v>
      </c>
      <c r="AZ34" t="s">
        <v>207</v>
      </c>
      <c r="BF34" t="s">
        <v>292</v>
      </c>
      <c r="BG34" t="s">
        <v>276</v>
      </c>
      <c r="BH34" t="s">
        <v>211</v>
      </c>
      <c r="BK34" t="s">
        <v>191</v>
      </c>
      <c r="BL34" t="s">
        <v>1656</v>
      </c>
      <c r="BM34" t="s">
        <v>191</v>
      </c>
      <c r="BN34" t="s">
        <v>1657</v>
      </c>
      <c r="BO34" t="s">
        <v>191</v>
      </c>
      <c r="BP34" t="s">
        <v>518</v>
      </c>
      <c r="BQ34" t="s">
        <v>1658</v>
      </c>
    </row>
    <row r="35" spans="1:69" x14ac:dyDescent="0.25">
      <c r="A35" s="1">
        <v>30448322</v>
      </c>
      <c r="B35" t="s">
        <v>3735</v>
      </c>
      <c r="C35" t="s">
        <v>39</v>
      </c>
      <c r="D35" t="s">
        <v>3727</v>
      </c>
      <c r="L35" t="s">
        <v>52</v>
      </c>
      <c r="M35" s="1">
        <v>0</v>
      </c>
      <c r="N35" s="1">
        <v>0</v>
      </c>
      <c r="O35" t="s">
        <v>3728</v>
      </c>
      <c r="P35" t="s">
        <v>49</v>
      </c>
      <c r="Q35" s="1">
        <v>0</v>
      </c>
      <c r="S35" s="1">
        <v>0</v>
      </c>
      <c r="T35" s="1">
        <v>0</v>
      </c>
      <c r="W35" t="s">
        <v>262</v>
      </c>
      <c r="AC35" t="s">
        <v>180</v>
      </c>
      <c r="AD35" t="s">
        <v>175</v>
      </c>
      <c r="AE35" t="s">
        <v>175</v>
      </c>
      <c r="AF35" t="s">
        <v>175</v>
      </c>
      <c r="AG35" t="s">
        <v>175</v>
      </c>
      <c r="AH35" t="s">
        <v>175</v>
      </c>
      <c r="AI35" t="s">
        <v>175</v>
      </c>
      <c r="AJ35" t="s">
        <v>175</v>
      </c>
      <c r="AK35" t="s">
        <v>175</v>
      </c>
      <c r="AL35" t="s">
        <v>42</v>
      </c>
      <c r="AM35" t="s">
        <v>205</v>
      </c>
      <c r="AN35" t="s">
        <v>182</v>
      </c>
      <c r="AO35" t="s">
        <v>184</v>
      </c>
      <c r="AP35" t="s">
        <v>185</v>
      </c>
      <c r="AQ35" t="s">
        <v>204</v>
      </c>
      <c r="AR35" t="s">
        <v>203</v>
      </c>
      <c r="AS35" t="s">
        <v>202</v>
      </c>
      <c r="AT35" t="s">
        <v>183</v>
      </c>
      <c r="AU35" t="s">
        <v>201</v>
      </c>
      <c r="AV35" t="s">
        <v>206</v>
      </c>
      <c r="AX35" t="s">
        <v>186</v>
      </c>
      <c r="AY35" t="s">
        <v>187</v>
      </c>
      <c r="BC35" t="s">
        <v>209</v>
      </c>
      <c r="BF35" t="s">
        <v>49</v>
      </c>
      <c r="BG35" s="1">
        <v>0</v>
      </c>
      <c r="BH35" t="s">
        <v>211</v>
      </c>
      <c r="BK35" t="s">
        <v>191</v>
      </c>
      <c r="BL35" t="s">
        <v>3736</v>
      </c>
      <c r="BM35" t="s">
        <v>191</v>
      </c>
      <c r="BN35" t="s">
        <v>3737</v>
      </c>
      <c r="BO35" t="s">
        <v>191</v>
      </c>
      <c r="BP35" t="s">
        <v>3738</v>
      </c>
    </row>
    <row r="36" spans="1:69" x14ac:dyDescent="0.25">
      <c r="A36" s="1">
        <v>30448323</v>
      </c>
      <c r="B36" t="s">
        <v>3142</v>
      </c>
      <c r="C36" t="s">
        <v>39</v>
      </c>
      <c r="D36" t="s">
        <v>3138</v>
      </c>
      <c r="E36" t="s">
        <v>200</v>
      </c>
      <c r="L36" t="s">
        <v>52</v>
      </c>
      <c r="M36" s="1">
        <v>0</v>
      </c>
      <c r="N36" s="1">
        <v>0</v>
      </c>
      <c r="O36" t="s">
        <v>3139</v>
      </c>
      <c r="P36" t="s">
        <v>176</v>
      </c>
      <c r="Q36" t="s">
        <v>177</v>
      </c>
      <c r="S36" t="s">
        <v>178</v>
      </c>
      <c r="T36" t="s">
        <v>200</v>
      </c>
      <c r="Z36" t="s">
        <v>244</v>
      </c>
      <c r="AC36" t="s">
        <v>199</v>
      </c>
      <c r="AD36" t="s">
        <v>175</v>
      </c>
      <c r="AE36" t="s">
        <v>200</v>
      </c>
      <c r="AF36" t="s">
        <v>200</v>
      </c>
      <c r="AG36" t="s">
        <v>200</v>
      </c>
      <c r="AH36" t="s">
        <v>200</v>
      </c>
      <c r="AI36" t="s">
        <v>200</v>
      </c>
      <c r="AJ36" t="s">
        <v>200</v>
      </c>
      <c r="AK36" t="s">
        <v>200</v>
      </c>
      <c r="AL36" t="s">
        <v>42</v>
      </c>
      <c r="AM36" t="s">
        <v>201</v>
      </c>
      <c r="AN36" t="s">
        <v>206</v>
      </c>
      <c r="AO36" t="s">
        <v>182</v>
      </c>
      <c r="AP36" t="s">
        <v>183</v>
      </c>
      <c r="AQ36" t="s">
        <v>185</v>
      </c>
      <c r="AR36" t="s">
        <v>184</v>
      </c>
      <c r="AS36" t="s">
        <v>203</v>
      </c>
      <c r="AT36" t="s">
        <v>205</v>
      </c>
      <c r="AU36" t="s">
        <v>204</v>
      </c>
      <c r="AV36" t="s">
        <v>202</v>
      </c>
      <c r="AX36" t="s">
        <v>186</v>
      </c>
      <c r="AY36" t="s">
        <v>187</v>
      </c>
      <c r="BA36" t="s">
        <v>188</v>
      </c>
      <c r="BF36" t="s">
        <v>292</v>
      </c>
      <c r="BG36" t="s">
        <v>301</v>
      </c>
      <c r="BH36" t="s">
        <v>247</v>
      </c>
      <c r="BK36" t="s">
        <v>191</v>
      </c>
      <c r="BM36" t="s">
        <v>218</v>
      </c>
      <c r="BO36" t="s">
        <v>218</v>
      </c>
    </row>
    <row r="37" spans="1:69" x14ac:dyDescent="0.25">
      <c r="A37" s="1">
        <v>30448324</v>
      </c>
      <c r="B37" t="s">
        <v>959</v>
      </c>
      <c r="C37" t="s">
        <v>39</v>
      </c>
      <c r="D37" t="s">
        <v>942</v>
      </c>
      <c r="E37" t="s">
        <v>175</v>
      </c>
      <c r="L37" t="s">
        <v>52</v>
      </c>
      <c r="M37" s="1">
        <v>0</v>
      </c>
      <c r="N37" s="1">
        <v>0</v>
      </c>
      <c r="O37" t="s">
        <v>942</v>
      </c>
      <c r="P37" t="s">
        <v>176</v>
      </c>
      <c r="Q37" t="s">
        <v>196</v>
      </c>
      <c r="S37" t="s">
        <v>178</v>
      </c>
      <c r="T37" t="s">
        <v>175</v>
      </c>
      <c r="Y37" t="s">
        <v>224</v>
      </c>
      <c r="AC37" t="s">
        <v>180</v>
      </c>
      <c r="AD37" t="s">
        <v>181</v>
      </c>
      <c r="AE37" t="s">
        <v>181</v>
      </c>
      <c r="AF37" t="s">
        <v>299</v>
      </c>
      <c r="AG37" t="s">
        <v>175</v>
      </c>
      <c r="AH37" t="s">
        <v>181</v>
      </c>
      <c r="AI37" t="s">
        <v>299</v>
      </c>
      <c r="AJ37" t="s">
        <v>299</v>
      </c>
      <c r="AK37" t="s">
        <v>230</v>
      </c>
      <c r="AL37" t="s">
        <v>42</v>
      </c>
      <c r="AM37" t="s">
        <v>183</v>
      </c>
      <c r="AN37" t="s">
        <v>185</v>
      </c>
      <c r="AO37" t="s">
        <v>182</v>
      </c>
      <c r="AP37" t="s">
        <v>201</v>
      </c>
      <c r="AQ37" s="1">
        <v>0</v>
      </c>
      <c r="AR37" s="1">
        <v>0</v>
      </c>
      <c r="AS37" s="1">
        <v>0</v>
      </c>
      <c r="AT37" t="s">
        <v>184</v>
      </c>
      <c r="AU37" s="1">
        <v>0</v>
      </c>
      <c r="AV37" t="s">
        <v>206</v>
      </c>
      <c r="AX37" t="s">
        <v>186</v>
      </c>
      <c r="AZ37" t="s">
        <v>207</v>
      </c>
      <c r="BF37" t="s">
        <v>49</v>
      </c>
      <c r="BG37" s="1">
        <v>0</v>
      </c>
      <c r="BH37" t="s">
        <v>190</v>
      </c>
      <c r="BK37" t="s">
        <v>191</v>
      </c>
      <c r="BL37" t="s">
        <v>960</v>
      </c>
      <c r="BM37" t="s">
        <v>191</v>
      </c>
      <c r="BN37" t="s">
        <v>562</v>
      </c>
      <c r="BO37" t="s">
        <v>191</v>
      </c>
      <c r="BP37" t="s">
        <v>961</v>
      </c>
      <c r="BQ37" t="s">
        <v>962</v>
      </c>
    </row>
    <row r="38" spans="1:69" x14ac:dyDescent="0.25">
      <c r="A38" s="1">
        <v>30448327</v>
      </c>
      <c r="B38" t="s">
        <v>1659</v>
      </c>
      <c r="C38" t="s">
        <v>39</v>
      </c>
      <c r="D38" t="s">
        <v>1616</v>
      </c>
      <c r="E38" t="s">
        <v>195</v>
      </c>
      <c r="L38" t="s">
        <v>52</v>
      </c>
      <c r="M38" s="1">
        <v>0</v>
      </c>
      <c r="N38" s="1">
        <v>0</v>
      </c>
      <c r="O38" t="s">
        <v>1616</v>
      </c>
      <c r="P38" t="s">
        <v>176</v>
      </c>
      <c r="Q38" t="s">
        <v>238</v>
      </c>
      <c r="S38" t="s">
        <v>178</v>
      </c>
      <c r="T38" t="s">
        <v>197</v>
      </c>
      <c r="U38" t="s">
        <v>42</v>
      </c>
      <c r="W38" t="s">
        <v>262</v>
      </c>
      <c r="X38" t="s">
        <v>179</v>
      </c>
      <c r="AC38" t="s">
        <v>199</v>
      </c>
      <c r="AD38" t="s">
        <v>200</v>
      </c>
      <c r="AE38" t="s">
        <v>175</v>
      </c>
      <c r="AF38" t="s">
        <v>181</v>
      </c>
      <c r="AG38" t="s">
        <v>181</v>
      </c>
      <c r="AH38" t="s">
        <v>200</v>
      </c>
      <c r="AI38" t="s">
        <v>200</v>
      </c>
      <c r="AJ38" t="s">
        <v>175</v>
      </c>
      <c r="AK38" t="s">
        <v>181</v>
      </c>
      <c r="AL38" t="s">
        <v>42</v>
      </c>
      <c r="AM38" t="s">
        <v>183</v>
      </c>
      <c r="AN38" t="s">
        <v>185</v>
      </c>
      <c r="AO38" t="s">
        <v>206</v>
      </c>
      <c r="AP38" t="s">
        <v>182</v>
      </c>
      <c r="AQ38" t="s">
        <v>204</v>
      </c>
      <c r="AR38" t="s">
        <v>202</v>
      </c>
      <c r="AS38" t="s">
        <v>205</v>
      </c>
      <c r="AT38" t="s">
        <v>184</v>
      </c>
      <c r="AU38" t="s">
        <v>201</v>
      </c>
      <c r="AV38" t="s">
        <v>203</v>
      </c>
      <c r="AX38" t="s">
        <v>186</v>
      </c>
      <c r="AZ38" t="s">
        <v>207</v>
      </c>
      <c r="BF38" t="s">
        <v>189</v>
      </c>
      <c r="BG38" s="1">
        <v>0</v>
      </c>
      <c r="BH38" t="s">
        <v>190</v>
      </c>
      <c r="BK38" t="s">
        <v>191</v>
      </c>
      <c r="BM38" t="s">
        <v>191</v>
      </c>
      <c r="BO38" t="s">
        <v>191</v>
      </c>
    </row>
    <row r="39" spans="1:69" x14ac:dyDescent="0.25">
      <c r="A39" s="1">
        <v>30448328</v>
      </c>
      <c r="B39" t="s">
        <v>1660</v>
      </c>
      <c r="C39" t="s">
        <v>39</v>
      </c>
      <c r="D39" t="s">
        <v>1616</v>
      </c>
      <c r="E39" t="s">
        <v>175</v>
      </c>
      <c r="L39" t="s">
        <v>52</v>
      </c>
      <c r="M39" s="1">
        <v>0</v>
      </c>
      <c r="N39" s="1">
        <v>0</v>
      </c>
      <c r="O39" t="s">
        <v>1616</v>
      </c>
      <c r="P39" t="s">
        <v>176</v>
      </c>
      <c r="Q39" t="s">
        <v>238</v>
      </c>
      <c r="S39" t="s">
        <v>178</v>
      </c>
      <c r="T39" t="s">
        <v>175</v>
      </c>
      <c r="Y39" t="s">
        <v>224</v>
      </c>
      <c r="AC39" t="s">
        <v>199</v>
      </c>
      <c r="AD39" t="s">
        <v>181</v>
      </c>
      <c r="AE39" t="s">
        <v>175</v>
      </c>
      <c r="AF39" t="s">
        <v>175</v>
      </c>
      <c r="AG39" t="s">
        <v>175</v>
      </c>
      <c r="AH39" t="s">
        <v>200</v>
      </c>
      <c r="AI39" t="s">
        <v>200</v>
      </c>
      <c r="AJ39" t="s">
        <v>175</v>
      </c>
      <c r="AK39" t="s">
        <v>181</v>
      </c>
      <c r="AL39" t="s">
        <v>52</v>
      </c>
      <c r="AM39" t="s">
        <v>206</v>
      </c>
      <c r="AN39" t="s">
        <v>184</v>
      </c>
      <c r="AO39" t="s">
        <v>185</v>
      </c>
      <c r="AP39" t="s">
        <v>201</v>
      </c>
      <c r="AQ39" t="s">
        <v>203</v>
      </c>
      <c r="AR39" t="s">
        <v>202</v>
      </c>
      <c r="AS39" t="s">
        <v>205</v>
      </c>
      <c r="AT39" t="s">
        <v>182</v>
      </c>
      <c r="AU39" t="s">
        <v>183</v>
      </c>
      <c r="AV39" t="s">
        <v>204</v>
      </c>
      <c r="AZ39" t="s">
        <v>207</v>
      </c>
      <c r="BC39" t="s">
        <v>209</v>
      </c>
      <c r="BF39" t="s">
        <v>292</v>
      </c>
      <c r="BG39" s="1">
        <v>0</v>
      </c>
      <c r="BH39" t="s">
        <v>211</v>
      </c>
      <c r="BK39" t="s">
        <v>191</v>
      </c>
      <c r="BL39" t="s">
        <v>1661</v>
      </c>
      <c r="BM39" t="s">
        <v>191</v>
      </c>
      <c r="BN39" t="s">
        <v>1662</v>
      </c>
      <c r="BO39" t="s">
        <v>191</v>
      </c>
      <c r="BP39" t="s">
        <v>1663</v>
      </c>
    </row>
    <row r="40" spans="1:69" x14ac:dyDescent="0.25">
      <c r="A40" s="1">
        <v>30448329</v>
      </c>
      <c r="B40" t="s">
        <v>1660</v>
      </c>
      <c r="C40" t="s">
        <v>39</v>
      </c>
      <c r="D40" t="s">
        <v>2512</v>
      </c>
      <c r="E40" t="s">
        <v>175</v>
      </c>
      <c r="L40" t="s">
        <v>52</v>
      </c>
      <c r="M40" s="1">
        <v>0</v>
      </c>
      <c r="N40" s="1">
        <v>0</v>
      </c>
      <c r="O40" t="s">
        <v>2512</v>
      </c>
      <c r="P40" t="s">
        <v>176</v>
      </c>
      <c r="Q40" t="s">
        <v>196</v>
      </c>
      <c r="S40" t="s">
        <v>178</v>
      </c>
      <c r="T40" t="s">
        <v>175</v>
      </c>
      <c r="X40" t="s">
        <v>179</v>
      </c>
      <c r="AC40" t="s">
        <v>180</v>
      </c>
      <c r="AD40" t="s">
        <v>175</v>
      </c>
      <c r="AE40" t="s">
        <v>175</v>
      </c>
      <c r="AF40" t="s">
        <v>181</v>
      </c>
      <c r="AG40" t="s">
        <v>175</v>
      </c>
      <c r="AH40" t="s">
        <v>175</v>
      </c>
      <c r="AI40" t="s">
        <v>175</v>
      </c>
      <c r="AJ40" t="s">
        <v>175</v>
      </c>
      <c r="AK40" t="s">
        <v>175</v>
      </c>
      <c r="AL40" t="s">
        <v>42</v>
      </c>
      <c r="AM40" s="1">
        <v>0</v>
      </c>
      <c r="AN40" s="1">
        <v>0</v>
      </c>
      <c r="AO40" s="1">
        <v>0</v>
      </c>
      <c r="AP40" s="1">
        <v>0</v>
      </c>
      <c r="AQ40" s="1">
        <v>0</v>
      </c>
      <c r="AR40" s="1">
        <v>0</v>
      </c>
      <c r="AS40" s="1">
        <v>0</v>
      </c>
      <c r="AT40" s="1">
        <v>0</v>
      </c>
      <c r="AU40" s="1">
        <v>0</v>
      </c>
      <c r="AV40" s="1">
        <v>0</v>
      </c>
      <c r="AX40" t="s">
        <v>186</v>
      </c>
      <c r="AZ40" t="s">
        <v>207</v>
      </c>
      <c r="BF40" t="s">
        <v>210</v>
      </c>
      <c r="BG40" s="1">
        <v>0</v>
      </c>
      <c r="BH40" t="s">
        <v>211</v>
      </c>
      <c r="BK40" t="s">
        <v>191</v>
      </c>
      <c r="BM40" t="s">
        <v>191</v>
      </c>
      <c r="BO40" t="s">
        <v>191</v>
      </c>
    </row>
    <row r="41" spans="1:69" x14ac:dyDescent="0.25">
      <c r="A41" s="1">
        <v>30448330</v>
      </c>
      <c r="B41" t="s">
        <v>3143</v>
      </c>
      <c r="C41" t="s">
        <v>39</v>
      </c>
      <c r="D41" t="s">
        <v>3138</v>
      </c>
      <c r="E41" t="s">
        <v>195</v>
      </c>
      <c r="L41" t="s">
        <v>52</v>
      </c>
      <c r="M41" s="1">
        <v>0</v>
      </c>
      <c r="N41" s="1">
        <v>0</v>
      </c>
      <c r="O41" t="s">
        <v>3139</v>
      </c>
      <c r="P41" t="s">
        <v>176</v>
      </c>
      <c r="Q41" t="s">
        <v>177</v>
      </c>
      <c r="S41" t="s">
        <v>178</v>
      </c>
      <c r="T41" t="s">
        <v>197</v>
      </c>
      <c r="X41" t="s">
        <v>179</v>
      </c>
      <c r="AC41" t="s">
        <v>199</v>
      </c>
      <c r="AD41" s="1">
        <v>0</v>
      </c>
      <c r="AE41" s="1">
        <v>0</v>
      </c>
      <c r="AF41" s="1">
        <v>0</v>
      </c>
      <c r="AG41" s="1">
        <v>0</v>
      </c>
      <c r="AH41" s="1">
        <v>0</v>
      </c>
      <c r="AI41" s="1">
        <v>0</v>
      </c>
      <c r="AJ41" s="1">
        <v>0</v>
      </c>
      <c r="AK41" s="1">
        <v>0</v>
      </c>
      <c r="AL41" s="1">
        <v>0</v>
      </c>
      <c r="AM41" s="1">
        <v>0</v>
      </c>
      <c r="AN41" s="1">
        <v>0</v>
      </c>
      <c r="AO41" s="1">
        <v>0</v>
      </c>
      <c r="AP41" s="1">
        <v>0</v>
      </c>
      <c r="AQ41" s="1">
        <v>0</v>
      </c>
      <c r="AR41" s="1">
        <v>0</v>
      </c>
      <c r="AS41" s="1">
        <v>0</v>
      </c>
      <c r="AT41" s="1">
        <v>0</v>
      </c>
      <c r="AU41" s="1">
        <v>0</v>
      </c>
      <c r="AV41" s="1">
        <v>0</v>
      </c>
      <c r="BF41" s="1">
        <v>0</v>
      </c>
      <c r="BG41" s="1">
        <v>0</v>
      </c>
      <c r="BH41" s="1">
        <v>0</v>
      </c>
      <c r="BK41" s="1">
        <v>0</v>
      </c>
      <c r="BM41" s="1">
        <v>0</v>
      </c>
      <c r="BO41" s="1">
        <v>0</v>
      </c>
    </row>
    <row r="42" spans="1:69" x14ac:dyDescent="0.25">
      <c r="A42" s="1">
        <v>30448331</v>
      </c>
      <c r="B42" t="s">
        <v>221</v>
      </c>
      <c r="C42" t="s">
        <v>39</v>
      </c>
      <c r="D42" t="s">
        <v>174</v>
      </c>
      <c r="E42" t="s">
        <v>195</v>
      </c>
      <c r="L42" t="s">
        <v>52</v>
      </c>
      <c r="M42" s="1">
        <v>0</v>
      </c>
      <c r="N42" s="1">
        <v>0</v>
      </c>
      <c r="O42" t="s">
        <v>174</v>
      </c>
      <c r="P42" t="s">
        <v>176</v>
      </c>
      <c r="Q42" t="s">
        <v>196</v>
      </c>
      <c r="S42" t="s">
        <v>222</v>
      </c>
      <c r="T42" t="s">
        <v>197</v>
      </c>
      <c r="U42" t="s">
        <v>223</v>
      </c>
      <c r="X42" t="s">
        <v>179</v>
      </c>
      <c r="Y42" t="s">
        <v>224</v>
      </c>
      <c r="AC42" t="s">
        <v>225</v>
      </c>
      <c r="AD42" t="s">
        <v>200</v>
      </c>
      <c r="AE42" t="s">
        <v>200</v>
      </c>
      <c r="AF42" t="s">
        <v>200</v>
      </c>
      <c r="AG42" t="s">
        <v>200</v>
      </c>
      <c r="AH42" t="s">
        <v>200</v>
      </c>
      <c r="AI42" t="s">
        <v>200</v>
      </c>
      <c r="AJ42" t="s">
        <v>181</v>
      </c>
      <c r="AK42" t="s">
        <v>200</v>
      </c>
      <c r="AL42" t="s">
        <v>42</v>
      </c>
      <c r="AM42" t="s">
        <v>184</v>
      </c>
      <c r="AN42" s="1">
        <v>0</v>
      </c>
      <c r="AO42" t="s">
        <v>185</v>
      </c>
      <c r="AP42" s="1">
        <v>0</v>
      </c>
      <c r="AQ42" s="1">
        <v>0</v>
      </c>
      <c r="AR42" s="1">
        <v>0</v>
      </c>
      <c r="AS42" s="1">
        <v>0</v>
      </c>
      <c r="AT42" s="1">
        <v>0</v>
      </c>
      <c r="AU42" s="1">
        <v>0</v>
      </c>
      <c r="AV42" s="1">
        <v>0</v>
      </c>
      <c r="AW42" t="s">
        <v>226</v>
      </c>
      <c r="AX42" t="s">
        <v>186</v>
      </c>
      <c r="AZ42" t="s">
        <v>207</v>
      </c>
      <c r="BF42" t="s">
        <v>49</v>
      </c>
      <c r="BG42" s="1">
        <v>0</v>
      </c>
      <c r="BH42" t="s">
        <v>211</v>
      </c>
      <c r="BK42" t="s">
        <v>191</v>
      </c>
      <c r="BL42" t="s">
        <v>227</v>
      </c>
      <c r="BM42" t="s">
        <v>191</v>
      </c>
      <c r="BN42" t="s">
        <v>228</v>
      </c>
      <c r="BO42" t="s">
        <v>191</v>
      </c>
      <c r="BP42" t="s">
        <v>228</v>
      </c>
    </row>
    <row r="43" spans="1:69" x14ac:dyDescent="0.25">
      <c r="A43" s="1">
        <v>30448332</v>
      </c>
      <c r="B43" t="s">
        <v>3739</v>
      </c>
      <c r="C43" t="s">
        <v>39</v>
      </c>
      <c r="D43" t="s">
        <v>3727</v>
      </c>
      <c r="E43" t="s">
        <v>216</v>
      </c>
      <c r="L43" t="s">
        <v>52</v>
      </c>
      <c r="M43" s="1">
        <v>0</v>
      </c>
      <c r="N43" s="1">
        <v>0</v>
      </c>
      <c r="O43" t="s">
        <v>3728</v>
      </c>
      <c r="P43" t="s">
        <v>216</v>
      </c>
      <c r="Q43" t="s">
        <v>328</v>
      </c>
      <c r="S43" s="1">
        <v>0</v>
      </c>
      <c r="T43" t="s">
        <v>197</v>
      </c>
      <c r="U43" t="s">
        <v>3740</v>
      </c>
      <c r="W43" t="s">
        <v>262</v>
      </c>
      <c r="X43" t="s">
        <v>179</v>
      </c>
      <c r="Z43" t="s">
        <v>244</v>
      </c>
      <c r="AC43" t="s">
        <v>49</v>
      </c>
      <c r="AD43" t="s">
        <v>230</v>
      </c>
      <c r="AE43" t="s">
        <v>299</v>
      </c>
      <c r="AF43" t="s">
        <v>230</v>
      </c>
      <c r="AG43" t="s">
        <v>230</v>
      </c>
      <c r="AH43" s="1">
        <v>0</v>
      </c>
      <c r="AI43" t="s">
        <v>181</v>
      </c>
      <c r="AJ43" t="s">
        <v>230</v>
      </c>
      <c r="AK43" t="s">
        <v>230</v>
      </c>
      <c r="AL43" t="s">
        <v>42</v>
      </c>
      <c r="AM43" s="1">
        <v>0</v>
      </c>
      <c r="AN43" s="1">
        <v>0</v>
      </c>
      <c r="AO43" s="1">
        <v>0</v>
      </c>
      <c r="AP43" s="1">
        <v>0</v>
      </c>
      <c r="AQ43" s="1">
        <v>0</v>
      </c>
      <c r="AR43" s="1">
        <v>0</v>
      </c>
      <c r="AS43" s="1">
        <v>0</v>
      </c>
      <c r="AT43" s="1">
        <v>0</v>
      </c>
      <c r="AU43" s="1">
        <v>0</v>
      </c>
      <c r="AV43" s="1">
        <v>0</v>
      </c>
      <c r="BF43" s="1">
        <v>0</v>
      </c>
      <c r="BG43" s="1">
        <v>0</v>
      </c>
      <c r="BH43" s="1">
        <v>0</v>
      </c>
      <c r="BK43" s="1">
        <v>0</v>
      </c>
      <c r="BM43" s="1">
        <v>0</v>
      </c>
      <c r="BO43" s="1">
        <v>0</v>
      </c>
    </row>
    <row r="44" spans="1:69" x14ac:dyDescent="0.25">
      <c r="A44" s="1">
        <v>30448333</v>
      </c>
      <c r="B44" t="s">
        <v>229</v>
      </c>
      <c r="C44" t="s">
        <v>39</v>
      </c>
      <c r="D44" t="s">
        <v>174</v>
      </c>
      <c r="E44" t="s">
        <v>200</v>
      </c>
      <c r="L44" t="s">
        <v>52</v>
      </c>
      <c r="M44" s="1">
        <v>0</v>
      </c>
      <c r="N44" s="1">
        <v>0</v>
      </c>
      <c r="O44" t="s">
        <v>174</v>
      </c>
      <c r="P44" t="s">
        <v>176</v>
      </c>
      <c r="Q44" t="s">
        <v>196</v>
      </c>
      <c r="S44" t="s">
        <v>222</v>
      </c>
      <c r="T44" t="s">
        <v>200</v>
      </c>
      <c r="X44" t="s">
        <v>179</v>
      </c>
      <c r="Y44" t="s">
        <v>224</v>
      </c>
      <c r="AC44" t="s">
        <v>225</v>
      </c>
      <c r="AD44" t="s">
        <v>175</v>
      </c>
      <c r="AE44" t="s">
        <v>181</v>
      </c>
      <c r="AF44" t="s">
        <v>230</v>
      </c>
      <c r="AG44" t="s">
        <v>200</v>
      </c>
      <c r="AH44" t="s">
        <v>200</v>
      </c>
      <c r="AI44" t="s">
        <v>175</v>
      </c>
      <c r="AJ44" t="s">
        <v>175</v>
      </c>
      <c r="AK44" t="s">
        <v>230</v>
      </c>
      <c r="AL44" t="s">
        <v>42</v>
      </c>
      <c r="AM44" t="s">
        <v>184</v>
      </c>
      <c r="AN44" t="s">
        <v>201</v>
      </c>
      <c r="AO44" t="s">
        <v>183</v>
      </c>
      <c r="AP44" t="s">
        <v>185</v>
      </c>
      <c r="AQ44" t="s">
        <v>205</v>
      </c>
      <c r="AR44" t="s">
        <v>204</v>
      </c>
      <c r="AS44" t="s">
        <v>203</v>
      </c>
      <c r="AT44" t="s">
        <v>182</v>
      </c>
      <c r="AU44" t="s">
        <v>202</v>
      </c>
      <c r="AV44" t="s">
        <v>206</v>
      </c>
      <c r="AW44" t="s">
        <v>231</v>
      </c>
      <c r="AX44" t="s">
        <v>186</v>
      </c>
      <c r="AY44" t="s">
        <v>187</v>
      </c>
      <c r="AZ44" t="s">
        <v>207</v>
      </c>
      <c r="BB44" t="s">
        <v>208</v>
      </c>
      <c r="BF44" t="s">
        <v>232</v>
      </c>
      <c r="BG44" t="s">
        <v>233</v>
      </c>
      <c r="BH44" t="s">
        <v>211</v>
      </c>
      <c r="BK44" t="s">
        <v>191</v>
      </c>
      <c r="BL44" t="s">
        <v>234</v>
      </c>
      <c r="BM44" t="s">
        <v>191</v>
      </c>
      <c r="BN44" t="s">
        <v>235</v>
      </c>
      <c r="BO44" t="s">
        <v>191</v>
      </c>
      <c r="BP44" t="s">
        <v>236</v>
      </c>
    </row>
    <row r="45" spans="1:69" x14ac:dyDescent="0.25">
      <c r="A45" s="1">
        <v>30448335</v>
      </c>
      <c r="B45" t="s">
        <v>3741</v>
      </c>
      <c r="C45" t="s">
        <v>39</v>
      </c>
      <c r="D45" t="s">
        <v>3727</v>
      </c>
      <c r="E45" t="s">
        <v>200</v>
      </c>
      <c r="L45" t="s">
        <v>52</v>
      </c>
      <c r="M45" s="1">
        <v>0</v>
      </c>
      <c r="N45" s="1">
        <v>0</v>
      </c>
      <c r="O45" t="s">
        <v>3728</v>
      </c>
      <c r="P45" t="s">
        <v>176</v>
      </c>
      <c r="Q45" t="s">
        <v>177</v>
      </c>
      <c r="S45" t="s">
        <v>178</v>
      </c>
      <c r="T45" t="s">
        <v>200</v>
      </c>
      <c r="AA45" t="s">
        <v>273</v>
      </c>
      <c r="AB45" t="s">
        <v>3742</v>
      </c>
      <c r="AC45" t="s">
        <v>180</v>
      </c>
      <c r="AD45" t="s">
        <v>200</v>
      </c>
      <c r="AE45" t="s">
        <v>200</v>
      </c>
      <c r="AF45" t="s">
        <v>200</v>
      </c>
      <c r="AG45" t="s">
        <v>200</v>
      </c>
      <c r="AH45" t="s">
        <v>200</v>
      </c>
      <c r="AI45" t="s">
        <v>200</v>
      </c>
      <c r="AJ45" t="s">
        <v>200</v>
      </c>
      <c r="AK45" t="s">
        <v>200</v>
      </c>
      <c r="AL45" t="s">
        <v>42</v>
      </c>
      <c r="AM45" s="1">
        <v>0</v>
      </c>
      <c r="AN45" t="s">
        <v>185</v>
      </c>
      <c r="AO45" s="1">
        <v>0</v>
      </c>
      <c r="AP45" s="1">
        <v>0</v>
      </c>
      <c r="AQ45" s="1">
        <v>0</v>
      </c>
      <c r="AR45" t="s">
        <v>182</v>
      </c>
      <c r="AS45" s="1">
        <v>0</v>
      </c>
      <c r="AT45" t="s">
        <v>184</v>
      </c>
      <c r="AU45" s="1">
        <v>0</v>
      </c>
      <c r="AV45" s="1">
        <v>0</v>
      </c>
      <c r="AX45" t="s">
        <v>186</v>
      </c>
      <c r="BB45" t="s">
        <v>208</v>
      </c>
      <c r="BC45" t="s">
        <v>209</v>
      </c>
      <c r="BF45" t="s">
        <v>292</v>
      </c>
      <c r="BG45" t="s">
        <v>233</v>
      </c>
      <c r="BH45" t="s">
        <v>247</v>
      </c>
      <c r="BK45" t="s">
        <v>191</v>
      </c>
      <c r="BM45" t="s">
        <v>218</v>
      </c>
      <c r="BO45" t="s">
        <v>191</v>
      </c>
      <c r="BP45" t="s">
        <v>3743</v>
      </c>
      <c r="BQ45" t="s">
        <v>3744</v>
      </c>
    </row>
    <row r="46" spans="1:69" x14ac:dyDescent="0.25">
      <c r="A46" s="1">
        <v>30448337</v>
      </c>
      <c r="B46" t="s">
        <v>1664</v>
      </c>
      <c r="C46" t="s">
        <v>39</v>
      </c>
      <c r="D46" t="s">
        <v>1616</v>
      </c>
      <c r="E46" t="s">
        <v>200</v>
      </c>
      <c r="L46" t="s">
        <v>52</v>
      </c>
      <c r="M46" s="1">
        <v>0</v>
      </c>
      <c r="N46" s="1">
        <v>0</v>
      </c>
      <c r="O46" t="s">
        <v>1616</v>
      </c>
      <c r="P46" t="s">
        <v>216</v>
      </c>
      <c r="Q46" t="s">
        <v>322</v>
      </c>
      <c r="S46" s="1">
        <v>0</v>
      </c>
      <c r="T46" t="s">
        <v>200</v>
      </c>
      <c r="Y46" t="s">
        <v>224</v>
      </c>
      <c r="AC46" t="s">
        <v>199</v>
      </c>
      <c r="AD46" t="s">
        <v>200</v>
      </c>
      <c r="AE46" t="s">
        <v>200</v>
      </c>
      <c r="AF46" t="s">
        <v>200</v>
      </c>
      <c r="AG46" t="s">
        <v>200</v>
      </c>
      <c r="AH46" t="s">
        <v>200</v>
      </c>
      <c r="AI46" t="s">
        <v>200</v>
      </c>
      <c r="AJ46" t="s">
        <v>200</v>
      </c>
      <c r="AK46" t="s">
        <v>200</v>
      </c>
      <c r="AL46" t="s">
        <v>42</v>
      </c>
      <c r="AM46" t="s">
        <v>182</v>
      </c>
      <c r="AN46" t="s">
        <v>185</v>
      </c>
      <c r="AO46" t="s">
        <v>183</v>
      </c>
      <c r="AP46" t="s">
        <v>206</v>
      </c>
      <c r="AQ46" t="s">
        <v>203</v>
      </c>
      <c r="AR46" t="s">
        <v>202</v>
      </c>
      <c r="AS46" t="s">
        <v>205</v>
      </c>
      <c r="AT46" t="s">
        <v>184</v>
      </c>
      <c r="AU46" t="s">
        <v>201</v>
      </c>
      <c r="AV46" t="s">
        <v>204</v>
      </c>
      <c r="AX46" t="s">
        <v>186</v>
      </c>
      <c r="AZ46" t="s">
        <v>207</v>
      </c>
      <c r="BA46" t="s">
        <v>188</v>
      </c>
      <c r="BB46" t="s">
        <v>208</v>
      </c>
      <c r="BF46" t="s">
        <v>210</v>
      </c>
      <c r="BG46" s="1">
        <v>0</v>
      </c>
      <c r="BH46" t="s">
        <v>211</v>
      </c>
      <c r="BK46" t="s">
        <v>191</v>
      </c>
      <c r="BL46" t="s">
        <v>1557</v>
      </c>
      <c r="BM46" t="s">
        <v>191</v>
      </c>
      <c r="BN46" t="s">
        <v>1665</v>
      </c>
      <c r="BO46" t="s">
        <v>191</v>
      </c>
      <c r="BP46" t="s">
        <v>624</v>
      </c>
    </row>
    <row r="47" spans="1:69" x14ac:dyDescent="0.25">
      <c r="A47" s="1">
        <v>30448338</v>
      </c>
      <c r="B47" t="s">
        <v>237</v>
      </c>
      <c r="C47" t="s">
        <v>39</v>
      </c>
      <c r="D47" t="s">
        <v>174</v>
      </c>
      <c r="E47" t="s">
        <v>195</v>
      </c>
      <c r="L47" t="s">
        <v>52</v>
      </c>
      <c r="M47" s="1">
        <v>0</v>
      </c>
      <c r="N47" s="1">
        <v>0</v>
      </c>
      <c r="O47" t="s">
        <v>174</v>
      </c>
      <c r="P47" t="s">
        <v>176</v>
      </c>
      <c r="Q47" t="s">
        <v>238</v>
      </c>
      <c r="S47" t="s">
        <v>178</v>
      </c>
      <c r="T47" t="s">
        <v>49</v>
      </c>
      <c r="AC47" t="s">
        <v>180</v>
      </c>
      <c r="AD47" t="s">
        <v>181</v>
      </c>
      <c r="AE47" t="s">
        <v>230</v>
      </c>
      <c r="AF47" t="s">
        <v>230</v>
      </c>
      <c r="AG47" t="s">
        <v>175</v>
      </c>
      <c r="AH47" t="s">
        <v>181</v>
      </c>
      <c r="AI47" t="s">
        <v>175</v>
      </c>
      <c r="AJ47" t="s">
        <v>181</v>
      </c>
      <c r="AK47" t="s">
        <v>181</v>
      </c>
      <c r="AL47" t="s">
        <v>42</v>
      </c>
      <c r="AM47" s="1">
        <v>0</v>
      </c>
      <c r="AN47" s="1">
        <v>0</v>
      </c>
      <c r="AO47" s="1">
        <v>0</v>
      </c>
      <c r="AP47" s="1">
        <v>0</v>
      </c>
      <c r="AQ47" s="1">
        <v>0</v>
      </c>
      <c r="AR47" s="1">
        <v>0</v>
      </c>
      <c r="AS47" s="1">
        <v>0</v>
      </c>
      <c r="AT47" s="1">
        <v>0</v>
      </c>
      <c r="AU47" s="1">
        <v>0</v>
      </c>
      <c r="AV47" s="1">
        <v>0</v>
      </c>
      <c r="BF47" s="1">
        <v>0</v>
      </c>
      <c r="BG47" s="1">
        <v>0</v>
      </c>
      <c r="BH47" s="1">
        <v>0</v>
      </c>
      <c r="BK47" s="1">
        <v>0</v>
      </c>
      <c r="BM47" s="1">
        <v>0</v>
      </c>
      <c r="BO47" s="1">
        <v>0</v>
      </c>
    </row>
    <row r="48" spans="1:69" x14ac:dyDescent="0.25">
      <c r="A48" s="1">
        <v>30448339</v>
      </c>
      <c r="B48" t="s">
        <v>3745</v>
      </c>
      <c r="C48" t="s">
        <v>39</v>
      </c>
      <c r="D48" t="s">
        <v>3727</v>
      </c>
      <c r="E48" t="s">
        <v>175</v>
      </c>
      <c r="L48" t="s">
        <v>52</v>
      </c>
      <c r="M48" s="1">
        <v>0</v>
      </c>
      <c r="N48" s="1">
        <v>0</v>
      </c>
      <c r="O48" t="s">
        <v>3728</v>
      </c>
      <c r="P48" t="s">
        <v>176</v>
      </c>
      <c r="Q48" t="s">
        <v>177</v>
      </c>
      <c r="S48" t="s">
        <v>178</v>
      </c>
      <c r="T48" t="s">
        <v>175</v>
      </c>
      <c r="Y48" t="s">
        <v>224</v>
      </c>
      <c r="AC48" t="s">
        <v>266</v>
      </c>
      <c r="AD48" t="s">
        <v>175</v>
      </c>
      <c r="AE48" t="s">
        <v>175</v>
      </c>
      <c r="AF48" t="s">
        <v>175</v>
      </c>
      <c r="AG48" t="s">
        <v>175</v>
      </c>
      <c r="AH48" t="s">
        <v>200</v>
      </c>
      <c r="AI48" t="s">
        <v>200</v>
      </c>
      <c r="AJ48" t="s">
        <v>175</v>
      </c>
      <c r="AK48" t="s">
        <v>175</v>
      </c>
      <c r="AL48" t="s">
        <v>49</v>
      </c>
      <c r="AM48" t="s">
        <v>206</v>
      </c>
      <c r="AN48" t="s">
        <v>203</v>
      </c>
      <c r="AO48" t="s">
        <v>201</v>
      </c>
      <c r="AP48" t="s">
        <v>183</v>
      </c>
      <c r="AQ48" t="s">
        <v>204</v>
      </c>
      <c r="AR48" t="s">
        <v>202</v>
      </c>
      <c r="AS48" t="s">
        <v>185</v>
      </c>
      <c r="AT48" t="s">
        <v>205</v>
      </c>
      <c r="AU48" t="s">
        <v>184</v>
      </c>
      <c r="AV48" t="s">
        <v>182</v>
      </c>
      <c r="AX48" t="s">
        <v>186</v>
      </c>
      <c r="BA48" t="s">
        <v>188</v>
      </c>
      <c r="BF48" t="s">
        <v>292</v>
      </c>
      <c r="BG48" t="s">
        <v>301</v>
      </c>
      <c r="BH48" t="s">
        <v>190</v>
      </c>
      <c r="BK48" t="s">
        <v>218</v>
      </c>
      <c r="BM48" t="s">
        <v>218</v>
      </c>
      <c r="BO48" t="s">
        <v>218</v>
      </c>
    </row>
    <row r="49" spans="1:69" x14ac:dyDescent="0.25">
      <c r="A49" s="1">
        <v>30448340</v>
      </c>
      <c r="B49" t="s">
        <v>239</v>
      </c>
      <c r="C49" t="s">
        <v>39</v>
      </c>
      <c r="D49" t="s">
        <v>174</v>
      </c>
      <c r="E49" t="s">
        <v>175</v>
      </c>
      <c r="L49" t="s">
        <v>52</v>
      </c>
      <c r="M49" s="1">
        <v>0</v>
      </c>
      <c r="N49" s="1">
        <v>0</v>
      </c>
      <c r="O49" t="s">
        <v>174</v>
      </c>
      <c r="P49" t="s">
        <v>176</v>
      </c>
      <c r="Q49" t="s">
        <v>238</v>
      </c>
      <c r="S49" t="s">
        <v>222</v>
      </c>
      <c r="T49" t="s">
        <v>175</v>
      </c>
      <c r="X49" t="s">
        <v>179</v>
      </c>
      <c r="AC49" t="s">
        <v>180</v>
      </c>
      <c r="AD49" t="s">
        <v>175</v>
      </c>
      <c r="AE49" t="s">
        <v>181</v>
      </c>
      <c r="AF49" t="s">
        <v>230</v>
      </c>
      <c r="AG49" t="s">
        <v>175</v>
      </c>
      <c r="AH49" t="s">
        <v>200</v>
      </c>
      <c r="AI49" t="s">
        <v>200</v>
      </c>
      <c r="AJ49" t="s">
        <v>200</v>
      </c>
      <c r="AK49" t="s">
        <v>181</v>
      </c>
      <c r="AL49" t="s">
        <v>52</v>
      </c>
      <c r="AM49" t="s">
        <v>185</v>
      </c>
      <c r="AN49" t="s">
        <v>201</v>
      </c>
      <c r="AO49" t="s">
        <v>204</v>
      </c>
      <c r="AP49" t="s">
        <v>183</v>
      </c>
      <c r="AQ49" t="s">
        <v>202</v>
      </c>
      <c r="AR49" t="s">
        <v>203</v>
      </c>
      <c r="AS49" t="s">
        <v>182</v>
      </c>
      <c r="AT49" t="s">
        <v>184</v>
      </c>
      <c r="AU49" t="s">
        <v>206</v>
      </c>
      <c r="AV49" t="s">
        <v>205</v>
      </c>
      <c r="AY49" t="s">
        <v>187</v>
      </c>
      <c r="AZ49" t="s">
        <v>207</v>
      </c>
      <c r="BC49" t="s">
        <v>209</v>
      </c>
      <c r="BF49" t="s">
        <v>232</v>
      </c>
      <c r="BG49" t="s">
        <v>233</v>
      </c>
      <c r="BH49" t="s">
        <v>211</v>
      </c>
      <c r="BK49" t="s">
        <v>191</v>
      </c>
      <c r="BL49" t="s">
        <v>240</v>
      </c>
      <c r="BM49" t="s">
        <v>191</v>
      </c>
      <c r="BN49" t="s">
        <v>241</v>
      </c>
      <c r="BO49" t="s">
        <v>191</v>
      </c>
      <c r="BP49" t="s">
        <v>242</v>
      </c>
    </row>
    <row r="50" spans="1:69" x14ac:dyDescent="0.25">
      <c r="A50" s="1">
        <v>30448342</v>
      </c>
      <c r="B50" t="s">
        <v>3144</v>
      </c>
      <c r="C50" t="s">
        <v>39</v>
      </c>
      <c r="D50" t="s">
        <v>3138</v>
      </c>
      <c r="E50" t="s">
        <v>216</v>
      </c>
      <c r="L50" t="s">
        <v>52</v>
      </c>
      <c r="M50" s="1">
        <v>0</v>
      </c>
      <c r="N50" s="1">
        <v>0</v>
      </c>
      <c r="O50" t="s">
        <v>3139</v>
      </c>
      <c r="P50" t="s">
        <v>216</v>
      </c>
      <c r="Q50" t="s">
        <v>238</v>
      </c>
      <c r="S50" s="1">
        <v>0</v>
      </c>
      <c r="T50" t="s">
        <v>197</v>
      </c>
      <c r="W50" t="s">
        <v>262</v>
      </c>
      <c r="X50" t="s">
        <v>179</v>
      </c>
      <c r="Y50" t="s">
        <v>224</v>
      </c>
      <c r="AC50" t="s">
        <v>199</v>
      </c>
      <c r="AD50" t="s">
        <v>181</v>
      </c>
      <c r="AE50" t="s">
        <v>181</v>
      </c>
      <c r="AF50" t="s">
        <v>181</v>
      </c>
      <c r="AG50" t="s">
        <v>181</v>
      </c>
      <c r="AH50" t="s">
        <v>230</v>
      </c>
      <c r="AI50" t="s">
        <v>230</v>
      </c>
      <c r="AJ50" t="s">
        <v>230</v>
      </c>
      <c r="AK50" t="s">
        <v>181</v>
      </c>
      <c r="AL50" t="s">
        <v>42</v>
      </c>
      <c r="AM50" s="1">
        <v>0</v>
      </c>
      <c r="AN50" t="s">
        <v>182</v>
      </c>
      <c r="AO50" s="1">
        <v>0</v>
      </c>
      <c r="AP50" s="1">
        <v>0</v>
      </c>
      <c r="AQ50" t="s">
        <v>184</v>
      </c>
      <c r="AR50" t="s">
        <v>185</v>
      </c>
      <c r="AS50" s="1">
        <v>0</v>
      </c>
      <c r="AT50" s="1">
        <v>0</v>
      </c>
      <c r="AU50" s="1">
        <v>0</v>
      </c>
      <c r="AV50" s="1">
        <v>0</v>
      </c>
      <c r="AX50" t="s">
        <v>186</v>
      </c>
      <c r="AY50" t="s">
        <v>187</v>
      </c>
      <c r="BA50" t="s">
        <v>188</v>
      </c>
      <c r="BC50" t="s">
        <v>209</v>
      </c>
      <c r="BF50" t="s">
        <v>49</v>
      </c>
      <c r="BG50" s="1">
        <v>0</v>
      </c>
      <c r="BH50" t="s">
        <v>211</v>
      </c>
      <c r="BK50" t="s">
        <v>191</v>
      </c>
      <c r="BL50" t="s">
        <v>518</v>
      </c>
      <c r="BM50" t="s">
        <v>191</v>
      </c>
      <c r="BN50" t="s">
        <v>518</v>
      </c>
      <c r="BO50" t="s">
        <v>191</v>
      </c>
      <c r="BP50" t="s">
        <v>3061</v>
      </c>
    </row>
    <row r="51" spans="1:69" x14ac:dyDescent="0.25">
      <c r="A51" s="1">
        <v>30448343</v>
      </c>
      <c r="B51" t="s">
        <v>3746</v>
      </c>
      <c r="C51" t="s">
        <v>39</v>
      </c>
      <c r="D51" t="s">
        <v>3727</v>
      </c>
      <c r="E51" t="s">
        <v>175</v>
      </c>
      <c r="L51" t="s">
        <v>52</v>
      </c>
      <c r="M51" s="1">
        <v>0</v>
      </c>
      <c r="N51" s="1">
        <v>0</v>
      </c>
      <c r="O51" t="s">
        <v>3728</v>
      </c>
      <c r="P51" t="s">
        <v>216</v>
      </c>
      <c r="Q51" t="s">
        <v>322</v>
      </c>
      <c r="S51" s="1">
        <v>0</v>
      </c>
      <c r="T51" t="s">
        <v>175</v>
      </c>
      <c r="AC51" s="1">
        <v>0</v>
      </c>
      <c r="AD51" s="1">
        <v>0</v>
      </c>
      <c r="AE51" s="1">
        <v>0</v>
      </c>
      <c r="AF51" s="1">
        <v>0</v>
      </c>
      <c r="AG51" s="1">
        <v>0</v>
      </c>
      <c r="AH51" s="1">
        <v>0</v>
      </c>
      <c r="AI51" s="1">
        <v>0</v>
      </c>
      <c r="AJ51" s="1">
        <v>0</v>
      </c>
      <c r="AK51" s="1">
        <v>0</v>
      </c>
      <c r="AL51" s="1">
        <v>0</v>
      </c>
      <c r="AM51" s="1">
        <v>0</v>
      </c>
      <c r="AN51" s="1">
        <v>0</v>
      </c>
      <c r="AO51" s="1">
        <v>0</v>
      </c>
      <c r="AP51" s="1">
        <v>0</v>
      </c>
      <c r="AQ51" s="1">
        <v>0</v>
      </c>
      <c r="AR51" s="1">
        <v>0</v>
      </c>
      <c r="AS51" s="1">
        <v>0</v>
      </c>
      <c r="AT51" s="1">
        <v>0</v>
      </c>
      <c r="AU51" s="1">
        <v>0</v>
      </c>
      <c r="AV51" s="1">
        <v>0</v>
      </c>
      <c r="BF51" s="1">
        <v>0</v>
      </c>
      <c r="BG51" s="1">
        <v>0</v>
      </c>
      <c r="BH51" s="1">
        <v>0</v>
      </c>
      <c r="BK51" s="1">
        <v>0</v>
      </c>
      <c r="BM51" s="1">
        <v>0</v>
      </c>
      <c r="BO51" s="1">
        <v>0</v>
      </c>
    </row>
    <row r="52" spans="1:69" x14ac:dyDescent="0.25">
      <c r="A52" s="1">
        <v>30448344</v>
      </c>
      <c r="B52" t="s">
        <v>3145</v>
      </c>
      <c r="C52" t="s">
        <v>39</v>
      </c>
      <c r="D52" t="s">
        <v>3138</v>
      </c>
      <c r="E52" t="s">
        <v>175</v>
      </c>
      <c r="L52" t="s">
        <v>52</v>
      </c>
      <c r="M52" s="1">
        <v>0</v>
      </c>
      <c r="N52" s="1">
        <v>0</v>
      </c>
      <c r="O52" t="s">
        <v>3139</v>
      </c>
      <c r="P52" t="s">
        <v>176</v>
      </c>
      <c r="Q52" t="s">
        <v>177</v>
      </c>
      <c r="S52" t="s">
        <v>178</v>
      </c>
      <c r="T52" t="s">
        <v>175</v>
      </c>
      <c r="Y52" t="s">
        <v>224</v>
      </c>
      <c r="AC52" t="s">
        <v>266</v>
      </c>
      <c r="AD52" t="s">
        <v>175</v>
      </c>
      <c r="AE52" t="s">
        <v>200</v>
      </c>
      <c r="AF52" t="s">
        <v>175</v>
      </c>
      <c r="AG52" t="s">
        <v>175</v>
      </c>
      <c r="AH52" t="s">
        <v>200</v>
      </c>
      <c r="AI52" t="s">
        <v>200</v>
      </c>
      <c r="AJ52" t="s">
        <v>181</v>
      </c>
      <c r="AK52" t="s">
        <v>181</v>
      </c>
      <c r="AL52" t="s">
        <v>42</v>
      </c>
      <c r="AM52" t="s">
        <v>183</v>
      </c>
      <c r="AN52" t="s">
        <v>184</v>
      </c>
      <c r="AO52" t="s">
        <v>185</v>
      </c>
      <c r="AP52" s="1">
        <v>0</v>
      </c>
      <c r="AQ52" s="1">
        <v>0</v>
      </c>
      <c r="AR52" s="1">
        <v>0</v>
      </c>
      <c r="AS52" s="1">
        <v>0</v>
      </c>
      <c r="AT52" s="1">
        <v>0</v>
      </c>
      <c r="AU52" t="s">
        <v>182</v>
      </c>
      <c r="AV52" t="s">
        <v>201</v>
      </c>
      <c r="AW52" t="s">
        <v>3146</v>
      </c>
      <c r="AX52" t="s">
        <v>186</v>
      </c>
      <c r="AZ52" t="s">
        <v>207</v>
      </c>
      <c r="BA52" t="s">
        <v>188</v>
      </c>
      <c r="BB52" t="s">
        <v>208</v>
      </c>
      <c r="BF52" t="s">
        <v>292</v>
      </c>
      <c r="BG52" t="s">
        <v>301</v>
      </c>
      <c r="BH52" t="s">
        <v>211</v>
      </c>
      <c r="BK52" t="s">
        <v>191</v>
      </c>
      <c r="BL52" t="s">
        <v>3147</v>
      </c>
      <c r="BM52" t="s">
        <v>191</v>
      </c>
      <c r="BN52" t="s">
        <v>3148</v>
      </c>
      <c r="BO52" t="s">
        <v>191</v>
      </c>
      <c r="BP52" t="s">
        <v>3149</v>
      </c>
    </row>
    <row r="53" spans="1:69" x14ac:dyDescent="0.25">
      <c r="A53" s="1">
        <v>30448346</v>
      </c>
      <c r="B53" t="s">
        <v>2525</v>
      </c>
      <c r="C53" t="s">
        <v>39</v>
      </c>
      <c r="D53" t="s">
        <v>2512</v>
      </c>
      <c r="E53" t="s">
        <v>216</v>
      </c>
      <c r="L53" t="s">
        <v>52</v>
      </c>
      <c r="M53" s="1">
        <v>0</v>
      </c>
      <c r="N53" s="1">
        <v>0</v>
      </c>
      <c r="O53" t="s">
        <v>2512</v>
      </c>
      <c r="P53" t="s">
        <v>216</v>
      </c>
      <c r="Q53" t="s">
        <v>273</v>
      </c>
      <c r="R53" t="s">
        <v>2526</v>
      </c>
      <c r="S53" s="1">
        <v>0</v>
      </c>
      <c r="T53" t="s">
        <v>197</v>
      </c>
      <c r="U53" t="s">
        <v>2527</v>
      </c>
      <c r="X53" t="s">
        <v>179</v>
      </c>
      <c r="AC53" t="s">
        <v>199</v>
      </c>
      <c r="AD53" t="s">
        <v>181</v>
      </c>
      <c r="AE53" t="s">
        <v>230</v>
      </c>
      <c r="AF53" t="s">
        <v>230</v>
      </c>
      <c r="AG53" t="s">
        <v>175</v>
      </c>
      <c r="AH53" t="s">
        <v>175</v>
      </c>
      <c r="AI53" t="s">
        <v>175</v>
      </c>
      <c r="AJ53" t="s">
        <v>181</v>
      </c>
      <c r="AK53" t="s">
        <v>230</v>
      </c>
      <c r="AL53" t="s">
        <v>42</v>
      </c>
      <c r="AM53" t="s">
        <v>201</v>
      </c>
      <c r="AN53" t="s">
        <v>204</v>
      </c>
      <c r="AO53" t="s">
        <v>185</v>
      </c>
      <c r="AP53" t="s">
        <v>183</v>
      </c>
      <c r="AQ53" t="s">
        <v>184</v>
      </c>
      <c r="AR53" t="s">
        <v>182</v>
      </c>
      <c r="AS53" t="s">
        <v>203</v>
      </c>
      <c r="AT53" t="s">
        <v>205</v>
      </c>
      <c r="AU53" t="s">
        <v>206</v>
      </c>
      <c r="AV53" t="s">
        <v>202</v>
      </c>
      <c r="AW53" t="s">
        <v>640</v>
      </c>
      <c r="AY53" t="s">
        <v>187</v>
      </c>
      <c r="AZ53" t="s">
        <v>207</v>
      </c>
      <c r="BA53" t="s">
        <v>188</v>
      </c>
      <c r="BB53" t="s">
        <v>208</v>
      </c>
      <c r="BC53" t="s">
        <v>209</v>
      </c>
      <c r="BF53" t="s">
        <v>189</v>
      </c>
      <c r="BG53" s="1">
        <v>0</v>
      </c>
      <c r="BH53" t="s">
        <v>464</v>
      </c>
      <c r="BK53" t="s">
        <v>191</v>
      </c>
      <c r="BM53" t="s">
        <v>191</v>
      </c>
      <c r="BO53" t="s">
        <v>191</v>
      </c>
    </row>
    <row r="54" spans="1:69" x14ac:dyDescent="0.25">
      <c r="A54" s="1">
        <v>30448347</v>
      </c>
      <c r="B54" t="s">
        <v>243</v>
      </c>
      <c r="C54" t="s">
        <v>39</v>
      </c>
      <c r="D54" t="s">
        <v>174</v>
      </c>
      <c r="E54" t="s">
        <v>175</v>
      </c>
      <c r="L54" t="s">
        <v>52</v>
      </c>
      <c r="M54" s="1">
        <v>0</v>
      </c>
      <c r="N54" s="1">
        <v>0</v>
      </c>
      <c r="O54" t="s">
        <v>174</v>
      </c>
      <c r="P54" t="s">
        <v>176</v>
      </c>
      <c r="Q54" t="s">
        <v>177</v>
      </c>
      <c r="S54" t="s">
        <v>222</v>
      </c>
      <c r="T54" t="s">
        <v>175</v>
      </c>
      <c r="Y54" t="s">
        <v>224</v>
      </c>
      <c r="Z54" t="s">
        <v>244</v>
      </c>
      <c r="AC54" t="s">
        <v>199</v>
      </c>
      <c r="AD54" t="s">
        <v>181</v>
      </c>
      <c r="AE54" t="s">
        <v>181</v>
      </c>
      <c r="AF54" t="s">
        <v>181</v>
      </c>
      <c r="AG54" t="s">
        <v>181</v>
      </c>
      <c r="AH54" t="s">
        <v>181</v>
      </c>
      <c r="AI54" t="s">
        <v>175</v>
      </c>
      <c r="AJ54" t="s">
        <v>181</v>
      </c>
      <c r="AK54" t="s">
        <v>181</v>
      </c>
      <c r="AL54" t="s">
        <v>42</v>
      </c>
      <c r="AM54" t="s">
        <v>183</v>
      </c>
      <c r="AN54" s="1">
        <v>0</v>
      </c>
      <c r="AO54" t="s">
        <v>182</v>
      </c>
      <c r="AP54" t="s">
        <v>201</v>
      </c>
      <c r="AQ54" t="s">
        <v>205</v>
      </c>
      <c r="AR54" s="1">
        <v>0</v>
      </c>
      <c r="AS54" s="1">
        <v>0</v>
      </c>
      <c r="AT54" t="s">
        <v>184</v>
      </c>
      <c r="AU54" t="s">
        <v>185</v>
      </c>
      <c r="AV54" t="s">
        <v>206</v>
      </c>
      <c r="AX54" t="s">
        <v>186</v>
      </c>
      <c r="AY54" t="s">
        <v>187</v>
      </c>
      <c r="AZ54" t="s">
        <v>207</v>
      </c>
      <c r="BA54" t="s">
        <v>188</v>
      </c>
      <c r="BB54" t="s">
        <v>208</v>
      </c>
      <c r="BC54" t="s">
        <v>209</v>
      </c>
      <c r="BF54" t="s">
        <v>210</v>
      </c>
      <c r="BG54" s="1">
        <v>0</v>
      </c>
      <c r="BH54" t="s">
        <v>211</v>
      </c>
      <c r="BK54" s="1">
        <v>0</v>
      </c>
      <c r="BM54" s="1">
        <v>0</v>
      </c>
      <c r="BO54" s="1">
        <v>0</v>
      </c>
    </row>
    <row r="55" spans="1:69" x14ac:dyDescent="0.25">
      <c r="A55" s="1">
        <v>30448348</v>
      </c>
      <c r="B55" t="s">
        <v>243</v>
      </c>
      <c r="C55" t="s">
        <v>39</v>
      </c>
      <c r="D55" t="s">
        <v>942</v>
      </c>
      <c r="E55" t="s">
        <v>200</v>
      </c>
      <c r="L55" t="s">
        <v>52</v>
      </c>
      <c r="M55" s="1">
        <v>0</v>
      </c>
      <c r="N55" s="1">
        <v>0</v>
      </c>
      <c r="O55" t="s">
        <v>942</v>
      </c>
      <c r="P55" t="s">
        <v>216</v>
      </c>
      <c r="Q55" t="s">
        <v>322</v>
      </c>
      <c r="S55" s="1">
        <v>0</v>
      </c>
      <c r="T55" t="s">
        <v>200</v>
      </c>
      <c r="Y55" t="s">
        <v>224</v>
      </c>
      <c r="AC55" t="s">
        <v>199</v>
      </c>
      <c r="AD55" t="s">
        <v>200</v>
      </c>
      <c r="AE55" t="s">
        <v>175</v>
      </c>
      <c r="AF55" t="s">
        <v>181</v>
      </c>
      <c r="AG55" t="s">
        <v>181</v>
      </c>
      <c r="AH55" t="s">
        <v>200</v>
      </c>
      <c r="AI55" t="s">
        <v>175</v>
      </c>
      <c r="AJ55" t="s">
        <v>175</v>
      </c>
      <c r="AK55" t="s">
        <v>181</v>
      </c>
      <c r="AL55" t="s">
        <v>42</v>
      </c>
      <c r="AM55" t="s">
        <v>185</v>
      </c>
      <c r="AN55" t="s">
        <v>201</v>
      </c>
      <c r="AO55" t="s">
        <v>182</v>
      </c>
      <c r="AP55" t="s">
        <v>184</v>
      </c>
      <c r="AQ55" t="s">
        <v>204</v>
      </c>
      <c r="AR55" t="s">
        <v>202</v>
      </c>
      <c r="AS55" t="s">
        <v>203</v>
      </c>
      <c r="AT55" t="s">
        <v>183</v>
      </c>
      <c r="AU55" t="s">
        <v>206</v>
      </c>
      <c r="AV55" t="s">
        <v>205</v>
      </c>
      <c r="AW55" t="s">
        <v>737</v>
      </c>
      <c r="AY55" t="s">
        <v>187</v>
      </c>
      <c r="AZ55" t="s">
        <v>207</v>
      </c>
      <c r="BF55" t="s">
        <v>292</v>
      </c>
      <c r="BG55" t="s">
        <v>233</v>
      </c>
      <c r="BH55" t="s">
        <v>211</v>
      </c>
      <c r="BK55" t="s">
        <v>218</v>
      </c>
      <c r="BL55" t="s">
        <v>418</v>
      </c>
      <c r="BM55" t="s">
        <v>191</v>
      </c>
      <c r="BN55" t="s">
        <v>963</v>
      </c>
      <c r="BO55" t="s">
        <v>191</v>
      </c>
      <c r="BP55" t="s">
        <v>964</v>
      </c>
    </row>
    <row r="56" spans="1:69" x14ac:dyDescent="0.25">
      <c r="A56" s="1">
        <v>30448349</v>
      </c>
      <c r="B56" t="s">
        <v>3747</v>
      </c>
      <c r="C56" t="s">
        <v>39</v>
      </c>
      <c r="D56" t="s">
        <v>3727</v>
      </c>
      <c r="E56" t="s">
        <v>175</v>
      </c>
      <c r="L56" t="s">
        <v>52</v>
      </c>
      <c r="M56" s="1">
        <v>0</v>
      </c>
      <c r="N56" s="1">
        <v>0</v>
      </c>
      <c r="O56" t="s">
        <v>3728</v>
      </c>
      <c r="P56" t="s">
        <v>216</v>
      </c>
      <c r="Q56" t="s">
        <v>273</v>
      </c>
      <c r="R56" t="s">
        <v>3748</v>
      </c>
      <c r="S56" s="1">
        <v>0</v>
      </c>
      <c r="T56" t="s">
        <v>175</v>
      </c>
      <c r="X56" t="s">
        <v>179</v>
      </c>
      <c r="AA56" t="s">
        <v>273</v>
      </c>
      <c r="AB56" t="s">
        <v>3749</v>
      </c>
      <c r="AC56" t="s">
        <v>180</v>
      </c>
      <c r="AD56" t="s">
        <v>175</v>
      </c>
      <c r="AE56" t="s">
        <v>181</v>
      </c>
      <c r="AF56" t="s">
        <v>230</v>
      </c>
      <c r="AG56" t="s">
        <v>181</v>
      </c>
      <c r="AH56" t="s">
        <v>175</v>
      </c>
      <c r="AI56" t="s">
        <v>200</v>
      </c>
      <c r="AJ56" t="s">
        <v>175</v>
      </c>
      <c r="AK56" t="s">
        <v>200</v>
      </c>
      <c r="AL56" t="s">
        <v>42</v>
      </c>
      <c r="AM56" t="s">
        <v>205</v>
      </c>
      <c r="AN56" t="s">
        <v>183</v>
      </c>
      <c r="AO56" t="s">
        <v>202</v>
      </c>
      <c r="AP56" t="s">
        <v>182</v>
      </c>
      <c r="AQ56" t="s">
        <v>185</v>
      </c>
      <c r="AR56" t="s">
        <v>184</v>
      </c>
      <c r="AS56" t="s">
        <v>203</v>
      </c>
      <c r="AT56" t="s">
        <v>206</v>
      </c>
      <c r="AU56" t="s">
        <v>201</v>
      </c>
      <c r="AV56" t="s">
        <v>204</v>
      </c>
      <c r="AX56" t="s">
        <v>186</v>
      </c>
      <c r="AY56" t="s">
        <v>187</v>
      </c>
      <c r="BA56" t="s">
        <v>188</v>
      </c>
      <c r="BC56" t="s">
        <v>209</v>
      </c>
      <c r="BF56" t="s">
        <v>210</v>
      </c>
      <c r="BG56" s="1">
        <v>0</v>
      </c>
      <c r="BH56" t="s">
        <v>190</v>
      </c>
      <c r="BK56" t="s">
        <v>191</v>
      </c>
      <c r="BL56" t="s">
        <v>3750</v>
      </c>
      <c r="BM56" t="s">
        <v>218</v>
      </c>
      <c r="BN56" t="s">
        <v>3751</v>
      </c>
      <c r="BO56" t="s">
        <v>218</v>
      </c>
    </row>
    <row r="57" spans="1:69" x14ac:dyDescent="0.25">
      <c r="A57" s="1">
        <v>30448350</v>
      </c>
      <c r="B57" t="s">
        <v>245</v>
      </c>
      <c r="C57" t="s">
        <v>39</v>
      </c>
      <c r="D57" t="s">
        <v>174</v>
      </c>
      <c r="E57" t="s">
        <v>200</v>
      </c>
      <c r="L57" t="s">
        <v>52</v>
      </c>
      <c r="M57" s="1">
        <v>0</v>
      </c>
      <c r="N57" s="1">
        <v>0</v>
      </c>
      <c r="O57" t="s">
        <v>174</v>
      </c>
      <c r="P57" t="s">
        <v>176</v>
      </c>
      <c r="Q57" t="s">
        <v>177</v>
      </c>
      <c r="S57" t="s">
        <v>178</v>
      </c>
      <c r="T57" t="s">
        <v>200</v>
      </c>
      <c r="AC57" t="s">
        <v>180</v>
      </c>
      <c r="AD57" t="s">
        <v>181</v>
      </c>
      <c r="AE57" t="s">
        <v>175</v>
      </c>
      <c r="AF57" t="s">
        <v>175</v>
      </c>
      <c r="AG57" t="s">
        <v>175</v>
      </c>
      <c r="AH57" t="s">
        <v>200</v>
      </c>
      <c r="AI57" t="s">
        <v>200</v>
      </c>
      <c r="AJ57" t="s">
        <v>175</v>
      </c>
      <c r="AK57" t="s">
        <v>175</v>
      </c>
      <c r="AL57" t="s">
        <v>42</v>
      </c>
      <c r="AM57" t="s">
        <v>202</v>
      </c>
      <c r="AN57" t="s">
        <v>206</v>
      </c>
      <c r="AO57" t="s">
        <v>183</v>
      </c>
      <c r="AP57" t="s">
        <v>182</v>
      </c>
      <c r="AQ57" t="s">
        <v>184</v>
      </c>
      <c r="AR57" t="s">
        <v>185</v>
      </c>
      <c r="AS57" t="s">
        <v>204</v>
      </c>
      <c r="AT57" t="s">
        <v>201</v>
      </c>
      <c r="AU57" t="s">
        <v>205</v>
      </c>
      <c r="AV57" t="s">
        <v>203</v>
      </c>
      <c r="AW57" t="s">
        <v>246</v>
      </c>
      <c r="AY57" t="s">
        <v>187</v>
      </c>
      <c r="AZ57" t="s">
        <v>207</v>
      </c>
      <c r="BF57" t="s">
        <v>210</v>
      </c>
      <c r="BG57" s="1">
        <v>0</v>
      </c>
      <c r="BH57" t="s">
        <v>247</v>
      </c>
      <c r="BK57" t="s">
        <v>191</v>
      </c>
      <c r="BM57" t="s">
        <v>191</v>
      </c>
      <c r="BN57" t="s">
        <v>248</v>
      </c>
      <c r="BO57" t="s">
        <v>191</v>
      </c>
      <c r="BP57" t="s">
        <v>249</v>
      </c>
    </row>
    <row r="58" spans="1:69" x14ac:dyDescent="0.25">
      <c r="A58" s="1">
        <v>30448351</v>
      </c>
      <c r="B58" t="s">
        <v>245</v>
      </c>
      <c r="C58" t="s">
        <v>39</v>
      </c>
      <c r="D58" t="s">
        <v>3727</v>
      </c>
      <c r="E58" t="s">
        <v>216</v>
      </c>
      <c r="L58" t="s">
        <v>52</v>
      </c>
      <c r="M58" s="1">
        <v>0</v>
      </c>
      <c r="N58" s="1">
        <v>0</v>
      </c>
      <c r="O58" t="s">
        <v>3728</v>
      </c>
      <c r="P58" t="s">
        <v>216</v>
      </c>
      <c r="Q58" t="s">
        <v>328</v>
      </c>
      <c r="S58" s="1">
        <v>0</v>
      </c>
      <c r="T58" t="s">
        <v>197</v>
      </c>
      <c r="U58" t="s">
        <v>3752</v>
      </c>
      <c r="Y58" t="s">
        <v>224</v>
      </c>
      <c r="AC58" t="s">
        <v>266</v>
      </c>
      <c r="AD58" t="s">
        <v>230</v>
      </c>
      <c r="AE58" t="s">
        <v>230</v>
      </c>
      <c r="AF58" t="s">
        <v>181</v>
      </c>
      <c r="AG58" t="s">
        <v>299</v>
      </c>
      <c r="AH58" t="s">
        <v>181</v>
      </c>
      <c r="AI58" t="s">
        <v>200</v>
      </c>
      <c r="AJ58" t="s">
        <v>175</v>
      </c>
      <c r="AK58" t="s">
        <v>200</v>
      </c>
      <c r="AL58" t="s">
        <v>42</v>
      </c>
      <c r="AM58" t="s">
        <v>202</v>
      </c>
      <c r="AN58" t="s">
        <v>206</v>
      </c>
      <c r="AO58" t="s">
        <v>185</v>
      </c>
      <c r="AP58" t="s">
        <v>204</v>
      </c>
      <c r="AQ58" t="s">
        <v>183</v>
      </c>
      <c r="AR58" t="s">
        <v>201</v>
      </c>
      <c r="AS58" t="s">
        <v>182</v>
      </c>
      <c r="AT58" t="s">
        <v>205</v>
      </c>
      <c r="AU58" t="s">
        <v>184</v>
      </c>
      <c r="AV58" t="s">
        <v>203</v>
      </c>
      <c r="AY58" t="s">
        <v>187</v>
      </c>
      <c r="BA58" t="s">
        <v>188</v>
      </c>
      <c r="BC58" t="s">
        <v>209</v>
      </c>
      <c r="BF58" t="s">
        <v>292</v>
      </c>
      <c r="BG58" t="s">
        <v>1382</v>
      </c>
      <c r="BH58" t="s">
        <v>302</v>
      </c>
      <c r="BI58" t="s">
        <v>3753</v>
      </c>
      <c r="BK58" s="1">
        <v>0</v>
      </c>
      <c r="BM58" s="1">
        <v>0</v>
      </c>
      <c r="BO58" s="1">
        <v>0</v>
      </c>
    </row>
    <row r="59" spans="1:69" x14ac:dyDescent="0.25">
      <c r="A59" s="1">
        <v>30448352</v>
      </c>
      <c r="B59" t="s">
        <v>3754</v>
      </c>
      <c r="C59" t="s">
        <v>39</v>
      </c>
      <c r="D59" t="s">
        <v>3727</v>
      </c>
      <c r="E59" t="s">
        <v>195</v>
      </c>
      <c r="L59" t="s">
        <v>52</v>
      </c>
      <c r="M59" s="1">
        <v>0</v>
      </c>
      <c r="N59" s="1">
        <v>0</v>
      </c>
      <c r="O59" t="s">
        <v>3728</v>
      </c>
      <c r="P59" t="s">
        <v>176</v>
      </c>
      <c r="Q59" t="s">
        <v>177</v>
      </c>
      <c r="S59" t="s">
        <v>178</v>
      </c>
      <c r="T59" t="s">
        <v>197</v>
      </c>
      <c r="U59" t="s">
        <v>3755</v>
      </c>
      <c r="W59" t="s">
        <v>262</v>
      </c>
      <c r="X59" t="s">
        <v>179</v>
      </c>
      <c r="AC59" t="s">
        <v>199</v>
      </c>
      <c r="AD59" t="s">
        <v>181</v>
      </c>
      <c r="AE59" t="s">
        <v>230</v>
      </c>
      <c r="AF59" t="s">
        <v>230</v>
      </c>
      <c r="AG59" t="s">
        <v>181</v>
      </c>
      <c r="AH59" t="s">
        <v>200</v>
      </c>
      <c r="AI59" t="s">
        <v>200</v>
      </c>
      <c r="AJ59" t="s">
        <v>175</v>
      </c>
      <c r="AK59" t="s">
        <v>181</v>
      </c>
      <c r="AL59" t="s">
        <v>42</v>
      </c>
      <c r="AM59" s="1">
        <v>0</v>
      </c>
      <c r="AN59" s="1">
        <v>0</v>
      </c>
      <c r="AO59" s="1">
        <v>0</v>
      </c>
      <c r="AP59" s="1">
        <v>0</v>
      </c>
      <c r="AQ59" s="1">
        <v>0</v>
      </c>
      <c r="AR59" s="1">
        <v>0</v>
      </c>
      <c r="AS59" s="1">
        <v>0</v>
      </c>
      <c r="AT59" s="1">
        <v>0</v>
      </c>
      <c r="AU59" s="1">
        <v>0</v>
      </c>
      <c r="AV59" s="1">
        <v>0</v>
      </c>
      <c r="AW59" t="s">
        <v>3756</v>
      </c>
      <c r="AX59" t="s">
        <v>186</v>
      </c>
      <c r="AY59" t="s">
        <v>187</v>
      </c>
      <c r="AZ59" t="s">
        <v>207</v>
      </c>
      <c r="BC59" t="s">
        <v>209</v>
      </c>
      <c r="BF59" t="s">
        <v>232</v>
      </c>
      <c r="BG59" t="s">
        <v>276</v>
      </c>
      <c r="BH59" t="s">
        <v>247</v>
      </c>
      <c r="BK59" t="s">
        <v>191</v>
      </c>
      <c r="BL59" t="s">
        <v>3757</v>
      </c>
      <c r="BM59" t="s">
        <v>191</v>
      </c>
      <c r="BN59" t="s">
        <v>3758</v>
      </c>
      <c r="BO59" t="s">
        <v>191</v>
      </c>
      <c r="BP59" t="s">
        <v>3759</v>
      </c>
      <c r="BQ59" t="s">
        <v>3760</v>
      </c>
    </row>
    <row r="60" spans="1:69" x14ac:dyDescent="0.25">
      <c r="A60" s="1">
        <v>30448353</v>
      </c>
      <c r="B60" t="s">
        <v>250</v>
      </c>
      <c r="C60" t="s">
        <v>39</v>
      </c>
      <c r="D60" t="s">
        <v>1616</v>
      </c>
      <c r="E60" t="s">
        <v>175</v>
      </c>
      <c r="L60" t="s">
        <v>52</v>
      </c>
      <c r="M60" s="1">
        <v>0</v>
      </c>
      <c r="N60" s="1">
        <v>0</v>
      </c>
      <c r="O60" t="s">
        <v>1616</v>
      </c>
      <c r="P60" t="s">
        <v>176</v>
      </c>
      <c r="Q60" t="s">
        <v>177</v>
      </c>
      <c r="S60" t="s">
        <v>178</v>
      </c>
      <c r="T60" t="s">
        <v>175</v>
      </c>
      <c r="X60" t="s">
        <v>179</v>
      </c>
      <c r="AC60" t="s">
        <v>180</v>
      </c>
      <c r="AD60" t="s">
        <v>175</v>
      </c>
      <c r="AE60" t="s">
        <v>175</v>
      </c>
      <c r="AF60" t="s">
        <v>175</v>
      </c>
      <c r="AG60" t="s">
        <v>175</v>
      </c>
      <c r="AH60" t="s">
        <v>175</v>
      </c>
      <c r="AI60" t="s">
        <v>175</v>
      </c>
      <c r="AJ60" t="s">
        <v>175</v>
      </c>
      <c r="AK60" t="s">
        <v>175</v>
      </c>
      <c r="AL60" t="s">
        <v>52</v>
      </c>
      <c r="AM60" t="s">
        <v>184</v>
      </c>
      <c r="AN60" t="s">
        <v>201</v>
      </c>
      <c r="AO60" t="s">
        <v>183</v>
      </c>
      <c r="AP60" t="s">
        <v>185</v>
      </c>
      <c r="AQ60" t="s">
        <v>202</v>
      </c>
      <c r="AR60" t="s">
        <v>203</v>
      </c>
      <c r="AS60" t="s">
        <v>182</v>
      </c>
      <c r="AT60" t="s">
        <v>206</v>
      </c>
      <c r="AU60" t="s">
        <v>205</v>
      </c>
      <c r="AV60" t="s">
        <v>204</v>
      </c>
      <c r="AY60" t="s">
        <v>187</v>
      </c>
      <c r="BC60" t="s">
        <v>209</v>
      </c>
      <c r="BF60" t="s">
        <v>292</v>
      </c>
      <c r="BG60" t="s">
        <v>233</v>
      </c>
      <c r="BH60" t="s">
        <v>211</v>
      </c>
      <c r="BK60" t="s">
        <v>191</v>
      </c>
      <c r="BL60" t="s">
        <v>1666</v>
      </c>
      <c r="BM60" t="s">
        <v>191</v>
      </c>
      <c r="BN60" t="s">
        <v>1667</v>
      </c>
      <c r="BO60" t="s">
        <v>191</v>
      </c>
      <c r="BP60" t="s">
        <v>1668</v>
      </c>
    </row>
    <row r="61" spans="1:69" x14ac:dyDescent="0.25">
      <c r="A61" s="1">
        <v>30448354</v>
      </c>
      <c r="B61" t="s">
        <v>250</v>
      </c>
      <c r="C61" t="s">
        <v>39</v>
      </c>
      <c r="D61" t="s">
        <v>174</v>
      </c>
      <c r="E61" t="s">
        <v>195</v>
      </c>
      <c r="L61" t="s">
        <v>52</v>
      </c>
      <c r="M61" s="1">
        <v>0</v>
      </c>
      <c r="N61" s="1">
        <v>0</v>
      </c>
      <c r="O61" t="s">
        <v>174</v>
      </c>
      <c r="P61" t="s">
        <v>176</v>
      </c>
      <c r="Q61" t="s">
        <v>177</v>
      </c>
      <c r="S61" t="s">
        <v>222</v>
      </c>
      <c r="T61" t="s">
        <v>197</v>
      </c>
      <c r="U61" t="s">
        <v>251</v>
      </c>
      <c r="X61" t="s">
        <v>179</v>
      </c>
      <c r="Y61" t="s">
        <v>224</v>
      </c>
      <c r="AC61" t="s">
        <v>180</v>
      </c>
      <c r="AD61" t="s">
        <v>175</v>
      </c>
      <c r="AE61" t="s">
        <v>181</v>
      </c>
      <c r="AF61" t="s">
        <v>230</v>
      </c>
      <c r="AG61" t="s">
        <v>181</v>
      </c>
      <c r="AH61" t="s">
        <v>175</v>
      </c>
      <c r="AI61" t="s">
        <v>181</v>
      </c>
      <c r="AJ61" t="s">
        <v>181</v>
      </c>
      <c r="AK61" t="s">
        <v>230</v>
      </c>
      <c r="AL61" t="s">
        <v>42</v>
      </c>
      <c r="AM61" t="s">
        <v>201</v>
      </c>
      <c r="AN61" t="s">
        <v>206</v>
      </c>
      <c r="AO61" t="s">
        <v>184</v>
      </c>
      <c r="AP61" t="s">
        <v>185</v>
      </c>
      <c r="AQ61" t="s">
        <v>183</v>
      </c>
      <c r="AR61" t="s">
        <v>182</v>
      </c>
      <c r="AS61" t="s">
        <v>202</v>
      </c>
      <c r="AT61" t="s">
        <v>204</v>
      </c>
      <c r="AU61" t="s">
        <v>205</v>
      </c>
      <c r="AV61" t="s">
        <v>203</v>
      </c>
      <c r="AY61" t="s">
        <v>187</v>
      </c>
      <c r="AZ61" t="s">
        <v>207</v>
      </c>
      <c r="BA61" t="s">
        <v>188</v>
      </c>
      <c r="BC61" t="s">
        <v>209</v>
      </c>
      <c r="BF61" t="s">
        <v>232</v>
      </c>
      <c r="BG61" t="s">
        <v>233</v>
      </c>
      <c r="BH61" t="s">
        <v>211</v>
      </c>
      <c r="BK61" t="s">
        <v>191</v>
      </c>
      <c r="BL61" t="s">
        <v>252</v>
      </c>
      <c r="BM61" t="s">
        <v>191</v>
      </c>
      <c r="BN61" t="s">
        <v>253</v>
      </c>
      <c r="BO61" t="s">
        <v>191</v>
      </c>
      <c r="BP61" t="s">
        <v>254</v>
      </c>
    </row>
    <row r="62" spans="1:69" x14ac:dyDescent="0.25">
      <c r="A62" s="1">
        <v>30448355</v>
      </c>
      <c r="B62" t="s">
        <v>965</v>
      </c>
      <c r="C62" t="s">
        <v>39</v>
      </c>
      <c r="D62" t="s">
        <v>942</v>
      </c>
      <c r="E62" t="s">
        <v>195</v>
      </c>
      <c r="L62" t="s">
        <v>52</v>
      </c>
      <c r="M62" s="1">
        <v>0</v>
      </c>
      <c r="N62" s="1">
        <v>0</v>
      </c>
      <c r="O62" t="s">
        <v>942</v>
      </c>
      <c r="P62" t="s">
        <v>176</v>
      </c>
      <c r="Q62" t="s">
        <v>177</v>
      </c>
      <c r="S62" t="s">
        <v>178</v>
      </c>
      <c r="T62" t="s">
        <v>297</v>
      </c>
      <c r="U62" t="s">
        <v>966</v>
      </c>
      <c r="AA62" t="s">
        <v>273</v>
      </c>
      <c r="AB62" t="s">
        <v>967</v>
      </c>
      <c r="AC62" t="s">
        <v>199</v>
      </c>
      <c r="AD62" t="s">
        <v>181</v>
      </c>
      <c r="AE62" t="s">
        <v>299</v>
      </c>
      <c r="AF62" t="s">
        <v>299</v>
      </c>
      <c r="AG62" t="s">
        <v>200</v>
      </c>
      <c r="AH62" t="s">
        <v>200</v>
      </c>
      <c r="AI62" t="s">
        <v>200</v>
      </c>
      <c r="AJ62" t="s">
        <v>200</v>
      </c>
      <c r="AK62" t="s">
        <v>200</v>
      </c>
      <c r="AL62" t="s">
        <v>42</v>
      </c>
      <c r="AM62" t="s">
        <v>183</v>
      </c>
      <c r="AN62" t="s">
        <v>206</v>
      </c>
      <c r="AO62" t="s">
        <v>184</v>
      </c>
      <c r="AP62" t="s">
        <v>185</v>
      </c>
      <c r="AQ62" t="s">
        <v>201</v>
      </c>
      <c r="AR62" t="s">
        <v>202</v>
      </c>
      <c r="AS62" t="s">
        <v>203</v>
      </c>
      <c r="AT62" t="s">
        <v>204</v>
      </c>
      <c r="AU62" t="s">
        <v>205</v>
      </c>
      <c r="AV62" t="s">
        <v>182</v>
      </c>
      <c r="AW62" t="s">
        <v>968</v>
      </c>
      <c r="AX62" t="s">
        <v>186</v>
      </c>
      <c r="BF62" t="s">
        <v>232</v>
      </c>
      <c r="BG62" t="s">
        <v>301</v>
      </c>
      <c r="BH62" t="s">
        <v>302</v>
      </c>
      <c r="BI62" t="s">
        <v>969</v>
      </c>
      <c r="BK62" t="s">
        <v>191</v>
      </c>
      <c r="BL62" t="s">
        <v>970</v>
      </c>
      <c r="BM62" t="s">
        <v>191</v>
      </c>
      <c r="BN62" t="s">
        <v>971</v>
      </c>
      <c r="BO62" t="s">
        <v>218</v>
      </c>
      <c r="BP62" t="s">
        <v>972</v>
      </c>
      <c r="BQ62" t="s">
        <v>973</v>
      </c>
    </row>
    <row r="63" spans="1:69" x14ac:dyDescent="0.25">
      <c r="A63" s="1">
        <v>30448356</v>
      </c>
      <c r="B63" t="s">
        <v>965</v>
      </c>
      <c r="C63" t="s">
        <v>39</v>
      </c>
      <c r="D63" t="s">
        <v>3727</v>
      </c>
      <c r="E63" t="s">
        <v>200</v>
      </c>
      <c r="L63" t="s">
        <v>52</v>
      </c>
      <c r="M63" s="1">
        <v>0</v>
      </c>
      <c r="N63" s="1">
        <v>0</v>
      </c>
      <c r="O63" t="s">
        <v>3728</v>
      </c>
      <c r="P63" t="s">
        <v>216</v>
      </c>
      <c r="Q63" t="s">
        <v>177</v>
      </c>
      <c r="S63" s="1">
        <v>0</v>
      </c>
      <c r="T63" t="s">
        <v>200</v>
      </c>
      <c r="Y63" t="s">
        <v>224</v>
      </c>
      <c r="AC63" t="s">
        <v>180</v>
      </c>
      <c r="AD63" t="s">
        <v>200</v>
      </c>
      <c r="AE63" t="s">
        <v>200</v>
      </c>
      <c r="AF63" t="s">
        <v>200</v>
      </c>
      <c r="AG63" t="s">
        <v>200</v>
      </c>
      <c r="AH63" t="s">
        <v>200</v>
      </c>
      <c r="AI63" t="s">
        <v>200</v>
      </c>
      <c r="AJ63" t="s">
        <v>175</v>
      </c>
      <c r="AK63" t="s">
        <v>200</v>
      </c>
      <c r="AL63" t="s">
        <v>49</v>
      </c>
      <c r="AM63" t="s">
        <v>201</v>
      </c>
      <c r="AN63" t="s">
        <v>203</v>
      </c>
      <c r="AO63" t="s">
        <v>185</v>
      </c>
      <c r="AP63" t="s">
        <v>206</v>
      </c>
      <c r="AQ63" t="s">
        <v>184</v>
      </c>
      <c r="AR63" t="s">
        <v>204</v>
      </c>
      <c r="AS63" t="s">
        <v>182</v>
      </c>
      <c r="AT63" t="s">
        <v>202</v>
      </c>
      <c r="AU63" t="s">
        <v>205</v>
      </c>
      <c r="AV63" t="s">
        <v>183</v>
      </c>
      <c r="AX63" t="s">
        <v>186</v>
      </c>
      <c r="AY63" t="s">
        <v>187</v>
      </c>
      <c r="AZ63" t="s">
        <v>207</v>
      </c>
      <c r="BA63" t="s">
        <v>188</v>
      </c>
      <c r="BC63" t="s">
        <v>209</v>
      </c>
      <c r="BF63" t="s">
        <v>292</v>
      </c>
      <c r="BG63" t="s">
        <v>301</v>
      </c>
      <c r="BH63" t="s">
        <v>464</v>
      </c>
      <c r="BK63" t="s">
        <v>191</v>
      </c>
      <c r="BM63" t="s">
        <v>218</v>
      </c>
      <c r="BO63" t="s">
        <v>191</v>
      </c>
    </row>
    <row r="64" spans="1:69" x14ac:dyDescent="0.25">
      <c r="A64" s="1">
        <v>30448357</v>
      </c>
      <c r="B64" t="s">
        <v>974</v>
      </c>
      <c r="C64" t="s">
        <v>39</v>
      </c>
      <c r="D64" t="s">
        <v>3125</v>
      </c>
      <c r="L64" t="s">
        <v>52</v>
      </c>
      <c r="M64" s="1">
        <v>0</v>
      </c>
      <c r="N64" s="1">
        <v>0</v>
      </c>
      <c r="O64" t="s">
        <v>49</v>
      </c>
      <c r="P64" s="1">
        <v>0</v>
      </c>
      <c r="Q64" s="1">
        <v>0</v>
      </c>
      <c r="S64" s="1">
        <v>0</v>
      </c>
      <c r="T64" s="1">
        <v>0</v>
      </c>
      <c r="AC64" s="1">
        <v>0</v>
      </c>
      <c r="AD64" s="1">
        <v>0</v>
      </c>
      <c r="AE64" s="1">
        <v>0</v>
      </c>
      <c r="AF64" s="1">
        <v>0</v>
      </c>
      <c r="AG64" s="1">
        <v>0</v>
      </c>
      <c r="AH64" s="1">
        <v>0</v>
      </c>
      <c r="AI64" s="1">
        <v>0</v>
      </c>
      <c r="AJ64" s="1">
        <v>0</v>
      </c>
      <c r="AK64" s="1">
        <v>0</v>
      </c>
      <c r="AL64" s="1">
        <v>0</v>
      </c>
      <c r="AM64" s="1">
        <v>0</v>
      </c>
      <c r="AN64" s="1">
        <v>0</v>
      </c>
      <c r="AO64" s="1">
        <v>0</v>
      </c>
      <c r="AP64" s="1">
        <v>0</v>
      </c>
      <c r="AQ64" s="1">
        <v>0</v>
      </c>
      <c r="AR64" s="1">
        <v>0</v>
      </c>
      <c r="AS64" s="1">
        <v>0</v>
      </c>
      <c r="AT64" s="1">
        <v>0</v>
      </c>
      <c r="AU64" s="1">
        <v>0</v>
      </c>
      <c r="AV64" s="1">
        <v>0</v>
      </c>
      <c r="BF64" s="1">
        <v>0</v>
      </c>
      <c r="BG64" s="1">
        <v>0</v>
      </c>
      <c r="BH64" s="1">
        <v>0</v>
      </c>
      <c r="BK64" s="1">
        <v>0</v>
      </c>
      <c r="BM64" s="1">
        <v>0</v>
      </c>
      <c r="BO64" s="1">
        <v>0</v>
      </c>
    </row>
    <row r="65" spans="1:69" x14ac:dyDescent="0.25">
      <c r="A65" s="1">
        <v>30448358</v>
      </c>
      <c r="B65" t="s">
        <v>974</v>
      </c>
      <c r="C65" t="s">
        <v>39</v>
      </c>
      <c r="D65" t="s">
        <v>942</v>
      </c>
      <c r="E65" t="s">
        <v>200</v>
      </c>
      <c r="L65" t="s">
        <v>52</v>
      </c>
      <c r="M65" s="1">
        <v>0</v>
      </c>
      <c r="N65" s="1">
        <v>0</v>
      </c>
      <c r="O65" t="s">
        <v>942</v>
      </c>
      <c r="P65" t="s">
        <v>216</v>
      </c>
      <c r="Q65" t="s">
        <v>196</v>
      </c>
      <c r="S65" s="1">
        <v>0</v>
      </c>
      <c r="T65" t="s">
        <v>200</v>
      </c>
      <c r="Y65" t="s">
        <v>224</v>
      </c>
      <c r="AC65" t="s">
        <v>180</v>
      </c>
      <c r="AD65" s="1">
        <v>0</v>
      </c>
      <c r="AE65" s="1">
        <v>0</v>
      </c>
      <c r="AF65" s="1">
        <v>0</v>
      </c>
      <c r="AG65" s="1">
        <v>0</v>
      </c>
      <c r="AH65" s="1">
        <v>0</v>
      </c>
      <c r="AI65" s="1">
        <v>0</v>
      </c>
      <c r="AJ65" s="1">
        <v>0</v>
      </c>
      <c r="AK65" s="1">
        <v>0</v>
      </c>
      <c r="AL65" t="s">
        <v>42</v>
      </c>
      <c r="AM65" s="1">
        <v>0</v>
      </c>
      <c r="AN65" s="1">
        <v>0</v>
      </c>
      <c r="AO65" s="1">
        <v>0</v>
      </c>
      <c r="AP65" s="1">
        <v>0</v>
      </c>
      <c r="AQ65" s="1">
        <v>0</v>
      </c>
      <c r="AR65" s="1">
        <v>0</v>
      </c>
      <c r="AS65" s="1">
        <v>0</v>
      </c>
      <c r="AT65" s="1">
        <v>0</v>
      </c>
      <c r="AU65" s="1">
        <v>0</v>
      </c>
      <c r="AV65" s="1">
        <v>0</v>
      </c>
      <c r="BF65" t="s">
        <v>49</v>
      </c>
      <c r="BG65" s="1">
        <v>0</v>
      </c>
      <c r="BH65" s="1">
        <v>0</v>
      </c>
      <c r="BK65" s="1">
        <v>0</v>
      </c>
      <c r="BM65" s="1">
        <v>0</v>
      </c>
      <c r="BO65" s="1">
        <v>0</v>
      </c>
    </row>
    <row r="66" spans="1:69" x14ac:dyDescent="0.25">
      <c r="A66" s="1">
        <v>30448360</v>
      </c>
      <c r="B66" t="s">
        <v>3761</v>
      </c>
      <c r="C66" t="s">
        <v>39</v>
      </c>
      <c r="D66" t="s">
        <v>3727</v>
      </c>
      <c r="E66" t="s">
        <v>175</v>
      </c>
      <c r="L66" t="s">
        <v>52</v>
      </c>
      <c r="M66" s="1">
        <v>0</v>
      </c>
      <c r="N66" s="1">
        <v>0</v>
      </c>
      <c r="O66" t="s">
        <v>3728</v>
      </c>
      <c r="P66" t="s">
        <v>176</v>
      </c>
      <c r="Q66" t="s">
        <v>196</v>
      </c>
      <c r="S66" t="s">
        <v>222</v>
      </c>
      <c r="T66" t="s">
        <v>175</v>
      </c>
      <c r="X66" t="s">
        <v>179</v>
      </c>
      <c r="AC66" t="s">
        <v>180</v>
      </c>
      <c r="AD66" t="s">
        <v>175</v>
      </c>
      <c r="AE66" t="s">
        <v>175</v>
      </c>
      <c r="AF66" t="s">
        <v>175</v>
      </c>
      <c r="AG66" t="s">
        <v>181</v>
      </c>
      <c r="AH66" t="s">
        <v>175</v>
      </c>
      <c r="AI66" t="s">
        <v>175</v>
      </c>
      <c r="AJ66" t="s">
        <v>175</v>
      </c>
      <c r="AK66" t="s">
        <v>175</v>
      </c>
      <c r="AL66" t="s">
        <v>52</v>
      </c>
      <c r="AM66" t="s">
        <v>206</v>
      </c>
      <c r="AN66" t="s">
        <v>203</v>
      </c>
      <c r="AO66" t="s">
        <v>183</v>
      </c>
      <c r="AP66" t="s">
        <v>184</v>
      </c>
      <c r="AQ66" t="s">
        <v>185</v>
      </c>
      <c r="AR66" t="s">
        <v>182</v>
      </c>
      <c r="AS66" t="s">
        <v>201</v>
      </c>
      <c r="AT66" t="s">
        <v>204</v>
      </c>
      <c r="AU66" t="s">
        <v>202</v>
      </c>
      <c r="AV66" t="s">
        <v>205</v>
      </c>
      <c r="AX66" t="s">
        <v>186</v>
      </c>
      <c r="AY66" t="s">
        <v>187</v>
      </c>
      <c r="AZ66" t="s">
        <v>207</v>
      </c>
      <c r="BF66" t="s">
        <v>232</v>
      </c>
      <c r="BG66" t="s">
        <v>233</v>
      </c>
      <c r="BH66" t="s">
        <v>211</v>
      </c>
      <c r="BK66" t="s">
        <v>191</v>
      </c>
      <c r="BL66" t="s">
        <v>3762</v>
      </c>
      <c r="BM66" t="s">
        <v>191</v>
      </c>
      <c r="BN66" t="s">
        <v>1374</v>
      </c>
      <c r="BO66" s="1">
        <v>0</v>
      </c>
    </row>
    <row r="67" spans="1:69" x14ac:dyDescent="0.25">
      <c r="A67" s="1">
        <v>30448361</v>
      </c>
      <c r="B67" t="s">
        <v>1669</v>
      </c>
      <c r="C67" t="s">
        <v>39</v>
      </c>
      <c r="D67" t="s">
        <v>1616</v>
      </c>
      <c r="E67" t="s">
        <v>175</v>
      </c>
      <c r="L67" t="s">
        <v>52</v>
      </c>
      <c r="M67" s="1">
        <v>0</v>
      </c>
      <c r="N67" s="1">
        <v>0</v>
      </c>
      <c r="O67" t="s">
        <v>1616</v>
      </c>
      <c r="P67" t="s">
        <v>216</v>
      </c>
      <c r="Q67" t="s">
        <v>238</v>
      </c>
      <c r="S67" s="1">
        <v>0</v>
      </c>
      <c r="T67" t="s">
        <v>175</v>
      </c>
      <c r="Y67" t="s">
        <v>224</v>
      </c>
      <c r="AC67" t="s">
        <v>180</v>
      </c>
      <c r="AD67" t="s">
        <v>175</v>
      </c>
      <c r="AE67" t="s">
        <v>175</v>
      </c>
      <c r="AF67" t="s">
        <v>175</v>
      </c>
      <c r="AG67" t="s">
        <v>175</v>
      </c>
      <c r="AH67" t="s">
        <v>175</v>
      </c>
      <c r="AI67" t="s">
        <v>175</v>
      </c>
      <c r="AJ67" t="s">
        <v>175</v>
      </c>
      <c r="AK67" t="s">
        <v>175</v>
      </c>
      <c r="AL67" t="s">
        <v>42</v>
      </c>
      <c r="AM67" s="1">
        <v>0</v>
      </c>
      <c r="AN67" s="1">
        <v>0</v>
      </c>
      <c r="AO67" s="1">
        <v>0</v>
      </c>
      <c r="AP67" s="1">
        <v>0</v>
      </c>
      <c r="AQ67" s="1">
        <v>0</v>
      </c>
      <c r="AR67" s="1">
        <v>0</v>
      </c>
      <c r="AS67" s="1">
        <v>0</v>
      </c>
      <c r="AT67" s="1">
        <v>0</v>
      </c>
      <c r="AU67" s="1">
        <v>0</v>
      </c>
      <c r="AV67" s="1">
        <v>0</v>
      </c>
      <c r="AX67" t="s">
        <v>186</v>
      </c>
      <c r="BF67" t="s">
        <v>210</v>
      </c>
      <c r="BG67" s="1">
        <v>0</v>
      </c>
      <c r="BH67" t="s">
        <v>190</v>
      </c>
      <c r="BK67" t="s">
        <v>191</v>
      </c>
      <c r="BM67" t="s">
        <v>191</v>
      </c>
      <c r="BO67" t="s">
        <v>218</v>
      </c>
    </row>
    <row r="68" spans="1:69" x14ac:dyDescent="0.25">
      <c r="A68" s="1">
        <v>30448362</v>
      </c>
      <c r="B68" t="s">
        <v>1669</v>
      </c>
      <c r="C68" t="s">
        <v>39</v>
      </c>
      <c r="D68" t="s">
        <v>3138</v>
      </c>
      <c r="E68" t="s">
        <v>200</v>
      </c>
      <c r="L68" t="s">
        <v>52</v>
      </c>
      <c r="M68" s="1">
        <v>0</v>
      </c>
      <c r="N68" s="1">
        <v>0</v>
      </c>
      <c r="O68" t="s">
        <v>3139</v>
      </c>
      <c r="P68" t="s">
        <v>176</v>
      </c>
      <c r="Q68" t="s">
        <v>177</v>
      </c>
      <c r="S68" t="s">
        <v>222</v>
      </c>
      <c r="T68" t="s">
        <v>200</v>
      </c>
      <c r="Z68" t="s">
        <v>244</v>
      </c>
      <c r="AC68" t="s">
        <v>180</v>
      </c>
      <c r="AD68" t="s">
        <v>175</v>
      </c>
      <c r="AE68" t="s">
        <v>200</v>
      </c>
      <c r="AF68" t="s">
        <v>200</v>
      </c>
      <c r="AG68" t="s">
        <v>200</v>
      </c>
      <c r="AH68" t="s">
        <v>200</v>
      </c>
      <c r="AI68" t="s">
        <v>200</v>
      </c>
      <c r="AJ68" t="s">
        <v>175</v>
      </c>
      <c r="AK68" t="s">
        <v>200</v>
      </c>
      <c r="AL68" t="s">
        <v>42</v>
      </c>
      <c r="AM68" t="s">
        <v>206</v>
      </c>
      <c r="AN68" t="s">
        <v>183</v>
      </c>
      <c r="AO68" t="s">
        <v>184</v>
      </c>
      <c r="AP68" t="s">
        <v>205</v>
      </c>
      <c r="AQ68" t="s">
        <v>202</v>
      </c>
      <c r="AR68" t="s">
        <v>203</v>
      </c>
      <c r="AS68" t="s">
        <v>204</v>
      </c>
      <c r="AT68" t="s">
        <v>201</v>
      </c>
      <c r="AU68" t="s">
        <v>182</v>
      </c>
      <c r="AV68" t="s">
        <v>185</v>
      </c>
      <c r="AX68" t="s">
        <v>186</v>
      </c>
      <c r="AY68" t="s">
        <v>187</v>
      </c>
      <c r="BA68" t="s">
        <v>188</v>
      </c>
      <c r="BC68" t="s">
        <v>209</v>
      </c>
      <c r="BF68" t="s">
        <v>49</v>
      </c>
      <c r="BG68" s="1">
        <v>0</v>
      </c>
      <c r="BH68" t="s">
        <v>211</v>
      </c>
      <c r="BK68" t="s">
        <v>191</v>
      </c>
      <c r="BL68" t="s">
        <v>3150</v>
      </c>
      <c r="BM68" t="s">
        <v>191</v>
      </c>
      <c r="BN68" t="s">
        <v>3151</v>
      </c>
      <c r="BO68" t="s">
        <v>191</v>
      </c>
      <c r="BP68" t="s">
        <v>3152</v>
      </c>
    </row>
    <row r="69" spans="1:69" x14ac:dyDescent="0.25">
      <c r="A69" s="1">
        <v>30448364</v>
      </c>
      <c r="B69" t="s">
        <v>975</v>
      </c>
      <c r="C69" t="s">
        <v>39</v>
      </c>
      <c r="D69" t="s">
        <v>942</v>
      </c>
      <c r="E69" t="s">
        <v>195</v>
      </c>
      <c r="L69" t="s">
        <v>52</v>
      </c>
      <c r="M69" s="1">
        <v>0</v>
      </c>
      <c r="N69" s="1">
        <v>0</v>
      </c>
      <c r="O69" t="s">
        <v>942</v>
      </c>
      <c r="P69" t="s">
        <v>176</v>
      </c>
      <c r="Q69" t="s">
        <v>238</v>
      </c>
      <c r="S69" t="s">
        <v>178</v>
      </c>
      <c r="T69" t="s">
        <v>197</v>
      </c>
      <c r="X69" t="s">
        <v>179</v>
      </c>
      <c r="AA69" t="s">
        <v>273</v>
      </c>
      <c r="AB69" t="s">
        <v>976</v>
      </c>
      <c r="AC69" t="s">
        <v>180</v>
      </c>
      <c r="AD69" t="s">
        <v>181</v>
      </c>
      <c r="AE69" t="s">
        <v>230</v>
      </c>
      <c r="AF69" t="s">
        <v>230</v>
      </c>
      <c r="AG69" t="s">
        <v>181</v>
      </c>
      <c r="AH69" t="s">
        <v>175</v>
      </c>
      <c r="AI69" t="s">
        <v>175</v>
      </c>
      <c r="AJ69" t="s">
        <v>175</v>
      </c>
      <c r="AK69" t="s">
        <v>181</v>
      </c>
      <c r="AL69" t="s">
        <v>42</v>
      </c>
      <c r="AM69" t="s">
        <v>206</v>
      </c>
      <c r="AN69" t="s">
        <v>204</v>
      </c>
      <c r="AO69" t="s">
        <v>184</v>
      </c>
      <c r="AP69" t="s">
        <v>182</v>
      </c>
      <c r="AQ69" t="s">
        <v>185</v>
      </c>
      <c r="AR69" t="s">
        <v>203</v>
      </c>
      <c r="AS69" t="s">
        <v>183</v>
      </c>
      <c r="AT69" t="s">
        <v>205</v>
      </c>
      <c r="AU69" t="s">
        <v>202</v>
      </c>
      <c r="AV69" t="s">
        <v>201</v>
      </c>
      <c r="AX69" t="s">
        <v>186</v>
      </c>
      <c r="AY69" t="s">
        <v>187</v>
      </c>
      <c r="AZ69" t="s">
        <v>207</v>
      </c>
      <c r="BA69" t="s">
        <v>188</v>
      </c>
      <c r="BB69" t="s">
        <v>208</v>
      </c>
      <c r="BC69" t="s">
        <v>209</v>
      </c>
      <c r="BF69" t="s">
        <v>210</v>
      </c>
      <c r="BG69" s="1">
        <v>0</v>
      </c>
      <c r="BH69" t="s">
        <v>302</v>
      </c>
      <c r="BI69" t="s">
        <v>977</v>
      </c>
      <c r="BK69" t="s">
        <v>191</v>
      </c>
      <c r="BM69" t="s">
        <v>191</v>
      </c>
      <c r="BO69" t="s">
        <v>191</v>
      </c>
    </row>
    <row r="70" spans="1:69" x14ac:dyDescent="0.25">
      <c r="A70" s="1">
        <v>30448365</v>
      </c>
      <c r="B70" t="s">
        <v>3153</v>
      </c>
      <c r="C70" t="s">
        <v>39</v>
      </c>
      <c r="D70" t="s">
        <v>3138</v>
      </c>
      <c r="E70" t="s">
        <v>175</v>
      </c>
      <c r="L70" t="s">
        <v>52</v>
      </c>
      <c r="M70" s="1">
        <v>0</v>
      </c>
      <c r="N70" s="1">
        <v>0</v>
      </c>
      <c r="O70" t="s">
        <v>3139</v>
      </c>
      <c r="P70" t="s">
        <v>176</v>
      </c>
      <c r="Q70" t="s">
        <v>177</v>
      </c>
      <c r="S70" t="s">
        <v>178</v>
      </c>
      <c r="T70" t="s">
        <v>175</v>
      </c>
      <c r="Y70" t="s">
        <v>224</v>
      </c>
      <c r="AC70" t="s">
        <v>180</v>
      </c>
      <c r="AD70" t="s">
        <v>175</v>
      </c>
      <c r="AE70" t="s">
        <v>230</v>
      </c>
      <c r="AF70" t="s">
        <v>200</v>
      </c>
      <c r="AG70" t="s">
        <v>230</v>
      </c>
      <c r="AH70" t="s">
        <v>200</v>
      </c>
      <c r="AI70" t="s">
        <v>200</v>
      </c>
      <c r="AJ70" t="s">
        <v>200</v>
      </c>
      <c r="AK70" t="s">
        <v>230</v>
      </c>
      <c r="AL70" t="s">
        <v>42</v>
      </c>
      <c r="AM70" t="s">
        <v>206</v>
      </c>
      <c r="AN70" t="s">
        <v>202</v>
      </c>
      <c r="AO70" t="s">
        <v>182</v>
      </c>
      <c r="AP70" t="s">
        <v>185</v>
      </c>
      <c r="AQ70" t="s">
        <v>184</v>
      </c>
      <c r="AR70" t="s">
        <v>183</v>
      </c>
      <c r="AS70" t="s">
        <v>203</v>
      </c>
      <c r="AT70" t="s">
        <v>205</v>
      </c>
      <c r="AU70" t="s">
        <v>204</v>
      </c>
      <c r="AV70" t="s">
        <v>201</v>
      </c>
      <c r="AZ70" t="s">
        <v>207</v>
      </c>
      <c r="BF70" t="s">
        <v>292</v>
      </c>
      <c r="BG70" t="s">
        <v>301</v>
      </c>
      <c r="BH70" t="s">
        <v>211</v>
      </c>
      <c r="BK70" t="s">
        <v>218</v>
      </c>
      <c r="BM70" t="s">
        <v>191</v>
      </c>
      <c r="BO70" t="s">
        <v>191</v>
      </c>
    </row>
    <row r="71" spans="1:69" x14ac:dyDescent="0.25">
      <c r="A71" s="1">
        <v>30448368</v>
      </c>
      <c r="B71" t="s">
        <v>3763</v>
      </c>
      <c r="C71" t="s">
        <v>39</v>
      </c>
      <c r="D71" t="s">
        <v>3727</v>
      </c>
      <c r="E71" t="s">
        <v>175</v>
      </c>
      <c r="L71" t="s">
        <v>52</v>
      </c>
      <c r="M71" s="1">
        <v>0</v>
      </c>
      <c r="N71" s="1">
        <v>0</v>
      </c>
      <c r="O71" t="s">
        <v>3728</v>
      </c>
      <c r="P71" t="s">
        <v>176</v>
      </c>
      <c r="Q71" t="s">
        <v>196</v>
      </c>
      <c r="S71" t="s">
        <v>178</v>
      </c>
      <c r="T71" t="s">
        <v>175</v>
      </c>
      <c r="X71" t="s">
        <v>179</v>
      </c>
      <c r="Y71" t="s">
        <v>224</v>
      </c>
      <c r="AC71" t="s">
        <v>225</v>
      </c>
      <c r="AD71" t="s">
        <v>175</v>
      </c>
      <c r="AE71" t="s">
        <v>175</v>
      </c>
      <c r="AF71" t="s">
        <v>175</v>
      </c>
      <c r="AG71" t="s">
        <v>175</v>
      </c>
      <c r="AH71" t="s">
        <v>175</v>
      </c>
      <c r="AI71" t="s">
        <v>175</v>
      </c>
      <c r="AJ71" t="s">
        <v>175</v>
      </c>
      <c r="AK71" t="s">
        <v>175</v>
      </c>
      <c r="AL71" t="s">
        <v>52</v>
      </c>
      <c r="AM71" t="s">
        <v>206</v>
      </c>
      <c r="AN71" t="s">
        <v>185</v>
      </c>
      <c r="AO71" t="s">
        <v>201</v>
      </c>
      <c r="AP71" t="s">
        <v>205</v>
      </c>
      <c r="AQ71" t="s">
        <v>204</v>
      </c>
      <c r="AR71" t="s">
        <v>202</v>
      </c>
      <c r="AS71" t="s">
        <v>203</v>
      </c>
      <c r="AT71" t="s">
        <v>184</v>
      </c>
      <c r="AU71" t="s">
        <v>182</v>
      </c>
      <c r="AV71" t="s">
        <v>183</v>
      </c>
      <c r="AZ71" t="s">
        <v>207</v>
      </c>
      <c r="BB71" t="s">
        <v>208</v>
      </c>
      <c r="BF71" s="1">
        <v>0</v>
      </c>
      <c r="BG71" s="1">
        <v>0</v>
      </c>
      <c r="BH71" t="s">
        <v>247</v>
      </c>
      <c r="BK71" t="s">
        <v>191</v>
      </c>
      <c r="BL71" t="s">
        <v>3764</v>
      </c>
      <c r="BM71" t="s">
        <v>191</v>
      </c>
      <c r="BN71" t="s">
        <v>3765</v>
      </c>
      <c r="BO71" t="s">
        <v>191</v>
      </c>
      <c r="BP71" t="s">
        <v>3766</v>
      </c>
    </row>
    <row r="72" spans="1:69" x14ac:dyDescent="0.25">
      <c r="A72" s="1">
        <v>30448369</v>
      </c>
      <c r="B72" t="s">
        <v>3767</v>
      </c>
      <c r="C72" t="s">
        <v>39</v>
      </c>
      <c r="D72" t="s">
        <v>3727</v>
      </c>
      <c r="E72" t="s">
        <v>195</v>
      </c>
      <c r="L72" t="s">
        <v>52</v>
      </c>
      <c r="M72" s="1">
        <v>0</v>
      </c>
      <c r="N72" s="1">
        <v>0</v>
      </c>
      <c r="O72" t="s">
        <v>3728</v>
      </c>
      <c r="P72" t="s">
        <v>176</v>
      </c>
      <c r="Q72" t="s">
        <v>238</v>
      </c>
      <c r="S72" t="s">
        <v>178</v>
      </c>
      <c r="T72" t="s">
        <v>197</v>
      </c>
      <c r="Y72" t="s">
        <v>224</v>
      </c>
      <c r="AC72" t="s">
        <v>180</v>
      </c>
      <c r="AD72" s="1">
        <v>0</v>
      </c>
      <c r="AE72" s="1">
        <v>0</v>
      </c>
      <c r="AF72" s="1">
        <v>0</v>
      </c>
      <c r="AG72" s="1">
        <v>0</v>
      </c>
      <c r="AH72" s="1">
        <v>0</v>
      </c>
      <c r="AI72" s="1">
        <v>0</v>
      </c>
      <c r="AJ72" s="1">
        <v>0</v>
      </c>
      <c r="AK72" s="1">
        <v>0</v>
      </c>
      <c r="AL72" s="1">
        <v>0</v>
      </c>
      <c r="AM72" s="1">
        <v>0</v>
      </c>
      <c r="AN72" s="1">
        <v>0</v>
      </c>
      <c r="AO72" s="1">
        <v>0</v>
      </c>
      <c r="AP72" s="1">
        <v>0</v>
      </c>
      <c r="AQ72" s="1">
        <v>0</v>
      </c>
      <c r="AR72" s="1">
        <v>0</v>
      </c>
      <c r="AS72" s="1">
        <v>0</v>
      </c>
      <c r="AT72" s="1">
        <v>0</v>
      </c>
      <c r="AU72" s="1">
        <v>0</v>
      </c>
      <c r="AV72" s="1">
        <v>0</v>
      </c>
      <c r="BF72" s="1">
        <v>0</v>
      </c>
      <c r="BG72" s="1">
        <v>0</v>
      </c>
      <c r="BH72" s="1">
        <v>0</v>
      </c>
      <c r="BK72" s="1">
        <v>0</v>
      </c>
      <c r="BM72" s="1">
        <v>0</v>
      </c>
      <c r="BO72" s="1">
        <v>0</v>
      </c>
    </row>
    <row r="73" spans="1:69" x14ac:dyDescent="0.25">
      <c r="A73" s="1">
        <v>30448370</v>
      </c>
      <c r="B73" t="s">
        <v>3768</v>
      </c>
      <c r="C73" t="s">
        <v>39</v>
      </c>
      <c r="D73" t="s">
        <v>3727</v>
      </c>
      <c r="E73" t="s">
        <v>216</v>
      </c>
      <c r="L73" t="s">
        <v>52</v>
      </c>
      <c r="M73" s="1">
        <v>0</v>
      </c>
      <c r="N73" s="1">
        <v>0</v>
      </c>
      <c r="O73" t="s">
        <v>3728</v>
      </c>
      <c r="P73" t="s">
        <v>216</v>
      </c>
      <c r="Q73" s="1">
        <v>0</v>
      </c>
      <c r="S73" s="1">
        <v>0</v>
      </c>
      <c r="T73" s="1">
        <v>0</v>
      </c>
      <c r="AC73" s="1">
        <v>0</v>
      </c>
      <c r="AD73" s="1">
        <v>0</v>
      </c>
      <c r="AE73" s="1">
        <v>0</v>
      </c>
      <c r="AF73" s="1">
        <v>0</v>
      </c>
      <c r="AG73" s="1">
        <v>0</v>
      </c>
      <c r="AH73" s="1">
        <v>0</v>
      </c>
      <c r="AI73" s="1">
        <v>0</v>
      </c>
      <c r="AJ73" s="1">
        <v>0</v>
      </c>
      <c r="AK73" s="1">
        <v>0</v>
      </c>
      <c r="AL73" s="1">
        <v>0</v>
      </c>
      <c r="AM73" s="1">
        <v>0</v>
      </c>
      <c r="AN73" s="1">
        <v>0</v>
      </c>
      <c r="AO73" s="1">
        <v>0</v>
      </c>
      <c r="AP73" s="1">
        <v>0</v>
      </c>
      <c r="AQ73" s="1">
        <v>0</v>
      </c>
      <c r="AR73" s="1">
        <v>0</v>
      </c>
      <c r="AS73" s="1">
        <v>0</v>
      </c>
      <c r="AT73" s="1">
        <v>0</v>
      </c>
      <c r="AU73" s="1">
        <v>0</v>
      </c>
      <c r="AV73" s="1">
        <v>0</v>
      </c>
      <c r="BF73" s="1">
        <v>0</v>
      </c>
      <c r="BG73" s="1">
        <v>0</v>
      </c>
      <c r="BH73" s="1">
        <v>0</v>
      </c>
      <c r="BK73" s="1">
        <v>0</v>
      </c>
      <c r="BM73" s="1">
        <v>0</v>
      </c>
      <c r="BO73" s="1">
        <v>0</v>
      </c>
    </row>
    <row r="74" spans="1:69" x14ac:dyDescent="0.25">
      <c r="A74" s="1">
        <v>30448371</v>
      </c>
      <c r="B74" t="s">
        <v>41</v>
      </c>
      <c r="C74" t="s">
        <v>39</v>
      </c>
      <c r="L74" t="s">
        <v>42</v>
      </c>
      <c r="M74" t="s">
        <v>42</v>
      </c>
      <c r="N74" s="1">
        <v>0</v>
      </c>
      <c r="O74" s="1">
        <v>0</v>
      </c>
      <c r="P74" s="1">
        <v>0</v>
      </c>
      <c r="Q74" s="1">
        <v>0</v>
      </c>
      <c r="S74" s="1">
        <v>0</v>
      </c>
      <c r="T74" s="1">
        <v>0</v>
      </c>
      <c r="AC74" s="1">
        <v>0</v>
      </c>
      <c r="AD74" s="1">
        <v>0</v>
      </c>
      <c r="AE74" s="1">
        <v>0</v>
      </c>
      <c r="AF74" s="1">
        <v>0</v>
      </c>
      <c r="AG74" s="1">
        <v>0</v>
      </c>
      <c r="AH74" s="1">
        <v>0</v>
      </c>
      <c r="AI74" s="1">
        <v>0</v>
      </c>
      <c r="AJ74" s="1">
        <v>0</v>
      </c>
      <c r="AK74" s="1">
        <v>0</v>
      </c>
      <c r="AL74" s="1">
        <v>0</v>
      </c>
      <c r="AM74" s="1">
        <v>0</v>
      </c>
      <c r="AN74" s="1">
        <v>0</v>
      </c>
      <c r="AO74" s="1">
        <v>0</v>
      </c>
      <c r="AP74" s="1">
        <v>0</v>
      </c>
      <c r="AQ74" s="1">
        <v>0</v>
      </c>
      <c r="AR74" s="1">
        <v>0</v>
      </c>
      <c r="AS74" s="1">
        <v>0</v>
      </c>
      <c r="AT74" s="1">
        <v>0</v>
      </c>
      <c r="AU74" s="1">
        <v>0</v>
      </c>
      <c r="AV74" s="1">
        <v>0</v>
      </c>
      <c r="BF74" s="1">
        <v>0</v>
      </c>
      <c r="BG74" s="1">
        <v>0</v>
      </c>
      <c r="BH74" s="1">
        <v>0</v>
      </c>
      <c r="BK74" s="1">
        <v>0</v>
      </c>
      <c r="BM74" s="1">
        <v>0</v>
      </c>
      <c r="BO74" s="1">
        <v>0</v>
      </c>
    </row>
    <row r="75" spans="1:69" x14ac:dyDescent="0.25">
      <c r="A75" s="1">
        <v>30448372</v>
      </c>
      <c r="B75" t="s">
        <v>978</v>
      </c>
      <c r="C75" t="s">
        <v>39</v>
      </c>
      <c r="D75" t="s">
        <v>942</v>
      </c>
      <c r="E75" t="s">
        <v>195</v>
      </c>
      <c r="L75" t="s">
        <v>52</v>
      </c>
      <c r="M75" s="1">
        <v>0</v>
      </c>
      <c r="N75" s="1">
        <v>0</v>
      </c>
      <c r="O75" t="s">
        <v>942</v>
      </c>
      <c r="P75" t="s">
        <v>176</v>
      </c>
      <c r="Q75" t="s">
        <v>177</v>
      </c>
      <c r="S75" t="s">
        <v>178</v>
      </c>
      <c r="T75" t="s">
        <v>197</v>
      </c>
      <c r="U75" t="s">
        <v>979</v>
      </c>
      <c r="X75" t="s">
        <v>179</v>
      </c>
      <c r="AC75" t="s">
        <v>180</v>
      </c>
      <c r="AD75" t="s">
        <v>175</v>
      </c>
      <c r="AE75" t="s">
        <v>175</v>
      </c>
      <c r="AF75" t="s">
        <v>181</v>
      </c>
      <c r="AG75" t="s">
        <v>175</v>
      </c>
      <c r="AH75" t="s">
        <v>175</v>
      </c>
      <c r="AI75" t="s">
        <v>175</v>
      </c>
      <c r="AJ75" t="s">
        <v>181</v>
      </c>
      <c r="AK75" t="s">
        <v>181</v>
      </c>
      <c r="AL75" t="s">
        <v>42</v>
      </c>
      <c r="AM75" t="s">
        <v>185</v>
      </c>
      <c r="AN75" t="s">
        <v>184</v>
      </c>
      <c r="AO75" t="s">
        <v>183</v>
      </c>
      <c r="AP75" s="1">
        <v>0</v>
      </c>
      <c r="AQ75" t="s">
        <v>182</v>
      </c>
      <c r="AR75" s="1">
        <v>0</v>
      </c>
      <c r="AS75" s="1">
        <v>0</v>
      </c>
      <c r="AT75" s="1">
        <v>0</v>
      </c>
      <c r="AU75" s="1">
        <v>0</v>
      </c>
      <c r="AV75" s="1">
        <v>0</v>
      </c>
      <c r="AX75" t="s">
        <v>186</v>
      </c>
      <c r="AZ75" t="s">
        <v>207</v>
      </c>
      <c r="BF75" t="s">
        <v>232</v>
      </c>
      <c r="BG75" t="s">
        <v>301</v>
      </c>
      <c r="BH75" t="s">
        <v>211</v>
      </c>
      <c r="BK75" t="s">
        <v>191</v>
      </c>
      <c r="BL75" t="s">
        <v>980</v>
      </c>
      <c r="BM75" t="s">
        <v>191</v>
      </c>
      <c r="BN75" t="s">
        <v>981</v>
      </c>
      <c r="BO75" t="s">
        <v>191</v>
      </c>
      <c r="BP75" t="s">
        <v>982</v>
      </c>
      <c r="BQ75" t="s">
        <v>983</v>
      </c>
    </row>
    <row r="76" spans="1:69" x14ac:dyDescent="0.25">
      <c r="A76" s="1">
        <v>30448373</v>
      </c>
      <c r="B76" t="s">
        <v>255</v>
      </c>
      <c r="C76" t="s">
        <v>39</v>
      </c>
      <c r="D76" t="s">
        <v>174</v>
      </c>
      <c r="E76" t="s">
        <v>195</v>
      </c>
      <c r="L76" t="s">
        <v>52</v>
      </c>
      <c r="M76" s="1">
        <v>0</v>
      </c>
      <c r="N76" s="1">
        <v>0</v>
      </c>
      <c r="O76" t="s">
        <v>174</v>
      </c>
      <c r="P76" t="s">
        <v>176</v>
      </c>
      <c r="Q76" t="s">
        <v>196</v>
      </c>
      <c r="S76" t="s">
        <v>256</v>
      </c>
      <c r="T76" t="s">
        <v>197</v>
      </c>
      <c r="AC76" t="s">
        <v>199</v>
      </c>
      <c r="AD76" t="s">
        <v>181</v>
      </c>
      <c r="AE76" t="s">
        <v>181</v>
      </c>
      <c r="AF76" t="s">
        <v>181</v>
      </c>
      <c r="AG76" t="s">
        <v>181</v>
      </c>
      <c r="AH76" t="s">
        <v>181</v>
      </c>
      <c r="AI76" t="s">
        <v>181</v>
      </c>
      <c r="AJ76" t="s">
        <v>181</v>
      </c>
      <c r="AK76" t="s">
        <v>181</v>
      </c>
      <c r="AL76" t="s">
        <v>42</v>
      </c>
      <c r="AM76" s="1">
        <v>0</v>
      </c>
      <c r="AN76" s="1">
        <v>0</v>
      </c>
      <c r="AO76" s="1">
        <v>0</v>
      </c>
      <c r="AP76" s="1">
        <v>0</v>
      </c>
      <c r="AQ76" s="1">
        <v>0</v>
      </c>
      <c r="AR76" s="1">
        <v>0</v>
      </c>
      <c r="AS76" s="1">
        <v>0</v>
      </c>
      <c r="AT76" s="1">
        <v>0</v>
      </c>
      <c r="AU76" s="1">
        <v>0</v>
      </c>
      <c r="AV76" s="1">
        <v>0</v>
      </c>
      <c r="BF76" s="1">
        <v>0</v>
      </c>
      <c r="BG76" s="1">
        <v>0</v>
      </c>
      <c r="BH76" s="1">
        <v>0</v>
      </c>
      <c r="BK76" s="1">
        <v>0</v>
      </c>
      <c r="BM76" s="1">
        <v>0</v>
      </c>
      <c r="BO76" s="1">
        <v>0</v>
      </c>
    </row>
    <row r="77" spans="1:69" x14ac:dyDescent="0.25">
      <c r="A77" s="1">
        <v>30448374</v>
      </c>
      <c r="B77" t="s">
        <v>43</v>
      </c>
      <c r="C77" t="s">
        <v>39</v>
      </c>
      <c r="L77" s="1">
        <v>0</v>
      </c>
      <c r="M77" s="1">
        <v>0</v>
      </c>
      <c r="N77" s="1">
        <v>0</v>
      </c>
      <c r="O77" s="1">
        <v>0</v>
      </c>
      <c r="P77" s="1">
        <v>0</v>
      </c>
      <c r="Q77" s="1">
        <v>0</v>
      </c>
      <c r="S77" s="1">
        <v>0</v>
      </c>
      <c r="T77" s="1">
        <v>0</v>
      </c>
      <c r="AC77" s="1">
        <v>0</v>
      </c>
      <c r="AD77" s="1">
        <v>0</v>
      </c>
      <c r="AE77" s="1">
        <v>0</v>
      </c>
      <c r="AF77" s="1">
        <v>0</v>
      </c>
      <c r="AG77" s="1">
        <v>0</v>
      </c>
      <c r="AH77" s="1">
        <v>0</v>
      </c>
      <c r="AI77" s="1">
        <v>0</v>
      </c>
      <c r="AJ77" s="1">
        <v>0</v>
      </c>
      <c r="AK77" s="1">
        <v>0</v>
      </c>
      <c r="AL77" s="1">
        <v>0</v>
      </c>
      <c r="AM77" s="1">
        <v>0</v>
      </c>
      <c r="AN77" s="1">
        <v>0</v>
      </c>
      <c r="AO77" s="1">
        <v>0</v>
      </c>
      <c r="AP77" s="1">
        <v>0</v>
      </c>
      <c r="AQ77" s="1">
        <v>0</v>
      </c>
      <c r="AR77" s="1">
        <v>0</v>
      </c>
      <c r="AS77" s="1">
        <v>0</v>
      </c>
      <c r="AT77" s="1">
        <v>0</v>
      </c>
      <c r="AU77" s="1">
        <v>0</v>
      </c>
      <c r="AV77" s="1">
        <v>0</v>
      </c>
      <c r="BF77" s="1">
        <v>0</v>
      </c>
      <c r="BG77" s="1">
        <v>0</v>
      </c>
      <c r="BH77" s="1">
        <v>0</v>
      </c>
      <c r="BK77" s="1">
        <v>0</v>
      </c>
      <c r="BM77" s="1">
        <v>0</v>
      </c>
      <c r="BO77" s="1">
        <v>0</v>
      </c>
    </row>
    <row r="78" spans="1:69" x14ac:dyDescent="0.25">
      <c r="A78" s="1">
        <v>30448375</v>
      </c>
      <c r="B78" t="s">
        <v>3769</v>
      </c>
      <c r="C78" t="s">
        <v>39</v>
      </c>
      <c r="D78" t="s">
        <v>3727</v>
      </c>
      <c r="E78" t="s">
        <v>195</v>
      </c>
      <c r="L78" t="s">
        <v>52</v>
      </c>
      <c r="M78" s="1">
        <v>0</v>
      </c>
      <c r="N78" s="1">
        <v>0</v>
      </c>
      <c r="O78" t="s">
        <v>3728</v>
      </c>
      <c r="P78" t="s">
        <v>176</v>
      </c>
      <c r="Q78" t="s">
        <v>258</v>
      </c>
      <c r="S78" t="s">
        <v>315</v>
      </c>
      <c r="T78" t="s">
        <v>197</v>
      </c>
      <c r="AC78" t="s">
        <v>180</v>
      </c>
      <c r="AD78" t="s">
        <v>175</v>
      </c>
      <c r="AE78" t="s">
        <v>181</v>
      </c>
      <c r="AF78" t="s">
        <v>175</v>
      </c>
      <c r="AG78" t="s">
        <v>181</v>
      </c>
      <c r="AH78" t="s">
        <v>175</v>
      </c>
      <c r="AI78" t="s">
        <v>175</v>
      </c>
      <c r="AJ78" t="s">
        <v>175</v>
      </c>
      <c r="AK78" t="s">
        <v>175</v>
      </c>
      <c r="AL78" t="s">
        <v>52</v>
      </c>
      <c r="AM78" t="s">
        <v>182</v>
      </c>
      <c r="AN78" t="s">
        <v>206</v>
      </c>
      <c r="AO78" t="s">
        <v>205</v>
      </c>
      <c r="AP78" t="s">
        <v>185</v>
      </c>
      <c r="AQ78" t="s">
        <v>184</v>
      </c>
      <c r="AR78" t="s">
        <v>183</v>
      </c>
      <c r="AS78" t="s">
        <v>202</v>
      </c>
      <c r="AT78" t="s">
        <v>203</v>
      </c>
      <c r="AU78" t="s">
        <v>201</v>
      </c>
      <c r="AV78" t="s">
        <v>204</v>
      </c>
      <c r="AX78" t="s">
        <v>186</v>
      </c>
      <c r="BF78" t="s">
        <v>232</v>
      </c>
      <c r="BG78" t="s">
        <v>301</v>
      </c>
      <c r="BH78" t="s">
        <v>247</v>
      </c>
      <c r="BK78" t="s">
        <v>191</v>
      </c>
      <c r="BM78" t="s">
        <v>191</v>
      </c>
      <c r="BO78" t="s">
        <v>191</v>
      </c>
    </row>
    <row r="79" spans="1:69" x14ac:dyDescent="0.25">
      <c r="A79" s="1">
        <v>30448376</v>
      </c>
      <c r="B79" t="s">
        <v>1670</v>
      </c>
      <c r="C79" t="s">
        <v>39</v>
      </c>
      <c r="D79" t="s">
        <v>1616</v>
      </c>
      <c r="E79" t="s">
        <v>200</v>
      </c>
      <c r="L79" t="s">
        <v>52</v>
      </c>
      <c r="M79" s="1">
        <v>0</v>
      </c>
      <c r="N79" s="1">
        <v>0</v>
      </c>
      <c r="O79" t="s">
        <v>1616</v>
      </c>
      <c r="P79" t="s">
        <v>216</v>
      </c>
      <c r="Q79" t="s">
        <v>177</v>
      </c>
      <c r="S79" s="1">
        <v>0</v>
      </c>
      <c r="T79" t="s">
        <v>200</v>
      </c>
      <c r="Y79" t="s">
        <v>224</v>
      </c>
      <c r="AC79" t="s">
        <v>180</v>
      </c>
      <c r="AD79" t="s">
        <v>200</v>
      </c>
      <c r="AE79" t="s">
        <v>200</v>
      </c>
      <c r="AF79" t="s">
        <v>200</v>
      </c>
      <c r="AG79" t="s">
        <v>200</v>
      </c>
      <c r="AH79" t="s">
        <v>200</v>
      </c>
      <c r="AI79" t="s">
        <v>200</v>
      </c>
      <c r="AJ79" t="s">
        <v>200</v>
      </c>
      <c r="AK79" t="s">
        <v>200</v>
      </c>
      <c r="AL79" t="s">
        <v>42</v>
      </c>
      <c r="AM79" t="s">
        <v>206</v>
      </c>
      <c r="AN79" t="s">
        <v>182</v>
      </c>
      <c r="AO79" t="s">
        <v>185</v>
      </c>
      <c r="AP79" t="s">
        <v>201</v>
      </c>
      <c r="AQ79" t="s">
        <v>202</v>
      </c>
      <c r="AR79" t="s">
        <v>203</v>
      </c>
      <c r="AS79" t="s">
        <v>204</v>
      </c>
      <c r="AT79" t="s">
        <v>184</v>
      </c>
      <c r="AU79" t="s">
        <v>183</v>
      </c>
      <c r="AV79" t="s">
        <v>205</v>
      </c>
      <c r="AW79" t="s">
        <v>1671</v>
      </c>
      <c r="AX79" t="s">
        <v>186</v>
      </c>
      <c r="AZ79" t="s">
        <v>207</v>
      </c>
      <c r="BF79" t="s">
        <v>232</v>
      </c>
      <c r="BG79" t="s">
        <v>1382</v>
      </c>
      <c r="BH79" t="s">
        <v>211</v>
      </c>
      <c r="BK79" t="s">
        <v>191</v>
      </c>
      <c r="BL79" t="s">
        <v>1672</v>
      </c>
      <c r="BM79" t="s">
        <v>218</v>
      </c>
      <c r="BN79" t="s">
        <v>1673</v>
      </c>
      <c r="BO79" t="s">
        <v>218</v>
      </c>
      <c r="BP79" t="s">
        <v>1674</v>
      </c>
      <c r="BQ79" t="s">
        <v>1675</v>
      </c>
    </row>
    <row r="80" spans="1:69" x14ac:dyDescent="0.25">
      <c r="A80" s="1">
        <v>30448377</v>
      </c>
      <c r="B80" t="s">
        <v>1670</v>
      </c>
      <c r="C80" t="s">
        <v>39</v>
      </c>
      <c r="D80" t="s">
        <v>2512</v>
      </c>
      <c r="E80" t="s">
        <v>175</v>
      </c>
      <c r="L80" t="s">
        <v>52</v>
      </c>
      <c r="M80" s="1">
        <v>0</v>
      </c>
      <c r="N80" s="1">
        <v>0</v>
      </c>
      <c r="O80" t="s">
        <v>2512</v>
      </c>
      <c r="P80" t="s">
        <v>176</v>
      </c>
      <c r="Q80" t="s">
        <v>238</v>
      </c>
      <c r="S80" t="s">
        <v>178</v>
      </c>
      <c r="T80" t="s">
        <v>175</v>
      </c>
      <c r="X80" t="s">
        <v>179</v>
      </c>
      <c r="AC80" t="s">
        <v>1357</v>
      </c>
      <c r="AD80" t="s">
        <v>175</v>
      </c>
      <c r="AE80" t="s">
        <v>299</v>
      </c>
      <c r="AF80" t="s">
        <v>299</v>
      </c>
      <c r="AG80" t="s">
        <v>175</v>
      </c>
      <c r="AH80" t="s">
        <v>200</v>
      </c>
      <c r="AI80" t="s">
        <v>200</v>
      </c>
      <c r="AJ80" t="s">
        <v>175</v>
      </c>
      <c r="AK80" t="s">
        <v>175</v>
      </c>
      <c r="AL80" t="s">
        <v>42</v>
      </c>
      <c r="AM80" t="s">
        <v>183</v>
      </c>
      <c r="AN80" t="s">
        <v>205</v>
      </c>
      <c r="AO80" t="s">
        <v>185</v>
      </c>
      <c r="AP80" t="s">
        <v>182</v>
      </c>
      <c r="AQ80" t="s">
        <v>201</v>
      </c>
      <c r="AR80" t="s">
        <v>184</v>
      </c>
      <c r="AS80" t="s">
        <v>203</v>
      </c>
      <c r="AT80" t="s">
        <v>204</v>
      </c>
      <c r="AU80" t="s">
        <v>202</v>
      </c>
      <c r="AV80" t="s">
        <v>206</v>
      </c>
      <c r="AW80" t="s">
        <v>2528</v>
      </c>
      <c r="AX80" t="s">
        <v>186</v>
      </c>
      <c r="AY80" t="s">
        <v>187</v>
      </c>
      <c r="AZ80" t="s">
        <v>207</v>
      </c>
      <c r="BA80" t="s">
        <v>188</v>
      </c>
      <c r="BB80" t="s">
        <v>208</v>
      </c>
      <c r="BF80" t="s">
        <v>210</v>
      </c>
      <c r="BG80" s="1">
        <v>0</v>
      </c>
      <c r="BH80" t="s">
        <v>247</v>
      </c>
      <c r="BK80" t="s">
        <v>191</v>
      </c>
      <c r="BM80" t="s">
        <v>218</v>
      </c>
      <c r="BN80" t="s">
        <v>2529</v>
      </c>
      <c r="BO80" t="s">
        <v>218</v>
      </c>
      <c r="BP80" t="s">
        <v>2530</v>
      </c>
      <c r="BQ80" t="s">
        <v>2531</v>
      </c>
    </row>
    <row r="81" spans="1:69" x14ac:dyDescent="0.25">
      <c r="A81" s="1">
        <v>30448378</v>
      </c>
      <c r="B81" t="s">
        <v>3770</v>
      </c>
      <c r="C81" t="s">
        <v>39</v>
      </c>
      <c r="D81" t="s">
        <v>3727</v>
      </c>
      <c r="E81" t="s">
        <v>216</v>
      </c>
      <c r="L81" t="s">
        <v>52</v>
      </c>
      <c r="M81" s="1">
        <v>0</v>
      </c>
      <c r="N81" s="1">
        <v>0</v>
      </c>
      <c r="O81" t="s">
        <v>3728</v>
      </c>
      <c r="P81" t="s">
        <v>216</v>
      </c>
      <c r="Q81" t="s">
        <v>238</v>
      </c>
      <c r="S81" s="1">
        <v>0</v>
      </c>
      <c r="T81" t="s">
        <v>197</v>
      </c>
      <c r="U81" t="s">
        <v>3771</v>
      </c>
      <c r="W81" t="s">
        <v>262</v>
      </c>
      <c r="X81" t="s">
        <v>179</v>
      </c>
      <c r="AC81" t="s">
        <v>266</v>
      </c>
      <c r="AD81" t="s">
        <v>181</v>
      </c>
      <c r="AE81" t="s">
        <v>175</v>
      </c>
      <c r="AF81" t="s">
        <v>230</v>
      </c>
      <c r="AG81" t="s">
        <v>230</v>
      </c>
      <c r="AH81" t="s">
        <v>200</v>
      </c>
      <c r="AI81" t="s">
        <v>200</v>
      </c>
      <c r="AJ81" t="s">
        <v>200</v>
      </c>
      <c r="AK81" t="s">
        <v>175</v>
      </c>
      <c r="AL81" t="s">
        <v>52</v>
      </c>
      <c r="AM81" t="s">
        <v>203</v>
      </c>
      <c r="AN81" t="s">
        <v>183</v>
      </c>
      <c r="AO81" t="s">
        <v>185</v>
      </c>
      <c r="AP81" t="s">
        <v>182</v>
      </c>
      <c r="AQ81" t="s">
        <v>201</v>
      </c>
      <c r="AR81" t="s">
        <v>204</v>
      </c>
      <c r="AS81" t="s">
        <v>184</v>
      </c>
      <c r="AT81" t="s">
        <v>205</v>
      </c>
      <c r="AU81" t="s">
        <v>206</v>
      </c>
      <c r="AV81" t="s">
        <v>202</v>
      </c>
      <c r="AW81" t="s">
        <v>3772</v>
      </c>
      <c r="AX81" t="s">
        <v>186</v>
      </c>
      <c r="AY81" t="s">
        <v>187</v>
      </c>
      <c r="AZ81" t="s">
        <v>207</v>
      </c>
      <c r="BC81" t="s">
        <v>209</v>
      </c>
      <c r="BF81" t="s">
        <v>189</v>
      </c>
      <c r="BG81" s="1">
        <v>0</v>
      </c>
      <c r="BH81" t="s">
        <v>247</v>
      </c>
      <c r="BK81" t="s">
        <v>191</v>
      </c>
      <c r="BL81" t="s">
        <v>3773</v>
      </c>
      <c r="BM81" t="s">
        <v>191</v>
      </c>
      <c r="BN81" t="s">
        <v>3774</v>
      </c>
      <c r="BO81" t="s">
        <v>191</v>
      </c>
      <c r="BP81" t="s">
        <v>1046</v>
      </c>
      <c r="BQ81" t="s">
        <v>3775</v>
      </c>
    </row>
    <row r="82" spans="1:69" x14ac:dyDescent="0.25">
      <c r="A82" s="1">
        <v>30448379</v>
      </c>
      <c r="B82" t="s">
        <v>44</v>
      </c>
      <c r="C82" t="s">
        <v>39</v>
      </c>
      <c r="L82" s="1">
        <v>0</v>
      </c>
      <c r="M82" s="1">
        <v>0</v>
      </c>
      <c r="N82" s="1">
        <v>0</v>
      </c>
      <c r="O82" s="1">
        <v>0</v>
      </c>
      <c r="P82" s="1">
        <v>0</v>
      </c>
      <c r="Q82" s="1">
        <v>0</v>
      </c>
      <c r="S82" s="1">
        <v>0</v>
      </c>
      <c r="T82" s="1">
        <v>0</v>
      </c>
      <c r="AC82" s="1">
        <v>0</v>
      </c>
      <c r="AD82" s="1">
        <v>0</v>
      </c>
      <c r="AE82" s="1">
        <v>0</v>
      </c>
      <c r="AF82" s="1">
        <v>0</v>
      </c>
      <c r="AG82" s="1">
        <v>0</v>
      </c>
      <c r="AH82" s="1">
        <v>0</v>
      </c>
      <c r="AI82" s="1">
        <v>0</v>
      </c>
      <c r="AJ82" s="1">
        <v>0</v>
      </c>
      <c r="AK82" s="1">
        <v>0</v>
      </c>
      <c r="AL82" s="1">
        <v>0</v>
      </c>
      <c r="AM82" s="1">
        <v>0</v>
      </c>
      <c r="AN82" s="1">
        <v>0</v>
      </c>
      <c r="AO82" s="1">
        <v>0</v>
      </c>
      <c r="AP82" s="1">
        <v>0</v>
      </c>
      <c r="AQ82" s="1">
        <v>0</v>
      </c>
      <c r="AR82" s="1">
        <v>0</v>
      </c>
      <c r="AS82" s="1">
        <v>0</v>
      </c>
      <c r="AT82" s="1">
        <v>0</v>
      </c>
      <c r="AU82" s="1">
        <v>0</v>
      </c>
      <c r="AV82" s="1">
        <v>0</v>
      </c>
      <c r="BF82" s="1">
        <v>0</v>
      </c>
      <c r="BG82" s="1">
        <v>0</v>
      </c>
      <c r="BH82" s="1">
        <v>0</v>
      </c>
      <c r="BK82" s="1">
        <v>0</v>
      </c>
      <c r="BM82" s="1">
        <v>0</v>
      </c>
      <c r="BO82" s="1">
        <v>0</v>
      </c>
    </row>
    <row r="83" spans="1:69" x14ac:dyDescent="0.25">
      <c r="A83" s="1">
        <v>30448380</v>
      </c>
      <c r="B83" t="s">
        <v>257</v>
      </c>
      <c r="C83" t="s">
        <v>39</v>
      </c>
      <c r="D83" t="s">
        <v>174</v>
      </c>
      <c r="E83" t="s">
        <v>175</v>
      </c>
      <c r="L83" t="s">
        <v>52</v>
      </c>
      <c r="M83" s="1">
        <v>0</v>
      </c>
      <c r="N83" s="1">
        <v>0</v>
      </c>
      <c r="O83" t="s">
        <v>174</v>
      </c>
      <c r="P83" t="s">
        <v>216</v>
      </c>
      <c r="Q83" t="s">
        <v>258</v>
      </c>
      <c r="S83" s="1">
        <v>0</v>
      </c>
      <c r="T83" t="s">
        <v>175</v>
      </c>
      <c r="Z83" t="s">
        <v>244</v>
      </c>
      <c r="AC83" t="s">
        <v>199</v>
      </c>
      <c r="AD83" t="s">
        <v>181</v>
      </c>
      <c r="AE83" t="s">
        <v>175</v>
      </c>
      <c r="AF83" t="s">
        <v>175</v>
      </c>
      <c r="AG83" t="s">
        <v>175</v>
      </c>
      <c r="AH83" t="s">
        <v>175</v>
      </c>
      <c r="AI83" t="s">
        <v>175</v>
      </c>
      <c r="AJ83" t="s">
        <v>175</v>
      </c>
      <c r="AK83" t="s">
        <v>175</v>
      </c>
      <c r="AL83" t="s">
        <v>42</v>
      </c>
      <c r="AM83" t="s">
        <v>203</v>
      </c>
      <c r="AN83" t="s">
        <v>205</v>
      </c>
      <c r="AO83" t="s">
        <v>206</v>
      </c>
      <c r="AP83" t="s">
        <v>204</v>
      </c>
      <c r="AQ83" t="s">
        <v>184</v>
      </c>
      <c r="AR83" t="s">
        <v>185</v>
      </c>
      <c r="AS83" t="s">
        <v>182</v>
      </c>
      <c r="AT83" t="s">
        <v>201</v>
      </c>
      <c r="AU83" t="s">
        <v>183</v>
      </c>
      <c r="AV83" t="s">
        <v>202</v>
      </c>
      <c r="AX83" t="s">
        <v>186</v>
      </c>
      <c r="BF83" t="s">
        <v>210</v>
      </c>
      <c r="BG83" s="1">
        <v>0</v>
      </c>
      <c r="BH83" t="s">
        <v>190</v>
      </c>
      <c r="BK83" t="s">
        <v>191</v>
      </c>
      <c r="BL83" t="s">
        <v>259</v>
      </c>
      <c r="BM83" t="s">
        <v>218</v>
      </c>
      <c r="BO83" s="1">
        <v>0</v>
      </c>
    </row>
    <row r="84" spans="1:69" x14ac:dyDescent="0.25">
      <c r="A84" s="1">
        <v>30448381</v>
      </c>
      <c r="B84" t="s">
        <v>2532</v>
      </c>
      <c r="C84" t="s">
        <v>39</v>
      </c>
      <c r="D84" t="s">
        <v>2512</v>
      </c>
      <c r="E84" t="s">
        <v>175</v>
      </c>
      <c r="L84" t="s">
        <v>52</v>
      </c>
      <c r="M84" s="1">
        <v>0</v>
      </c>
      <c r="N84" s="1">
        <v>0</v>
      </c>
      <c r="O84" t="s">
        <v>2512</v>
      </c>
      <c r="P84" t="s">
        <v>216</v>
      </c>
      <c r="Q84" t="s">
        <v>328</v>
      </c>
      <c r="S84" s="1">
        <v>0</v>
      </c>
      <c r="T84" t="s">
        <v>175</v>
      </c>
      <c r="X84" t="s">
        <v>179</v>
      </c>
      <c r="Y84" t="s">
        <v>224</v>
      </c>
      <c r="AC84" t="s">
        <v>266</v>
      </c>
      <c r="AD84" t="s">
        <v>175</v>
      </c>
      <c r="AE84" t="s">
        <v>230</v>
      </c>
      <c r="AF84" t="s">
        <v>175</v>
      </c>
      <c r="AG84" t="s">
        <v>200</v>
      </c>
      <c r="AH84" t="s">
        <v>200</v>
      </c>
      <c r="AI84" t="s">
        <v>200</v>
      </c>
      <c r="AJ84" t="s">
        <v>200</v>
      </c>
      <c r="AK84" t="s">
        <v>175</v>
      </c>
      <c r="AL84" t="s">
        <v>52</v>
      </c>
      <c r="AM84" t="s">
        <v>183</v>
      </c>
      <c r="AN84" t="s">
        <v>185</v>
      </c>
      <c r="AO84" t="s">
        <v>184</v>
      </c>
      <c r="AP84" t="s">
        <v>182</v>
      </c>
      <c r="AQ84" t="s">
        <v>203</v>
      </c>
      <c r="AR84" t="s">
        <v>202</v>
      </c>
      <c r="AS84" t="s">
        <v>201</v>
      </c>
      <c r="AT84" t="s">
        <v>206</v>
      </c>
      <c r="AU84" t="s">
        <v>205</v>
      </c>
      <c r="AV84" t="s">
        <v>204</v>
      </c>
      <c r="AX84" t="s">
        <v>186</v>
      </c>
      <c r="AZ84" t="s">
        <v>207</v>
      </c>
      <c r="BF84" t="s">
        <v>232</v>
      </c>
      <c r="BG84" t="s">
        <v>49</v>
      </c>
      <c r="BH84" t="s">
        <v>211</v>
      </c>
      <c r="BK84" t="s">
        <v>191</v>
      </c>
      <c r="BL84" t="s">
        <v>2533</v>
      </c>
      <c r="BM84" t="s">
        <v>191</v>
      </c>
      <c r="BN84" t="s">
        <v>2534</v>
      </c>
      <c r="BO84" t="s">
        <v>191</v>
      </c>
      <c r="BP84" t="s">
        <v>2535</v>
      </c>
    </row>
    <row r="85" spans="1:69" x14ac:dyDescent="0.25">
      <c r="A85" s="1">
        <v>30448382</v>
      </c>
      <c r="B85" t="s">
        <v>2536</v>
      </c>
      <c r="C85" t="s">
        <v>39</v>
      </c>
      <c r="D85" t="s">
        <v>2512</v>
      </c>
      <c r="E85" t="s">
        <v>195</v>
      </c>
      <c r="L85" t="s">
        <v>52</v>
      </c>
      <c r="M85" s="1">
        <v>0</v>
      </c>
      <c r="N85" s="1">
        <v>0</v>
      </c>
      <c r="O85" t="s">
        <v>2512</v>
      </c>
      <c r="P85" t="s">
        <v>176</v>
      </c>
      <c r="Q85" t="s">
        <v>238</v>
      </c>
      <c r="S85" t="s">
        <v>178</v>
      </c>
      <c r="T85" t="s">
        <v>197</v>
      </c>
      <c r="AC85" s="1">
        <v>0</v>
      </c>
      <c r="AD85" s="1">
        <v>0</v>
      </c>
      <c r="AE85" s="1">
        <v>0</v>
      </c>
      <c r="AF85" s="1">
        <v>0</v>
      </c>
      <c r="AG85" s="1">
        <v>0</v>
      </c>
      <c r="AH85" s="1">
        <v>0</v>
      </c>
      <c r="AI85" s="1">
        <v>0</v>
      </c>
      <c r="AJ85" s="1">
        <v>0</v>
      </c>
      <c r="AK85" s="1">
        <v>0</v>
      </c>
      <c r="AL85" s="1">
        <v>0</v>
      </c>
      <c r="AM85" s="1">
        <v>0</v>
      </c>
      <c r="AN85" s="1">
        <v>0</v>
      </c>
      <c r="AO85" s="1">
        <v>0</v>
      </c>
      <c r="AP85" s="1">
        <v>0</v>
      </c>
      <c r="AQ85" s="1">
        <v>0</v>
      </c>
      <c r="AR85" s="1">
        <v>0</v>
      </c>
      <c r="AS85" s="1">
        <v>0</v>
      </c>
      <c r="AT85" s="1">
        <v>0</v>
      </c>
      <c r="AU85" s="1">
        <v>0</v>
      </c>
      <c r="AV85" s="1">
        <v>0</v>
      </c>
      <c r="BF85" s="1">
        <v>0</v>
      </c>
      <c r="BG85" s="1">
        <v>0</v>
      </c>
      <c r="BH85" s="1">
        <v>0</v>
      </c>
      <c r="BK85" s="1">
        <v>0</v>
      </c>
      <c r="BM85" s="1">
        <v>0</v>
      </c>
      <c r="BO85" s="1">
        <v>0</v>
      </c>
    </row>
    <row r="86" spans="1:69" x14ac:dyDescent="0.25">
      <c r="A86" s="1">
        <v>30448383</v>
      </c>
      <c r="B86" t="s">
        <v>2537</v>
      </c>
      <c r="C86" t="s">
        <v>39</v>
      </c>
      <c r="D86" t="s">
        <v>2512</v>
      </c>
      <c r="E86" t="s">
        <v>175</v>
      </c>
      <c r="L86" t="s">
        <v>52</v>
      </c>
      <c r="M86" s="1">
        <v>0</v>
      </c>
      <c r="N86" s="1">
        <v>0</v>
      </c>
      <c r="O86" t="s">
        <v>2512</v>
      </c>
      <c r="P86" t="s">
        <v>216</v>
      </c>
      <c r="Q86" t="s">
        <v>238</v>
      </c>
      <c r="S86" s="1">
        <v>0</v>
      </c>
      <c r="T86" t="s">
        <v>175</v>
      </c>
      <c r="X86" t="s">
        <v>179</v>
      </c>
      <c r="AC86" t="s">
        <v>180</v>
      </c>
      <c r="AD86" t="s">
        <v>175</v>
      </c>
      <c r="AE86" t="s">
        <v>181</v>
      </c>
      <c r="AF86" t="s">
        <v>181</v>
      </c>
      <c r="AG86" t="s">
        <v>175</v>
      </c>
      <c r="AH86" t="s">
        <v>200</v>
      </c>
      <c r="AI86" t="s">
        <v>200</v>
      </c>
      <c r="AJ86" t="s">
        <v>200</v>
      </c>
      <c r="AK86" t="s">
        <v>175</v>
      </c>
      <c r="AL86" t="s">
        <v>42</v>
      </c>
      <c r="AM86" t="s">
        <v>205</v>
      </c>
      <c r="AN86" t="s">
        <v>183</v>
      </c>
      <c r="AO86" t="s">
        <v>185</v>
      </c>
      <c r="AP86" t="s">
        <v>203</v>
      </c>
      <c r="AQ86" t="s">
        <v>182</v>
      </c>
      <c r="AR86" t="s">
        <v>202</v>
      </c>
      <c r="AS86" t="s">
        <v>184</v>
      </c>
      <c r="AT86" t="s">
        <v>201</v>
      </c>
      <c r="AU86" t="s">
        <v>206</v>
      </c>
      <c r="AV86" t="s">
        <v>204</v>
      </c>
      <c r="AW86" t="s">
        <v>2538</v>
      </c>
      <c r="AX86" t="s">
        <v>186</v>
      </c>
      <c r="AY86" t="s">
        <v>187</v>
      </c>
      <c r="BA86" t="s">
        <v>188</v>
      </c>
      <c r="BB86" t="s">
        <v>208</v>
      </c>
      <c r="BF86" t="s">
        <v>49</v>
      </c>
      <c r="BG86" s="1">
        <v>0</v>
      </c>
      <c r="BH86" t="s">
        <v>247</v>
      </c>
      <c r="BK86" t="s">
        <v>191</v>
      </c>
      <c r="BL86" t="s">
        <v>2539</v>
      </c>
      <c r="BM86" t="s">
        <v>191</v>
      </c>
      <c r="BN86" t="s">
        <v>2540</v>
      </c>
      <c r="BO86" t="s">
        <v>218</v>
      </c>
      <c r="BP86" t="s">
        <v>2541</v>
      </c>
      <c r="BQ86" t="s">
        <v>2542</v>
      </c>
    </row>
    <row r="87" spans="1:69" x14ac:dyDescent="0.25">
      <c r="A87" s="1">
        <v>30448384</v>
      </c>
      <c r="B87" t="s">
        <v>2543</v>
      </c>
      <c r="C87" t="s">
        <v>39</v>
      </c>
      <c r="D87" t="s">
        <v>2512</v>
      </c>
      <c r="E87" t="s">
        <v>200</v>
      </c>
      <c r="L87" t="s">
        <v>52</v>
      </c>
      <c r="M87" s="1">
        <v>0</v>
      </c>
      <c r="N87" s="1">
        <v>0</v>
      </c>
      <c r="O87" t="s">
        <v>2512</v>
      </c>
      <c r="P87" t="s">
        <v>216</v>
      </c>
      <c r="Q87" t="s">
        <v>177</v>
      </c>
      <c r="S87" s="1">
        <v>0</v>
      </c>
      <c r="T87" t="s">
        <v>200</v>
      </c>
      <c r="X87" t="s">
        <v>179</v>
      </c>
      <c r="Z87" t="s">
        <v>244</v>
      </c>
      <c r="AC87" t="s">
        <v>180</v>
      </c>
      <c r="AD87" t="s">
        <v>175</v>
      </c>
      <c r="AE87" t="s">
        <v>175</v>
      </c>
      <c r="AF87" t="s">
        <v>175</v>
      </c>
      <c r="AG87" t="s">
        <v>175</v>
      </c>
      <c r="AH87" t="s">
        <v>175</v>
      </c>
      <c r="AI87" t="s">
        <v>175</v>
      </c>
      <c r="AJ87" t="s">
        <v>175</v>
      </c>
      <c r="AK87" t="s">
        <v>175</v>
      </c>
      <c r="AL87" t="s">
        <v>42</v>
      </c>
      <c r="AM87" t="s">
        <v>184</v>
      </c>
      <c r="AN87" t="s">
        <v>183</v>
      </c>
      <c r="AO87" t="s">
        <v>182</v>
      </c>
      <c r="AP87" t="s">
        <v>206</v>
      </c>
      <c r="AQ87" t="s">
        <v>185</v>
      </c>
      <c r="AR87" t="s">
        <v>203</v>
      </c>
      <c r="AS87" t="s">
        <v>202</v>
      </c>
      <c r="AT87" t="s">
        <v>201</v>
      </c>
      <c r="AU87" t="s">
        <v>205</v>
      </c>
      <c r="AV87" t="s">
        <v>204</v>
      </c>
      <c r="AX87" t="s">
        <v>186</v>
      </c>
      <c r="AZ87" t="s">
        <v>207</v>
      </c>
      <c r="BA87" t="s">
        <v>188</v>
      </c>
      <c r="BF87" t="s">
        <v>49</v>
      </c>
      <c r="BG87" s="1">
        <v>0</v>
      </c>
      <c r="BH87" t="s">
        <v>211</v>
      </c>
      <c r="BK87" t="s">
        <v>191</v>
      </c>
      <c r="BL87" t="s">
        <v>2544</v>
      </c>
      <c r="BM87" t="s">
        <v>191</v>
      </c>
      <c r="BN87" t="s">
        <v>2545</v>
      </c>
      <c r="BO87" t="s">
        <v>191</v>
      </c>
      <c r="BP87" t="s">
        <v>2546</v>
      </c>
      <c r="BQ87" t="s">
        <v>2547</v>
      </c>
    </row>
    <row r="88" spans="1:69" x14ac:dyDescent="0.25">
      <c r="A88" s="1">
        <v>30448385</v>
      </c>
      <c r="B88" t="s">
        <v>1676</v>
      </c>
      <c r="C88" t="s">
        <v>39</v>
      </c>
      <c r="D88" t="s">
        <v>1616</v>
      </c>
      <c r="E88" t="s">
        <v>175</v>
      </c>
      <c r="L88" t="s">
        <v>52</v>
      </c>
      <c r="M88" s="1">
        <v>0</v>
      </c>
      <c r="N88" s="1">
        <v>0</v>
      </c>
      <c r="O88" t="s">
        <v>1616</v>
      </c>
      <c r="P88" t="s">
        <v>176</v>
      </c>
      <c r="Q88" t="s">
        <v>238</v>
      </c>
      <c r="S88" t="s">
        <v>178</v>
      </c>
      <c r="T88" t="s">
        <v>175</v>
      </c>
      <c r="X88" t="s">
        <v>179</v>
      </c>
      <c r="Y88" t="s">
        <v>224</v>
      </c>
      <c r="AC88" t="s">
        <v>199</v>
      </c>
      <c r="AD88" t="s">
        <v>175</v>
      </c>
      <c r="AE88" t="s">
        <v>175</v>
      </c>
      <c r="AF88" t="s">
        <v>175</v>
      </c>
      <c r="AG88" t="s">
        <v>175</v>
      </c>
      <c r="AH88" t="s">
        <v>200</v>
      </c>
      <c r="AI88" t="s">
        <v>175</v>
      </c>
      <c r="AJ88" t="s">
        <v>175</v>
      </c>
      <c r="AK88" t="s">
        <v>175</v>
      </c>
      <c r="AL88" t="s">
        <v>52</v>
      </c>
      <c r="AM88" t="s">
        <v>182</v>
      </c>
      <c r="AN88" t="s">
        <v>183</v>
      </c>
      <c r="AO88" t="s">
        <v>185</v>
      </c>
      <c r="AP88" t="s">
        <v>184</v>
      </c>
      <c r="AQ88" t="s">
        <v>205</v>
      </c>
      <c r="AR88" t="s">
        <v>204</v>
      </c>
      <c r="AS88" t="s">
        <v>202</v>
      </c>
      <c r="AT88" t="s">
        <v>201</v>
      </c>
      <c r="AU88" t="s">
        <v>206</v>
      </c>
      <c r="AV88" t="s">
        <v>203</v>
      </c>
      <c r="AX88" t="s">
        <v>186</v>
      </c>
      <c r="BC88" t="s">
        <v>209</v>
      </c>
      <c r="BF88" t="s">
        <v>292</v>
      </c>
      <c r="BG88" t="s">
        <v>301</v>
      </c>
      <c r="BH88" t="s">
        <v>247</v>
      </c>
      <c r="BK88" t="s">
        <v>191</v>
      </c>
      <c r="BL88" t="s">
        <v>1677</v>
      </c>
      <c r="BM88" t="s">
        <v>218</v>
      </c>
      <c r="BN88" t="s">
        <v>1678</v>
      </c>
      <c r="BO88" t="s">
        <v>191</v>
      </c>
      <c r="BP88" t="s">
        <v>1679</v>
      </c>
    </row>
    <row r="89" spans="1:69" x14ac:dyDescent="0.25">
      <c r="A89" s="1">
        <v>30448386</v>
      </c>
      <c r="B89" t="s">
        <v>3154</v>
      </c>
      <c r="C89" t="s">
        <v>39</v>
      </c>
      <c r="D89" t="s">
        <v>3138</v>
      </c>
      <c r="E89" t="s">
        <v>195</v>
      </c>
      <c r="L89" t="s">
        <v>52</v>
      </c>
      <c r="M89" s="1">
        <v>0</v>
      </c>
      <c r="N89" s="1">
        <v>0</v>
      </c>
      <c r="O89" t="s">
        <v>3139</v>
      </c>
      <c r="P89" t="s">
        <v>176</v>
      </c>
      <c r="Q89" t="s">
        <v>177</v>
      </c>
      <c r="S89" t="s">
        <v>178</v>
      </c>
      <c r="T89" t="s">
        <v>197</v>
      </c>
      <c r="V89" t="s">
        <v>397</v>
      </c>
      <c r="W89" t="s">
        <v>262</v>
      </c>
      <c r="Y89" t="s">
        <v>224</v>
      </c>
      <c r="AC89" t="s">
        <v>199</v>
      </c>
      <c r="AD89" t="s">
        <v>181</v>
      </c>
      <c r="AE89" t="s">
        <v>175</v>
      </c>
      <c r="AF89" t="s">
        <v>230</v>
      </c>
      <c r="AG89" t="s">
        <v>230</v>
      </c>
      <c r="AH89" t="s">
        <v>175</v>
      </c>
      <c r="AI89" t="s">
        <v>175</v>
      </c>
      <c r="AJ89" t="s">
        <v>175</v>
      </c>
      <c r="AK89" t="s">
        <v>175</v>
      </c>
      <c r="AL89" t="s">
        <v>42</v>
      </c>
      <c r="AM89" t="s">
        <v>202</v>
      </c>
      <c r="AN89" t="s">
        <v>205</v>
      </c>
      <c r="AO89" t="s">
        <v>201</v>
      </c>
      <c r="AP89" t="s">
        <v>182</v>
      </c>
      <c r="AQ89" t="s">
        <v>184</v>
      </c>
      <c r="AR89" t="s">
        <v>185</v>
      </c>
      <c r="AS89" t="s">
        <v>206</v>
      </c>
      <c r="AT89" t="s">
        <v>203</v>
      </c>
      <c r="AU89" t="s">
        <v>204</v>
      </c>
      <c r="AV89" t="s">
        <v>183</v>
      </c>
      <c r="AX89" t="s">
        <v>186</v>
      </c>
      <c r="AY89" t="s">
        <v>187</v>
      </c>
      <c r="AZ89" t="s">
        <v>207</v>
      </c>
      <c r="BA89" t="s">
        <v>188</v>
      </c>
      <c r="BB89" t="s">
        <v>208</v>
      </c>
      <c r="BC89" t="s">
        <v>209</v>
      </c>
      <c r="BF89" t="s">
        <v>292</v>
      </c>
      <c r="BG89" t="s">
        <v>301</v>
      </c>
      <c r="BH89" s="1">
        <v>0</v>
      </c>
      <c r="BK89" s="1">
        <v>0</v>
      </c>
      <c r="BM89" s="1">
        <v>0</v>
      </c>
      <c r="BO89" s="1">
        <v>0</v>
      </c>
    </row>
    <row r="90" spans="1:69" x14ac:dyDescent="0.25">
      <c r="A90" s="1">
        <v>30448387</v>
      </c>
      <c r="B90" t="s">
        <v>3776</v>
      </c>
      <c r="C90" t="s">
        <v>39</v>
      </c>
      <c r="D90" t="s">
        <v>3727</v>
      </c>
      <c r="E90" t="s">
        <v>200</v>
      </c>
      <c r="L90" t="s">
        <v>52</v>
      </c>
      <c r="M90" s="1">
        <v>0</v>
      </c>
      <c r="N90" s="1">
        <v>0</v>
      </c>
      <c r="O90" t="s">
        <v>3728</v>
      </c>
      <c r="P90" t="s">
        <v>216</v>
      </c>
      <c r="Q90" t="s">
        <v>322</v>
      </c>
      <c r="S90" s="1">
        <v>0</v>
      </c>
      <c r="T90" t="s">
        <v>200</v>
      </c>
      <c r="AA90" t="s">
        <v>273</v>
      </c>
      <c r="AB90" t="s">
        <v>1468</v>
      </c>
      <c r="AC90" t="s">
        <v>180</v>
      </c>
      <c r="AD90" t="s">
        <v>200</v>
      </c>
      <c r="AE90" t="s">
        <v>200</v>
      </c>
      <c r="AF90" t="s">
        <v>175</v>
      </c>
      <c r="AG90" t="s">
        <v>200</v>
      </c>
      <c r="AH90" t="s">
        <v>200</v>
      </c>
      <c r="AI90" t="s">
        <v>200</v>
      </c>
      <c r="AJ90" t="s">
        <v>175</v>
      </c>
      <c r="AK90" t="s">
        <v>200</v>
      </c>
      <c r="AL90" t="s">
        <v>42</v>
      </c>
      <c r="AM90" t="s">
        <v>184</v>
      </c>
      <c r="AN90" t="s">
        <v>182</v>
      </c>
      <c r="AO90" t="s">
        <v>206</v>
      </c>
      <c r="AP90" t="s">
        <v>204</v>
      </c>
      <c r="AQ90" t="s">
        <v>185</v>
      </c>
      <c r="AR90" t="s">
        <v>203</v>
      </c>
      <c r="AS90" t="s">
        <v>202</v>
      </c>
      <c r="AT90" t="s">
        <v>205</v>
      </c>
      <c r="AU90" t="s">
        <v>201</v>
      </c>
      <c r="AV90" t="s">
        <v>183</v>
      </c>
      <c r="AY90" t="s">
        <v>187</v>
      </c>
      <c r="BF90" t="s">
        <v>210</v>
      </c>
      <c r="BG90" s="1">
        <v>0</v>
      </c>
      <c r="BH90" t="s">
        <v>211</v>
      </c>
      <c r="BK90" t="s">
        <v>191</v>
      </c>
      <c r="BL90" t="s">
        <v>3777</v>
      </c>
      <c r="BM90" s="1">
        <v>0</v>
      </c>
      <c r="BN90" t="s">
        <v>3778</v>
      </c>
      <c r="BO90" s="1">
        <v>0</v>
      </c>
      <c r="BP90" t="s">
        <v>3779</v>
      </c>
    </row>
    <row r="91" spans="1:69" x14ac:dyDescent="0.25">
      <c r="A91" s="1">
        <v>30448388</v>
      </c>
      <c r="B91" t="s">
        <v>2548</v>
      </c>
      <c r="C91" t="s">
        <v>39</v>
      </c>
      <c r="D91" t="s">
        <v>2512</v>
      </c>
      <c r="E91" t="s">
        <v>216</v>
      </c>
      <c r="L91" t="s">
        <v>52</v>
      </c>
      <c r="M91" s="1">
        <v>0</v>
      </c>
      <c r="N91" s="1">
        <v>0</v>
      </c>
      <c r="O91" t="s">
        <v>2512</v>
      </c>
      <c r="P91" t="s">
        <v>216</v>
      </c>
      <c r="Q91" t="s">
        <v>177</v>
      </c>
      <c r="S91" s="1">
        <v>0</v>
      </c>
      <c r="T91" t="s">
        <v>197</v>
      </c>
      <c r="U91" t="s">
        <v>2549</v>
      </c>
      <c r="Y91" t="s">
        <v>224</v>
      </c>
      <c r="Z91" t="s">
        <v>244</v>
      </c>
      <c r="AC91" t="s">
        <v>266</v>
      </c>
      <c r="AD91" t="s">
        <v>230</v>
      </c>
      <c r="AE91" t="s">
        <v>299</v>
      </c>
      <c r="AF91" t="s">
        <v>299</v>
      </c>
      <c r="AG91" t="s">
        <v>175</v>
      </c>
      <c r="AH91" t="s">
        <v>175</v>
      </c>
      <c r="AI91" t="s">
        <v>175</v>
      </c>
      <c r="AJ91" t="s">
        <v>181</v>
      </c>
      <c r="AK91" t="s">
        <v>181</v>
      </c>
      <c r="AL91" t="s">
        <v>52</v>
      </c>
      <c r="AM91" s="1">
        <v>0</v>
      </c>
      <c r="AN91" s="1">
        <v>0</v>
      </c>
      <c r="AO91" s="1">
        <v>0</v>
      </c>
      <c r="AP91" s="1">
        <v>0</v>
      </c>
      <c r="AQ91" s="1">
        <v>0</v>
      </c>
      <c r="AR91" s="1">
        <v>0</v>
      </c>
      <c r="AS91" s="1">
        <v>0</v>
      </c>
      <c r="AT91" t="s">
        <v>185</v>
      </c>
      <c r="AU91" s="1">
        <v>0</v>
      </c>
      <c r="AV91" s="1">
        <v>0</v>
      </c>
      <c r="AW91" t="s">
        <v>2550</v>
      </c>
      <c r="BC91" t="s">
        <v>209</v>
      </c>
      <c r="BF91" t="s">
        <v>49</v>
      </c>
      <c r="BG91" s="1">
        <v>0</v>
      </c>
      <c r="BH91" t="s">
        <v>211</v>
      </c>
      <c r="BK91" s="1">
        <v>0</v>
      </c>
      <c r="BM91" t="s">
        <v>218</v>
      </c>
      <c r="BO91" t="s">
        <v>218</v>
      </c>
      <c r="BQ91" t="s">
        <v>2551</v>
      </c>
    </row>
    <row r="92" spans="1:69" x14ac:dyDescent="0.25">
      <c r="A92" s="1">
        <v>30448389</v>
      </c>
      <c r="B92" t="s">
        <v>260</v>
      </c>
      <c r="C92" t="s">
        <v>39</v>
      </c>
      <c r="D92" t="s">
        <v>174</v>
      </c>
      <c r="E92" t="s">
        <v>175</v>
      </c>
      <c r="L92" t="s">
        <v>52</v>
      </c>
      <c r="M92" s="1">
        <v>0</v>
      </c>
      <c r="N92" s="1">
        <v>0</v>
      </c>
      <c r="O92" t="s">
        <v>174</v>
      </c>
      <c r="P92" t="s">
        <v>176</v>
      </c>
      <c r="Q92" t="s">
        <v>177</v>
      </c>
      <c r="S92" t="s">
        <v>178</v>
      </c>
      <c r="T92" t="s">
        <v>175</v>
      </c>
      <c r="X92" t="s">
        <v>179</v>
      </c>
      <c r="AC92" t="s">
        <v>199</v>
      </c>
      <c r="AD92" t="s">
        <v>175</v>
      </c>
      <c r="AE92" t="s">
        <v>175</v>
      </c>
      <c r="AF92" t="s">
        <v>175</v>
      </c>
      <c r="AG92" t="s">
        <v>181</v>
      </c>
      <c r="AH92" t="s">
        <v>175</v>
      </c>
      <c r="AI92" t="s">
        <v>175</v>
      </c>
      <c r="AJ92" t="s">
        <v>175</v>
      </c>
      <c r="AK92" t="s">
        <v>175</v>
      </c>
      <c r="AL92" t="s">
        <v>42</v>
      </c>
      <c r="AM92" t="s">
        <v>206</v>
      </c>
      <c r="AN92" t="s">
        <v>203</v>
      </c>
      <c r="AO92" t="s">
        <v>185</v>
      </c>
      <c r="AP92" t="s">
        <v>182</v>
      </c>
      <c r="AQ92" t="s">
        <v>184</v>
      </c>
      <c r="AR92" t="s">
        <v>205</v>
      </c>
      <c r="AS92" t="s">
        <v>183</v>
      </c>
      <c r="AT92" t="s">
        <v>202</v>
      </c>
      <c r="AU92" t="s">
        <v>204</v>
      </c>
      <c r="AV92" t="s">
        <v>201</v>
      </c>
      <c r="AX92" t="s">
        <v>186</v>
      </c>
      <c r="AY92" t="s">
        <v>187</v>
      </c>
      <c r="AZ92" t="s">
        <v>207</v>
      </c>
      <c r="BA92" t="s">
        <v>188</v>
      </c>
      <c r="BF92" t="s">
        <v>189</v>
      </c>
      <c r="BG92" s="1">
        <v>0</v>
      </c>
      <c r="BH92" t="s">
        <v>211</v>
      </c>
      <c r="BK92" t="s">
        <v>191</v>
      </c>
      <c r="BM92" t="s">
        <v>191</v>
      </c>
      <c r="BO92" t="s">
        <v>191</v>
      </c>
    </row>
    <row r="93" spans="1:69" x14ac:dyDescent="0.25">
      <c r="A93" s="1">
        <v>30448392</v>
      </c>
      <c r="B93" t="s">
        <v>261</v>
      </c>
      <c r="C93" t="s">
        <v>39</v>
      </c>
      <c r="D93" t="s">
        <v>174</v>
      </c>
      <c r="E93" t="s">
        <v>216</v>
      </c>
      <c r="L93" t="s">
        <v>52</v>
      </c>
      <c r="M93" s="1">
        <v>0</v>
      </c>
      <c r="N93" s="1">
        <v>0</v>
      </c>
      <c r="O93" t="s">
        <v>174</v>
      </c>
      <c r="P93" t="s">
        <v>216</v>
      </c>
      <c r="Q93" t="s">
        <v>196</v>
      </c>
      <c r="S93" s="1">
        <v>0</v>
      </c>
      <c r="T93" t="s">
        <v>197</v>
      </c>
      <c r="W93" t="s">
        <v>262</v>
      </c>
      <c r="X93" t="s">
        <v>179</v>
      </c>
      <c r="Y93" t="s">
        <v>224</v>
      </c>
      <c r="AC93" t="s">
        <v>180</v>
      </c>
      <c r="AD93" t="s">
        <v>181</v>
      </c>
      <c r="AE93" t="s">
        <v>181</v>
      </c>
      <c r="AF93" t="s">
        <v>181</v>
      </c>
      <c r="AG93" t="s">
        <v>181</v>
      </c>
      <c r="AH93" t="s">
        <v>175</v>
      </c>
      <c r="AI93" t="s">
        <v>175</v>
      </c>
      <c r="AJ93" t="s">
        <v>175</v>
      </c>
      <c r="AK93" t="s">
        <v>181</v>
      </c>
      <c r="AL93" t="s">
        <v>52</v>
      </c>
      <c r="AM93" t="s">
        <v>185</v>
      </c>
      <c r="AN93" t="s">
        <v>183</v>
      </c>
      <c r="AO93" t="s">
        <v>206</v>
      </c>
      <c r="AP93" t="s">
        <v>201</v>
      </c>
      <c r="AQ93" t="s">
        <v>203</v>
      </c>
      <c r="AR93" t="s">
        <v>202</v>
      </c>
      <c r="AS93" t="s">
        <v>184</v>
      </c>
      <c r="AT93" t="s">
        <v>205</v>
      </c>
      <c r="AU93" t="s">
        <v>204</v>
      </c>
      <c r="AV93" t="s">
        <v>182</v>
      </c>
      <c r="AX93" t="s">
        <v>186</v>
      </c>
      <c r="AZ93" t="s">
        <v>207</v>
      </c>
      <c r="BF93" t="s">
        <v>189</v>
      </c>
      <c r="BG93" s="1">
        <v>0</v>
      </c>
      <c r="BH93" t="s">
        <v>211</v>
      </c>
      <c r="BK93" t="s">
        <v>191</v>
      </c>
      <c r="BM93" t="s">
        <v>191</v>
      </c>
      <c r="BO93" t="s">
        <v>191</v>
      </c>
    </row>
    <row r="94" spans="1:69" x14ac:dyDescent="0.25">
      <c r="A94" s="1">
        <v>30448393</v>
      </c>
      <c r="B94" t="s">
        <v>3780</v>
      </c>
      <c r="C94" t="s">
        <v>39</v>
      </c>
      <c r="D94" t="s">
        <v>3727</v>
      </c>
      <c r="E94" t="s">
        <v>175</v>
      </c>
      <c r="L94" t="s">
        <v>52</v>
      </c>
      <c r="M94" s="1">
        <v>0</v>
      </c>
      <c r="N94" s="1">
        <v>0</v>
      </c>
      <c r="O94" t="s">
        <v>3728</v>
      </c>
      <c r="P94" t="s">
        <v>176</v>
      </c>
      <c r="Q94" t="s">
        <v>177</v>
      </c>
      <c r="S94" t="s">
        <v>178</v>
      </c>
      <c r="T94" t="s">
        <v>175</v>
      </c>
      <c r="AC94" s="1">
        <v>0</v>
      </c>
      <c r="AD94" s="1">
        <v>0</v>
      </c>
      <c r="AE94" s="1">
        <v>0</v>
      </c>
      <c r="AF94" s="1">
        <v>0</v>
      </c>
      <c r="AG94" s="1">
        <v>0</v>
      </c>
      <c r="AH94" s="1">
        <v>0</v>
      </c>
      <c r="AI94" s="1">
        <v>0</v>
      </c>
      <c r="AJ94" s="1">
        <v>0</v>
      </c>
      <c r="AK94" s="1">
        <v>0</v>
      </c>
      <c r="AL94" s="1">
        <v>0</v>
      </c>
      <c r="AM94" s="1">
        <v>0</v>
      </c>
      <c r="AN94" s="1">
        <v>0</v>
      </c>
      <c r="AO94" s="1">
        <v>0</v>
      </c>
      <c r="AP94" s="1">
        <v>0</v>
      </c>
      <c r="AQ94" s="1">
        <v>0</v>
      </c>
      <c r="AR94" s="1">
        <v>0</v>
      </c>
      <c r="AS94" s="1">
        <v>0</v>
      </c>
      <c r="AT94" s="1">
        <v>0</v>
      </c>
      <c r="AU94" s="1">
        <v>0</v>
      </c>
      <c r="AV94" s="1">
        <v>0</v>
      </c>
      <c r="BF94" s="1">
        <v>0</v>
      </c>
      <c r="BG94" s="1">
        <v>0</v>
      </c>
      <c r="BH94" s="1">
        <v>0</v>
      </c>
      <c r="BK94" s="1">
        <v>0</v>
      </c>
      <c r="BM94" s="1">
        <v>0</v>
      </c>
      <c r="BO94" s="1">
        <v>0</v>
      </c>
    </row>
    <row r="95" spans="1:69" x14ac:dyDescent="0.25">
      <c r="A95" s="1">
        <v>30448394</v>
      </c>
      <c r="B95" t="s">
        <v>3155</v>
      </c>
      <c r="C95" t="s">
        <v>39</v>
      </c>
      <c r="D95" t="s">
        <v>3138</v>
      </c>
      <c r="E95" t="s">
        <v>175</v>
      </c>
      <c r="L95" t="s">
        <v>52</v>
      </c>
      <c r="M95" s="1">
        <v>0</v>
      </c>
      <c r="N95" s="1">
        <v>0</v>
      </c>
      <c r="O95" t="s">
        <v>3139</v>
      </c>
      <c r="P95" t="s">
        <v>176</v>
      </c>
      <c r="Q95" t="s">
        <v>196</v>
      </c>
      <c r="S95" t="s">
        <v>222</v>
      </c>
      <c r="T95" t="s">
        <v>175</v>
      </c>
      <c r="Y95" t="s">
        <v>224</v>
      </c>
      <c r="AC95" t="s">
        <v>180</v>
      </c>
      <c r="AD95" t="s">
        <v>175</v>
      </c>
      <c r="AE95" t="s">
        <v>175</v>
      </c>
      <c r="AF95" t="s">
        <v>175</v>
      </c>
      <c r="AG95" t="s">
        <v>181</v>
      </c>
      <c r="AH95" t="s">
        <v>175</v>
      </c>
      <c r="AI95" t="s">
        <v>175</v>
      </c>
      <c r="AJ95" t="s">
        <v>181</v>
      </c>
      <c r="AK95" t="s">
        <v>175</v>
      </c>
      <c r="AL95" t="s">
        <v>42</v>
      </c>
      <c r="AM95" t="s">
        <v>183</v>
      </c>
      <c r="AN95" t="s">
        <v>182</v>
      </c>
      <c r="AO95" t="s">
        <v>184</v>
      </c>
      <c r="AP95" t="s">
        <v>206</v>
      </c>
      <c r="AQ95" t="s">
        <v>185</v>
      </c>
      <c r="AR95" t="s">
        <v>203</v>
      </c>
      <c r="AS95" t="s">
        <v>204</v>
      </c>
      <c r="AT95" t="s">
        <v>202</v>
      </c>
      <c r="AU95" t="s">
        <v>205</v>
      </c>
      <c r="AV95" t="s">
        <v>201</v>
      </c>
      <c r="AX95" t="s">
        <v>186</v>
      </c>
      <c r="AZ95" t="s">
        <v>207</v>
      </c>
      <c r="BA95" t="s">
        <v>188</v>
      </c>
      <c r="BF95" t="s">
        <v>232</v>
      </c>
      <c r="BG95" t="s">
        <v>276</v>
      </c>
      <c r="BH95" t="s">
        <v>211</v>
      </c>
      <c r="BK95" t="s">
        <v>191</v>
      </c>
      <c r="BM95" t="s">
        <v>191</v>
      </c>
      <c r="BO95" t="s">
        <v>191</v>
      </c>
    </row>
    <row r="96" spans="1:69" x14ac:dyDescent="0.25">
      <c r="A96" s="1">
        <v>30448395</v>
      </c>
      <c r="B96" t="s">
        <v>2552</v>
      </c>
      <c r="C96" t="s">
        <v>39</v>
      </c>
      <c r="D96" t="s">
        <v>2512</v>
      </c>
      <c r="E96" t="s">
        <v>195</v>
      </c>
      <c r="L96" t="s">
        <v>52</v>
      </c>
      <c r="M96" s="1">
        <v>0</v>
      </c>
      <c r="N96" s="1">
        <v>0</v>
      </c>
      <c r="O96" t="s">
        <v>2512</v>
      </c>
      <c r="P96" t="s">
        <v>176</v>
      </c>
      <c r="Q96" t="s">
        <v>238</v>
      </c>
      <c r="S96" t="s">
        <v>178</v>
      </c>
      <c r="T96" t="s">
        <v>197</v>
      </c>
      <c r="U96" t="s">
        <v>2553</v>
      </c>
      <c r="X96" t="s">
        <v>179</v>
      </c>
      <c r="AC96" t="s">
        <v>199</v>
      </c>
      <c r="AD96" t="s">
        <v>230</v>
      </c>
      <c r="AE96" t="s">
        <v>230</v>
      </c>
      <c r="AF96" t="s">
        <v>230</v>
      </c>
      <c r="AG96" t="s">
        <v>175</v>
      </c>
      <c r="AH96" t="s">
        <v>175</v>
      </c>
      <c r="AI96" t="s">
        <v>175</v>
      </c>
      <c r="AJ96" t="s">
        <v>175</v>
      </c>
      <c r="AK96" t="s">
        <v>181</v>
      </c>
      <c r="AL96" s="1">
        <v>0</v>
      </c>
      <c r="AM96" s="1">
        <v>0</v>
      </c>
      <c r="AN96" s="1">
        <v>0</v>
      </c>
      <c r="AO96" s="1">
        <v>0</v>
      </c>
      <c r="AP96" s="1">
        <v>0</v>
      </c>
      <c r="AQ96" s="1">
        <v>0</v>
      </c>
      <c r="AR96" s="1">
        <v>0</v>
      </c>
      <c r="AS96" s="1">
        <v>0</v>
      </c>
      <c r="AT96" s="1">
        <v>0</v>
      </c>
      <c r="AU96" s="1">
        <v>0</v>
      </c>
      <c r="AV96" s="1">
        <v>0</v>
      </c>
      <c r="BF96" s="1">
        <v>0</v>
      </c>
      <c r="BG96" s="1">
        <v>0</v>
      </c>
      <c r="BH96" s="1">
        <v>0</v>
      </c>
      <c r="BK96" s="1">
        <v>0</v>
      </c>
      <c r="BM96" s="1">
        <v>0</v>
      </c>
      <c r="BO96" s="1">
        <v>0</v>
      </c>
    </row>
    <row r="97" spans="1:69" x14ac:dyDescent="0.25">
      <c r="A97" s="1">
        <v>30448396</v>
      </c>
      <c r="B97" t="s">
        <v>3781</v>
      </c>
      <c r="C97" t="s">
        <v>39</v>
      </c>
      <c r="D97" t="s">
        <v>3727</v>
      </c>
      <c r="E97" t="s">
        <v>216</v>
      </c>
      <c r="L97" t="s">
        <v>52</v>
      </c>
      <c r="M97" s="1">
        <v>0</v>
      </c>
      <c r="N97" s="1">
        <v>0</v>
      </c>
      <c r="O97" t="s">
        <v>3728</v>
      </c>
      <c r="P97" t="s">
        <v>216</v>
      </c>
      <c r="Q97" t="s">
        <v>322</v>
      </c>
      <c r="S97" s="1">
        <v>0</v>
      </c>
      <c r="T97" t="s">
        <v>197</v>
      </c>
      <c r="U97" t="s">
        <v>3782</v>
      </c>
      <c r="W97" t="s">
        <v>262</v>
      </c>
      <c r="Y97" t="s">
        <v>224</v>
      </c>
      <c r="AC97" t="s">
        <v>180</v>
      </c>
      <c r="AD97" t="s">
        <v>181</v>
      </c>
      <c r="AE97" t="s">
        <v>181</v>
      </c>
      <c r="AF97" t="s">
        <v>230</v>
      </c>
      <c r="AG97" t="s">
        <v>181</v>
      </c>
      <c r="AH97" t="s">
        <v>175</v>
      </c>
      <c r="AI97" t="s">
        <v>175</v>
      </c>
      <c r="AJ97" t="s">
        <v>175</v>
      </c>
      <c r="AK97" t="s">
        <v>181</v>
      </c>
      <c r="AL97" t="s">
        <v>52</v>
      </c>
      <c r="AM97" t="s">
        <v>183</v>
      </c>
      <c r="AN97" t="s">
        <v>182</v>
      </c>
      <c r="AO97" s="1">
        <v>0</v>
      </c>
      <c r="AP97" t="s">
        <v>184</v>
      </c>
      <c r="AQ97" s="1">
        <v>0</v>
      </c>
      <c r="AR97" s="1">
        <v>0</v>
      </c>
      <c r="AS97" t="s">
        <v>185</v>
      </c>
      <c r="AT97" s="1">
        <v>0</v>
      </c>
      <c r="AU97" s="1">
        <v>0</v>
      </c>
      <c r="AV97" s="1">
        <v>0</v>
      </c>
      <c r="AX97" t="s">
        <v>186</v>
      </c>
      <c r="BB97" t="s">
        <v>208</v>
      </c>
      <c r="BC97" t="s">
        <v>209</v>
      </c>
      <c r="BF97" t="s">
        <v>232</v>
      </c>
      <c r="BG97" t="s">
        <v>49</v>
      </c>
      <c r="BH97" t="s">
        <v>211</v>
      </c>
      <c r="BK97" t="s">
        <v>191</v>
      </c>
      <c r="BL97" t="s">
        <v>3783</v>
      </c>
      <c r="BM97" t="s">
        <v>191</v>
      </c>
      <c r="BN97" t="s">
        <v>3784</v>
      </c>
      <c r="BO97" t="s">
        <v>191</v>
      </c>
    </row>
    <row r="98" spans="1:69" x14ac:dyDescent="0.25">
      <c r="A98" s="1">
        <v>30448397</v>
      </c>
      <c r="B98" t="s">
        <v>3156</v>
      </c>
      <c r="C98" t="s">
        <v>39</v>
      </c>
      <c r="D98" t="s">
        <v>3138</v>
      </c>
      <c r="E98" t="s">
        <v>175</v>
      </c>
      <c r="L98" t="s">
        <v>52</v>
      </c>
      <c r="M98" s="1">
        <v>0</v>
      </c>
      <c r="N98" s="1">
        <v>0</v>
      </c>
      <c r="O98" t="s">
        <v>3139</v>
      </c>
      <c r="P98" t="s">
        <v>176</v>
      </c>
      <c r="Q98" t="s">
        <v>238</v>
      </c>
      <c r="S98" t="s">
        <v>178</v>
      </c>
      <c r="T98" t="s">
        <v>175</v>
      </c>
      <c r="AA98" t="s">
        <v>273</v>
      </c>
      <c r="AB98" t="s">
        <v>3157</v>
      </c>
      <c r="AC98" t="s">
        <v>180</v>
      </c>
      <c r="AD98" t="s">
        <v>175</v>
      </c>
      <c r="AE98" t="s">
        <v>175</v>
      </c>
      <c r="AF98" t="s">
        <v>175</v>
      </c>
      <c r="AG98" t="s">
        <v>175</v>
      </c>
      <c r="AH98" t="s">
        <v>175</v>
      </c>
      <c r="AI98" t="s">
        <v>175</v>
      </c>
      <c r="AJ98" t="s">
        <v>175</v>
      </c>
      <c r="AK98" t="s">
        <v>175</v>
      </c>
      <c r="AL98" t="s">
        <v>42</v>
      </c>
      <c r="AM98" s="1">
        <v>0</v>
      </c>
      <c r="AN98" s="1">
        <v>0</v>
      </c>
      <c r="AO98" s="1">
        <v>0</v>
      </c>
      <c r="AP98" s="1">
        <v>0</v>
      </c>
      <c r="AQ98" s="1">
        <v>0</v>
      </c>
      <c r="AR98" s="1">
        <v>0</v>
      </c>
      <c r="AS98" s="1">
        <v>0</v>
      </c>
      <c r="AT98" s="1">
        <v>0</v>
      </c>
      <c r="AU98" s="1">
        <v>0</v>
      </c>
      <c r="AV98" s="1">
        <v>0</v>
      </c>
      <c r="BF98" t="s">
        <v>210</v>
      </c>
      <c r="BG98" s="1">
        <v>0</v>
      </c>
      <c r="BH98" t="s">
        <v>247</v>
      </c>
      <c r="BK98" t="s">
        <v>191</v>
      </c>
      <c r="BM98" t="s">
        <v>191</v>
      </c>
      <c r="BO98" t="s">
        <v>218</v>
      </c>
    </row>
    <row r="99" spans="1:69" x14ac:dyDescent="0.25">
      <c r="A99" s="1">
        <v>30448398</v>
      </c>
      <c r="B99" t="s">
        <v>45</v>
      </c>
      <c r="C99" t="s">
        <v>39</v>
      </c>
      <c r="L99" s="1">
        <v>0</v>
      </c>
      <c r="M99" s="1">
        <v>0</v>
      </c>
      <c r="N99" s="1">
        <v>0</v>
      </c>
      <c r="O99" s="1">
        <v>0</v>
      </c>
      <c r="P99" s="1">
        <v>0</v>
      </c>
      <c r="Q99" s="1">
        <v>0</v>
      </c>
      <c r="S99" s="1">
        <v>0</v>
      </c>
      <c r="T99" s="1">
        <v>0</v>
      </c>
      <c r="AC99" s="1">
        <v>0</v>
      </c>
      <c r="AD99" s="1">
        <v>0</v>
      </c>
      <c r="AE99" s="1">
        <v>0</v>
      </c>
      <c r="AF99" s="1">
        <v>0</v>
      </c>
      <c r="AG99" s="1">
        <v>0</v>
      </c>
      <c r="AH99" s="1">
        <v>0</v>
      </c>
      <c r="AI99" s="1">
        <v>0</v>
      </c>
      <c r="AJ99" s="1">
        <v>0</v>
      </c>
      <c r="AK99" s="1">
        <v>0</v>
      </c>
      <c r="AL99" s="1">
        <v>0</v>
      </c>
      <c r="AM99" s="1">
        <v>0</v>
      </c>
      <c r="AN99" s="1">
        <v>0</v>
      </c>
      <c r="AO99" s="1">
        <v>0</v>
      </c>
      <c r="AP99" s="1">
        <v>0</v>
      </c>
      <c r="AQ99" s="1">
        <v>0</v>
      </c>
      <c r="AR99" s="1">
        <v>0</v>
      </c>
      <c r="AS99" s="1">
        <v>0</v>
      </c>
      <c r="AT99" s="1">
        <v>0</v>
      </c>
      <c r="AU99" s="1">
        <v>0</v>
      </c>
      <c r="AV99" s="1">
        <v>0</v>
      </c>
      <c r="BF99" s="1">
        <v>0</v>
      </c>
      <c r="BG99" s="1">
        <v>0</v>
      </c>
      <c r="BH99" s="1">
        <v>0</v>
      </c>
      <c r="BK99" s="1">
        <v>0</v>
      </c>
      <c r="BM99" s="1">
        <v>0</v>
      </c>
      <c r="BO99" s="1">
        <v>0</v>
      </c>
    </row>
    <row r="100" spans="1:69" x14ac:dyDescent="0.25">
      <c r="A100" s="1">
        <v>30448399</v>
      </c>
      <c r="B100" t="s">
        <v>263</v>
      </c>
      <c r="C100" t="s">
        <v>39</v>
      </c>
      <c r="D100" t="s">
        <v>174</v>
      </c>
      <c r="E100" t="s">
        <v>175</v>
      </c>
      <c r="L100" t="s">
        <v>52</v>
      </c>
      <c r="M100" s="1">
        <v>0</v>
      </c>
      <c r="N100" s="1">
        <v>0</v>
      </c>
      <c r="O100" t="s">
        <v>174</v>
      </c>
      <c r="P100" t="s">
        <v>176</v>
      </c>
      <c r="Q100" t="s">
        <v>177</v>
      </c>
      <c r="S100" t="s">
        <v>178</v>
      </c>
      <c r="T100" t="s">
        <v>175</v>
      </c>
      <c r="Z100" t="s">
        <v>244</v>
      </c>
      <c r="AC100" t="s">
        <v>199</v>
      </c>
      <c r="AD100" t="s">
        <v>175</v>
      </c>
      <c r="AE100" t="s">
        <v>175</v>
      </c>
      <c r="AF100" t="s">
        <v>175</v>
      </c>
      <c r="AG100" t="s">
        <v>175</v>
      </c>
      <c r="AH100" t="s">
        <v>175</v>
      </c>
      <c r="AI100" t="s">
        <v>175</v>
      </c>
      <c r="AJ100" t="s">
        <v>175</v>
      </c>
      <c r="AK100" t="s">
        <v>175</v>
      </c>
      <c r="AL100" t="s">
        <v>42</v>
      </c>
      <c r="AM100" t="s">
        <v>182</v>
      </c>
      <c r="AN100" t="s">
        <v>185</v>
      </c>
      <c r="AO100" t="s">
        <v>183</v>
      </c>
      <c r="AP100" t="s">
        <v>201</v>
      </c>
      <c r="AQ100" s="1">
        <v>0</v>
      </c>
      <c r="AR100" s="1">
        <v>0</v>
      </c>
      <c r="AS100" s="1">
        <v>0</v>
      </c>
      <c r="AT100" t="s">
        <v>184</v>
      </c>
      <c r="AU100" s="1">
        <v>0</v>
      </c>
      <c r="AV100" t="s">
        <v>206</v>
      </c>
      <c r="AW100" t="s">
        <v>264</v>
      </c>
      <c r="AX100" t="s">
        <v>186</v>
      </c>
      <c r="AY100" t="s">
        <v>187</v>
      </c>
      <c r="AZ100" t="s">
        <v>207</v>
      </c>
      <c r="BB100" t="s">
        <v>208</v>
      </c>
      <c r="BF100" t="s">
        <v>210</v>
      </c>
      <c r="BG100" s="1">
        <v>0</v>
      </c>
      <c r="BH100" t="s">
        <v>190</v>
      </c>
      <c r="BK100" t="s">
        <v>191</v>
      </c>
      <c r="BM100" t="s">
        <v>191</v>
      </c>
      <c r="BO100" t="s">
        <v>218</v>
      </c>
    </row>
    <row r="101" spans="1:69" x14ac:dyDescent="0.25">
      <c r="A101" s="1">
        <v>30448401</v>
      </c>
      <c r="B101" t="s">
        <v>265</v>
      </c>
      <c r="C101" t="s">
        <v>39</v>
      </c>
      <c r="D101" t="s">
        <v>174</v>
      </c>
      <c r="E101" t="s">
        <v>200</v>
      </c>
      <c r="L101" t="s">
        <v>52</v>
      </c>
      <c r="M101" s="1">
        <v>0</v>
      </c>
      <c r="N101" s="1">
        <v>0</v>
      </c>
      <c r="O101" t="s">
        <v>174</v>
      </c>
      <c r="P101" t="s">
        <v>216</v>
      </c>
      <c r="Q101" t="s">
        <v>177</v>
      </c>
      <c r="S101" s="1">
        <v>0</v>
      </c>
      <c r="T101" t="s">
        <v>200</v>
      </c>
      <c r="Z101" t="s">
        <v>244</v>
      </c>
      <c r="AC101" t="s">
        <v>266</v>
      </c>
      <c r="AD101" t="s">
        <v>175</v>
      </c>
      <c r="AE101" t="s">
        <v>175</v>
      </c>
      <c r="AF101" t="s">
        <v>175</v>
      </c>
      <c r="AG101" t="s">
        <v>175</v>
      </c>
      <c r="AH101" t="s">
        <v>175</v>
      </c>
      <c r="AI101" t="s">
        <v>175</v>
      </c>
      <c r="AJ101" t="s">
        <v>175</v>
      </c>
      <c r="AK101" t="s">
        <v>175</v>
      </c>
      <c r="AL101" t="s">
        <v>42</v>
      </c>
      <c r="AM101" t="s">
        <v>201</v>
      </c>
      <c r="AN101" t="s">
        <v>185</v>
      </c>
      <c r="AO101" t="s">
        <v>184</v>
      </c>
      <c r="AP101" t="s">
        <v>204</v>
      </c>
      <c r="AQ101" t="s">
        <v>202</v>
      </c>
      <c r="AR101" t="s">
        <v>203</v>
      </c>
      <c r="AS101" t="s">
        <v>205</v>
      </c>
      <c r="AT101" t="s">
        <v>182</v>
      </c>
      <c r="AU101" t="s">
        <v>183</v>
      </c>
      <c r="AV101" t="s">
        <v>206</v>
      </c>
      <c r="AZ101" t="s">
        <v>207</v>
      </c>
      <c r="BB101" t="s">
        <v>208</v>
      </c>
      <c r="BC101" t="s">
        <v>209</v>
      </c>
      <c r="BF101" t="s">
        <v>210</v>
      </c>
      <c r="BG101" s="1">
        <v>0</v>
      </c>
      <c r="BH101" t="s">
        <v>211</v>
      </c>
      <c r="BK101" t="s">
        <v>191</v>
      </c>
      <c r="BM101" t="s">
        <v>191</v>
      </c>
      <c r="BO101" t="s">
        <v>218</v>
      </c>
    </row>
    <row r="102" spans="1:69" x14ac:dyDescent="0.25">
      <c r="A102" s="1">
        <v>30448402</v>
      </c>
      <c r="B102" t="s">
        <v>3785</v>
      </c>
      <c r="C102" t="s">
        <v>39</v>
      </c>
      <c r="D102" t="s">
        <v>3727</v>
      </c>
      <c r="E102" t="s">
        <v>195</v>
      </c>
      <c r="L102" t="s">
        <v>52</v>
      </c>
      <c r="M102" s="1">
        <v>0</v>
      </c>
      <c r="N102" s="1">
        <v>0</v>
      </c>
      <c r="O102" t="s">
        <v>3728</v>
      </c>
      <c r="P102" t="s">
        <v>176</v>
      </c>
      <c r="Q102" t="s">
        <v>322</v>
      </c>
      <c r="S102" t="s">
        <v>256</v>
      </c>
      <c r="T102" t="s">
        <v>197</v>
      </c>
      <c r="AC102" t="s">
        <v>180</v>
      </c>
      <c r="AD102" s="1">
        <v>0</v>
      </c>
      <c r="AE102" s="1">
        <v>0</v>
      </c>
      <c r="AF102" s="1">
        <v>0</v>
      </c>
      <c r="AG102" s="1">
        <v>0</v>
      </c>
      <c r="AH102" s="1">
        <v>0</v>
      </c>
      <c r="AI102" s="1">
        <v>0</v>
      </c>
      <c r="AJ102" s="1">
        <v>0</v>
      </c>
      <c r="AK102" s="1">
        <v>0</v>
      </c>
      <c r="AL102" t="s">
        <v>52</v>
      </c>
      <c r="AM102" s="1">
        <v>0</v>
      </c>
      <c r="AN102" s="1">
        <v>0</v>
      </c>
      <c r="AO102" s="1">
        <v>0</v>
      </c>
      <c r="AP102" s="1">
        <v>0</v>
      </c>
      <c r="AQ102" s="1">
        <v>0</v>
      </c>
      <c r="AR102" s="1">
        <v>0</v>
      </c>
      <c r="AS102" s="1">
        <v>0</v>
      </c>
      <c r="AT102" s="1">
        <v>0</v>
      </c>
      <c r="AU102" s="1">
        <v>0</v>
      </c>
      <c r="AV102" s="1">
        <v>0</v>
      </c>
      <c r="BF102" s="1">
        <v>0</v>
      </c>
      <c r="BG102" s="1">
        <v>0</v>
      </c>
      <c r="BH102" s="1">
        <v>0</v>
      </c>
      <c r="BK102" s="1">
        <v>0</v>
      </c>
      <c r="BM102" s="1">
        <v>0</v>
      </c>
      <c r="BO102" s="1">
        <v>0</v>
      </c>
    </row>
    <row r="103" spans="1:69" x14ac:dyDescent="0.25">
      <c r="A103" s="1">
        <v>30448403</v>
      </c>
      <c r="B103" t="s">
        <v>3786</v>
      </c>
      <c r="C103" t="s">
        <v>39</v>
      </c>
      <c r="D103" t="s">
        <v>3727</v>
      </c>
      <c r="E103" t="s">
        <v>200</v>
      </c>
      <c r="L103" t="s">
        <v>52</v>
      </c>
      <c r="M103" s="1">
        <v>0</v>
      </c>
      <c r="N103" s="1">
        <v>0</v>
      </c>
      <c r="O103" t="s">
        <v>3728</v>
      </c>
      <c r="P103" t="s">
        <v>216</v>
      </c>
      <c r="Q103" t="s">
        <v>196</v>
      </c>
      <c r="S103" s="1">
        <v>0</v>
      </c>
      <c r="T103" t="s">
        <v>200</v>
      </c>
      <c r="X103" t="s">
        <v>179</v>
      </c>
      <c r="AC103" t="s">
        <v>180</v>
      </c>
      <c r="AD103" t="s">
        <v>200</v>
      </c>
      <c r="AE103" t="s">
        <v>175</v>
      </c>
      <c r="AF103" t="s">
        <v>175</v>
      </c>
      <c r="AG103" t="s">
        <v>181</v>
      </c>
      <c r="AH103" t="s">
        <v>200</v>
      </c>
      <c r="AI103" t="s">
        <v>175</v>
      </c>
      <c r="AJ103" t="s">
        <v>175</v>
      </c>
      <c r="AK103" t="s">
        <v>175</v>
      </c>
      <c r="AL103" t="s">
        <v>42</v>
      </c>
      <c r="AM103" t="s">
        <v>182</v>
      </c>
      <c r="AN103" t="s">
        <v>201</v>
      </c>
      <c r="AO103" t="s">
        <v>204</v>
      </c>
      <c r="AP103" t="s">
        <v>184</v>
      </c>
      <c r="AQ103" t="s">
        <v>202</v>
      </c>
      <c r="AR103" t="s">
        <v>203</v>
      </c>
      <c r="AS103" t="s">
        <v>206</v>
      </c>
      <c r="AT103" t="s">
        <v>185</v>
      </c>
      <c r="AU103" t="s">
        <v>183</v>
      </c>
      <c r="AV103" t="s">
        <v>205</v>
      </c>
      <c r="AY103" t="s">
        <v>187</v>
      </c>
      <c r="AZ103" t="s">
        <v>207</v>
      </c>
      <c r="BB103" t="s">
        <v>208</v>
      </c>
      <c r="BC103" t="s">
        <v>209</v>
      </c>
      <c r="BF103" t="s">
        <v>210</v>
      </c>
      <c r="BG103" s="1">
        <v>0</v>
      </c>
      <c r="BH103" t="s">
        <v>211</v>
      </c>
      <c r="BK103" t="s">
        <v>191</v>
      </c>
      <c r="BM103" t="s">
        <v>191</v>
      </c>
      <c r="BO103" t="s">
        <v>191</v>
      </c>
    </row>
    <row r="104" spans="1:69" x14ac:dyDescent="0.25">
      <c r="A104" s="1">
        <v>30448404</v>
      </c>
      <c r="B104" t="s">
        <v>2554</v>
      </c>
      <c r="C104" t="s">
        <v>39</v>
      </c>
      <c r="D104" t="s">
        <v>2512</v>
      </c>
      <c r="L104" t="s">
        <v>52</v>
      </c>
      <c r="M104" s="1">
        <v>0</v>
      </c>
      <c r="N104" s="1">
        <v>0</v>
      </c>
      <c r="O104" t="s">
        <v>2512</v>
      </c>
      <c r="P104" s="1">
        <v>0</v>
      </c>
      <c r="Q104" s="1">
        <v>0</v>
      </c>
      <c r="S104" s="1">
        <v>0</v>
      </c>
      <c r="T104" s="1">
        <v>0</v>
      </c>
      <c r="AC104" s="1">
        <v>0</v>
      </c>
      <c r="AD104" s="1">
        <v>0</v>
      </c>
      <c r="AE104" s="1">
        <v>0</v>
      </c>
      <c r="AF104" s="1">
        <v>0</v>
      </c>
      <c r="AG104" s="1">
        <v>0</v>
      </c>
      <c r="AH104" s="1">
        <v>0</v>
      </c>
      <c r="AI104" s="1">
        <v>0</v>
      </c>
      <c r="AJ104" s="1">
        <v>0</v>
      </c>
      <c r="AK104" s="1">
        <v>0</v>
      </c>
      <c r="AL104" s="1">
        <v>0</v>
      </c>
      <c r="AM104" s="1">
        <v>0</v>
      </c>
      <c r="AN104" s="1">
        <v>0</v>
      </c>
      <c r="AO104" s="1">
        <v>0</v>
      </c>
      <c r="AP104" s="1">
        <v>0</v>
      </c>
      <c r="AQ104" s="1">
        <v>0</v>
      </c>
      <c r="AR104" s="1">
        <v>0</v>
      </c>
      <c r="AS104" s="1">
        <v>0</v>
      </c>
      <c r="AT104" s="1">
        <v>0</v>
      </c>
      <c r="AU104" s="1">
        <v>0</v>
      </c>
      <c r="AV104" s="1">
        <v>0</v>
      </c>
      <c r="BF104" s="1">
        <v>0</v>
      </c>
      <c r="BG104" s="1">
        <v>0</v>
      </c>
      <c r="BH104" s="1">
        <v>0</v>
      </c>
      <c r="BK104" s="1">
        <v>0</v>
      </c>
      <c r="BM104" s="1">
        <v>0</v>
      </c>
      <c r="BO104" s="1">
        <v>0</v>
      </c>
    </row>
    <row r="105" spans="1:69" x14ac:dyDescent="0.25">
      <c r="A105" s="1">
        <v>30448406</v>
      </c>
      <c r="B105" t="s">
        <v>3787</v>
      </c>
      <c r="C105" t="s">
        <v>39</v>
      </c>
      <c r="D105" t="s">
        <v>3727</v>
      </c>
      <c r="E105" t="s">
        <v>200</v>
      </c>
      <c r="L105" t="s">
        <v>52</v>
      </c>
      <c r="M105" s="1">
        <v>0</v>
      </c>
      <c r="N105" s="1">
        <v>0</v>
      </c>
      <c r="O105" t="s">
        <v>3728</v>
      </c>
      <c r="P105" t="s">
        <v>176</v>
      </c>
      <c r="Q105" t="s">
        <v>238</v>
      </c>
      <c r="S105" t="s">
        <v>178</v>
      </c>
      <c r="T105" t="s">
        <v>200</v>
      </c>
      <c r="Y105" t="s">
        <v>224</v>
      </c>
      <c r="AC105" t="s">
        <v>180</v>
      </c>
      <c r="AD105" t="s">
        <v>200</v>
      </c>
      <c r="AE105" t="s">
        <v>200</v>
      </c>
      <c r="AF105" t="s">
        <v>200</v>
      </c>
      <c r="AG105" t="s">
        <v>200</v>
      </c>
      <c r="AH105" t="s">
        <v>200</v>
      </c>
      <c r="AI105" t="s">
        <v>200</v>
      </c>
      <c r="AJ105" t="s">
        <v>200</v>
      </c>
      <c r="AK105" t="s">
        <v>200</v>
      </c>
      <c r="AL105" t="s">
        <v>42</v>
      </c>
      <c r="AM105" t="s">
        <v>184</v>
      </c>
      <c r="AN105" s="1">
        <v>0</v>
      </c>
      <c r="AO105" t="s">
        <v>185</v>
      </c>
      <c r="AP105" t="s">
        <v>183</v>
      </c>
      <c r="AQ105" s="1">
        <v>0</v>
      </c>
      <c r="AR105" t="s">
        <v>201</v>
      </c>
      <c r="AS105" s="1">
        <v>0</v>
      </c>
      <c r="AT105" s="1">
        <v>0</v>
      </c>
      <c r="AU105" s="1">
        <v>0</v>
      </c>
      <c r="AV105" t="s">
        <v>182</v>
      </c>
      <c r="BA105" t="s">
        <v>188</v>
      </c>
      <c r="BB105" t="s">
        <v>208</v>
      </c>
      <c r="BF105" t="s">
        <v>292</v>
      </c>
      <c r="BG105" t="s">
        <v>301</v>
      </c>
      <c r="BH105" t="s">
        <v>211</v>
      </c>
      <c r="BK105" t="s">
        <v>191</v>
      </c>
      <c r="BL105" t="s">
        <v>3788</v>
      </c>
      <c r="BM105" t="s">
        <v>191</v>
      </c>
      <c r="BN105" t="s">
        <v>3789</v>
      </c>
      <c r="BO105" t="s">
        <v>191</v>
      </c>
      <c r="BP105" t="s">
        <v>3790</v>
      </c>
      <c r="BQ105" t="s">
        <v>3791</v>
      </c>
    </row>
    <row r="106" spans="1:69" x14ac:dyDescent="0.25">
      <c r="A106" s="1">
        <v>30448407</v>
      </c>
      <c r="B106" t="s">
        <v>3792</v>
      </c>
      <c r="C106" t="s">
        <v>39</v>
      </c>
      <c r="D106" t="s">
        <v>3727</v>
      </c>
      <c r="E106" t="s">
        <v>200</v>
      </c>
      <c r="L106" t="s">
        <v>52</v>
      </c>
      <c r="M106" s="1">
        <v>0</v>
      </c>
      <c r="N106" s="1">
        <v>0</v>
      </c>
      <c r="O106" t="s">
        <v>3728</v>
      </c>
      <c r="P106" t="s">
        <v>176</v>
      </c>
      <c r="Q106" t="s">
        <v>238</v>
      </c>
      <c r="S106" t="s">
        <v>178</v>
      </c>
      <c r="T106" t="s">
        <v>200</v>
      </c>
      <c r="W106" t="s">
        <v>262</v>
      </c>
      <c r="Z106" t="s">
        <v>244</v>
      </c>
      <c r="AC106" t="s">
        <v>266</v>
      </c>
      <c r="AD106" t="s">
        <v>175</v>
      </c>
      <c r="AE106" t="s">
        <v>175</v>
      </c>
      <c r="AF106" t="s">
        <v>175</v>
      </c>
      <c r="AG106" t="s">
        <v>175</v>
      </c>
      <c r="AH106" t="s">
        <v>200</v>
      </c>
      <c r="AI106" t="s">
        <v>175</v>
      </c>
      <c r="AJ106" t="s">
        <v>181</v>
      </c>
      <c r="AK106" t="s">
        <v>181</v>
      </c>
      <c r="AL106" t="s">
        <v>52</v>
      </c>
      <c r="AM106" s="1">
        <v>0</v>
      </c>
      <c r="AN106" s="1">
        <v>0</v>
      </c>
      <c r="AO106" s="1">
        <v>0</v>
      </c>
      <c r="AP106" s="1">
        <v>0</v>
      </c>
      <c r="AQ106" s="1">
        <v>0</v>
      </c>
      <c r="AR106" s="1">
        <v>0</v>
      </c>
      <c r="AS106" s="1">
        <v>0</v>
      </c>
      <c r="AT106" s="1">
        <v>0</v>
      </c>
      <c r="AU106" s="1">
        <v>0</v>
      </c>
      <c r="AV106" s="1">
        <v>0</v>
      </c>
      <c r="AX106" t="s">
        <v>186</v>
      </c>
      <c r="BA106" t="s">
        <v>188</v>
      </c>
      <c r="BC106" t="s">
        <v>209</v>
      </c>
      <c r="BF106" t="s">
        <v>232</v>
      </c>
      <c r="BG106" t="s">
        <v>301</v>
      </c>
      <c r="BH106" t="s">
        <v>211</v>
      </c>
      <c r="BK106" t="s">
        <v>191</v>
      </c>
      <c r="BL106" t="s">
        <v>3793</v>
      </c>
      <c r="BM106" t="s">
        <v>191</v>
      </c>
      <c r="BO106" t="s">
        <v>218</v>
      </c>
      <c r="BP106" t="s">
        <v>3794</v>
      </c>
    </row>
    <row r="107" spans="1:69" x14ac:dyDescent="0.25">
      <c r="A107" s="1">
        <v>30448408</v>
      </c>
      <c r="B107" t="s">
        <v>1680</v>
      </c>
      <c r="C107" t="s">
        <v>39</v>
      </c>
      <c r="D107" t="s">
        <v>1616</v>
      </c>
      <c r="E107" t="s">
        <v>200</v>
      </c>
      <c r="L107" t="s">
        <v>52</v>
      </c>
      <c r="M107" s="1">
        <v>0</v>
      </c>
      <c r="N107" s="1">
        <v>0</v>
      </c>
      <c r="O107" t="s">
        <v>1616</v>
      </c>
      <c r="P107" t="s">
        <v>216</v>
      </c>
      <c r="Q107" t="s">
        <v>258</v>
      </c>
      <c r="S107" s="1">
        <v>0</v>
      </c>
      <c r="T107" t="s">
        <v>200</v>
      </c>
      <c r="AA107" t="s">
        <v>273</v>
      </c>
      <c r="AB107" t="s">
        <v>1681</v>
      </c>
      <c r="AC107" t="s">
        <v>609</v>
      </c>
      <c r="AD107" t="s">
        <v>175</v>
      </c>
      <c r="AE107" t="s">
        <v>200</v>
      </c>
      <c r="AF107" t="s">
        <v>175</v>
      </c>
      <c r="AG107" t="s">
        <v>230</v>
      </c>
      <c r="AH107" t="s">
        <v>200</v>
      </c>
      <c r="AI107" t="s">
        <v>200</v>
      </c>
      <c r="AJ107" t="s">
        <v>175</v>
      </c>
      <c r="AK107" t="s">
        <v>175</v>
      </c>
      <c r="AL107" t="s">
        <v>42</v>
      </c>
      <c r="AM107" t="s">
        <v>185</v>
      </c>
      <c r="AN107" t="s">
        <v>206</v>
      </c>
      <c r="AO107" t="s">
        <v>204</v>
      </c>
      <c r="AP107" t="s">
        <v>183</v>
      </c>
      <c r="AQ107" t="s">
        <v>184</v>
      </c>
      <c r="AR107" t="s">
        <v>201</v>
      </c>
      <c r="AS107" t="s">
        <v>205</v>
      </c>
      <c r="AT107" t="s">
        <v>203</v>
      </c>
      <c r="AU107" t="s">
        <v>202</v>
      </c>
      <c r="AV107" t="s">
        <v>182</v>
      </c>
      <c r="AW107" t="s">
        <v>1682</v>
      </c>
      <c r="AZ107" t="s">
        <v>207</v>
      </c>
      <c r="BA107" t="s">
        <v>188</v>
      </c>
      <c r="BB107" t="s">
        <v>208</v>
      </c>
      <c r="BC107" t="s">
        <v>209</v>
      </c>
      <c r="BF107" t="s">
        <v>210</v>
      </c>
      <c r="BG107" s="1">
        <v>0</v>
      </c>
      <c r="BH107" t="s">
        <v>211</v>
      </c>
      <c r="BK107" t="s">
        <v>191</v>
      </c>
      <c r="BL107" t="s">
        <v>1683</v>
      </c>
      <c r="BM107" t="s">
        <v>218</v>
      </c>
      <c r="BN107" t="s">
        <v>1684</v>
      </c>
      <c r="BO107" t="s">
        <v>218</v>
      </c>
      <c r="BP107" t="s">
        <v>1685</v>
      </c>
      <c r="BQ107" t="s">
        <v>1686</v>
      </c>
    </row>
    <row r="108" spans="1:69" x14ac:dyDescent="0.25">
      <c r="A108" s="1">
        <v>30448409</v>
      </c>
      <c r="B108" t="s">
        <v>984</v>
      </c>
      <c r="C108" t="s">
        <v>39</v>
      </c>
      <c r="D108" t="s">
        <v>942</v>
      </c>
      <c r="E108" t="s">
        <v>216</v>
      </c>
      <c r="L108" t="s">
        <v>52</v>
      </c>
      <c r="M108" s="1">
        <v>0</v>
      </c>
      <c r="N108" s="1">
        <v>0</v>
      </c>
      <c r="O108" t="s">
        <v>942</v>
      </c>
      <c r="P108" t="s">
        <v>216</v>
      </c>
      <c r="Q108" t="s">
        <v>322</v>
      </c>
      <c r="S108" s="1">
        <v>0</v>
      </c>
      <c r="T108" t="s">
        <v>197</v>
      </c>
      <c r="U108" t="s">
        <v>985</v>
      </c>
      <c r="Y108" t="s">
        <v>224</v>
      </c>
      <c r="AC108" t="s">
        <v>225</v>
      </c>
      <c r="AD108" t="s">
        <v>181</v>
      </c>
      <c r="AE108" t="s">
        <v>175</v>
      </c>
      <c r="AF108" t="s">
        <v>175</v>
      </c>
      <c r="AG108" t="s">
        <v>175</v>
      </c>
      <c r="AH108" t="s">
        <v>175</v>
      </c>
      <c r="AI108" t="s">
        <v>175</v>
      </c>
      <c r="AJ108" t="s">
        <v>175</v>
      </c>
      <c r="AK108" t="s">
        <v>175</v>
      </c>
      <c r="AL108" t="s">
        <v>52</v>
      </c>
      <c r="AM108" t="s">
        <v>184</v>
      </c>
      <c r="AN108" t="s">
        <v>204</v>
      </c>
      <c r="AO108" t="s">
        <v>183</v>
      </c>
      <c r="AP108" t="s">
        <v>206</v>
      </c>
      <c r="AQ108" t="s">
        <v>203</v>
      </c>
      <c r="AR108" t="s">
        <v>205</v>
      </c>
      <c r="AS108" t="s">
        <v>185</v>
      </c>
      <c r="AT108" t="s">
        <v>201</v>
      </c>
      <c r="AU108" t="s">
        <v>202</v>
      </c>
      <c r="AV108" t="s">
        <v>182</v>
      </c>
      <c r="BF108" t="s">
        <v>210</v>
      </c>
      <c r="BG108" s="1">
        <v>0</v>
      </c>
      <c r="BH108" t="s">
        <v>211</v>
      </c>
      <c r="BK108" t="s">
        <v>191</v>
      </c>
      <c r="BL108" t="s">
        <v>986</v>
      </c>
      <c r="BM108" t="s">
        <v>218</v>
      </c>
      <c r="BO108" t="s">
        <v>218</v>
      </c>
    </row>
    <row r="109" spans="1:69" x14ac:dyDescent="0.25">
      <c r="A109" s="1">
        <v>30448411</v>
      </c>
      <c r="B109" t="s">
        <v>2555</v>
      </c>
      <c r="C109" t="s">
        <v>39</v>
      </c>
      <c r="D109" t="s">
        <v>2512</v>
      </c>
      <c r="E109" t="s">
        <v>175</v>
      </c>
      <c r="L109" t="s">
        <v>52</v>
      </c>
      <c r="M109" s="1">
        <v>0</v>
      </c>
      <c r="N109" s="1">
        <v>0</v>
      </c>
      <c r="O109" t="s">
        <v>2512</v>
      </c>
      <c r="P109" t="s">
        <v>216</v>
      </c>
      <c r="Q109" t="s">
        <v>196</v>
      </c>
      <c r="S109" s="1">
        <v>0</v>
      </c>
      <c r="T109" t="s">
        <v>175</v>
      </c>
      <c r="X109" t="s">
        <v>179</v>
      </c>
      <c r="Y109" t="s">
        <v>224</v>
      </c>
      <c r="AC109" t="s">
        <v>199</v>
      </c>
      <c r="AD109" t="s">
        <v>175</v>
      </c>
      <c r="AE109" t="s">
        <v>175</v>
      </c>
      <c r="AF109" t="s">
        <v>200</v>
      </c>
      <c r="AG109" t="s">
        <v>175</v>
      </c>
      <c r="AH109" t="s">
        <v>200</v>
      </c>
      <c r="AI109" t="s">
        <v>175</v>
      </c>
      <c r="AJ109" t="s">
        <v>175</v>
      </c>
      <c r="AK109" t="s">
        <v>175</v>
      </c>
      <c r="AL109" t="s">
        <v>52</v>
      </c>
      <c r="AM109" t="s">
        <v>205</v>
      </c>
      <c r="AN109" t="s">
        <v>182</v>
      </c>
      <c r="AO109" t="s">
        <v>204</v>
      </c>
      <c r="AP109" t="s">
        <v>206</v>
      </c>
      <c r="AQ109" t="s">
        <v>185</v>
      </c>
      <c r="AR109" t="s">
        <v>184</v>
      </c>
      <c r="AS109" t="s">
        <v>203</v>
      </c>
      <c r="AT109" t="s">
        <v>183</v>
      </c>
      <c r="AU109" t="s">
        <v>201</v>
      </c>
      <c r="AV109" t="s">
        <v>202</v>
      </c>
      <c r="AX109" t="s">
        <v>186</v>
      </c>
      <c r="BF109" t="s">
        <v>232</v>
      </c>
      <c r="BG109" t="s">
        <v>276</v>
      </c>
      <c r="BH109" t="s">
        <v>464</v>
      </c>
      <c r="BK109" t="s">
        <v>191</v>
      </c>
      <c r="BL109" t="s">
        <v>2556</v>
      </c>
      <c r="BM109" t="s">
        <v>191</v>
      </c>
      <c r="BN109" t="s">
        <v>944</v>
      </c>
      <c r="BO109" t="s">
        <v>191</v>
      </c>
      <c r="BP109" t="s">
        <v>2557</v>
      </c>
    </row>
    <row r="110" spans="1:69" x14ac:dyDescent="0.25">
      <c r="A110" s="1">
        <v>30448412</v>
      </c>
      <c r="B110" t="s">
        <v>987</v>
      </c>
      <c r="C110" t="s">
        <v>39</v>
      </c>
      <c r="D110" t="s">
        <v>942</v>
      </c>
      <c r="E110" t="s">
        <v>175</v>
      </c>
      <c r="L110" t="s">
        <v>52</v>
      </c>
      <c r="M110" s="1">
        <v>0</v>
      </c>
      <c r="N110" s="1">
        <v>0</v>
      </c>
      <c r="O110" t="s">
        <v>942</v>
      </c>
      <c r="P110" t="s">
        <v>176</v>
      </c>
      <c r="Q110" t="s">
        <v>238</v>
      </c>
      <c r="S110" t="s">
        <v>178</v>
      </c>
      <c r="T110" t="s">
        <v>175</v>
      </c>
      <c r="X110" t="s">
        <v>179</v>
      </c>
      <c r="AC110" t="s">
        <v>180</v>
      </c>
      <c r="AD110" t="s">
        <v>200</v>
      </c>
      <c r="AE110" t="s">
        <v>200</v>
      </c>
      <c r="AF110" t="s">
        <v>200</v>
      </c>
      <c r="AG110" t="s">
        <v>181</v>
      </c>
      <c r="AH110" t="s">
        <v>200</v>
      </c>
      <c r="AI110" t="s">
        <v>200</v>
      </c>
      <c r="AJ110" t="s">
        <v>200</v>
      </c>
      <c r="AK110" t="s">
        <v>200</v>
      </c>
      <c r="AL110" t="s">
        <v>42</v>
      </c>
      <c r="AM110" t="s">
        <v>206</v>
      </c>
      <c r="AN110" t="s">
        <v>202</v>
      </c>
      <c r="AO110" t="s">
        <v>185</v>
      </c>
      <c r="AP110" t="s">
        <v>183</v>
      </c>
      <c r="AQ110" t="s">
        <v>184</v>
      </c>
      <c r="AR110" t="s">
        <v>182</v>
      </c>
      <c r="AS110" t="s">
        <v>203</v>
      </c>
      <c r="AT110" t="s">
        <v>204</v>
      </c>
      <c r="AU110" t="s">
        <v>205</v>
      </c>
      <c r="AV110" t="s">
        <v>201</v>
      </c>
      <c r="BA110" t="s">
        <v>188</v>
      </c>
      <c r="BC110" t="s">
        <v>209</v>
      </c>
      <c r="BF110" t="s">
        <v>189</v>
      </c>
      <c r="BG110" s="1">
        <v>0</v>
      </c>
      <c r="BH110" t="s">
        <v>302</v>
      </c>
      <c r="BK110" t="s">
        <v>191</v>
      </c>
      <c r="BM110" t="s">
        <v>191</v>
      </c>
      <c r="BO110" t="s">
        <v>191</v>
      </c>
    </row>
    <row r="111" spans="1:69" x14ac:dyDescent="0.25">
      <c r="A111" s="1">
        <v>30448413</v>
      </c>
      <c r="B111" t="s">
        <v>267</v>
      </c>
      <c r="C111" t="s">
        <v>39</v>
      </c>
      <c r="D111" t="s">
        <v>174</v>
      </c>
      <c r="E111" t="s">
        <v>200</v>
      </c>
      <c r="L111" t="s">
        <v>52</v>
      </c>
      <c r="M111" s="1">
        <v>0</v>
      </c>
      <c r="N111" s="1">
        <v>0</v>
      </c>
      <c r="O111" t="s">
        <v>174</v>
      </c>
      <c r="P111" t="s">
        <v>216</v>
      </c>
      <c r="Q111" t="s">
        <v>177</v>
      </c>
      <c r="S111" s="1">
        <v>0</v>
      </c>
      <c r="T111" t="s">
        <v>200</v>
      </c>
      <c r="Y111" t="s">
        <v>224</v>
      </c>
      <c r="AC111" t="s">
        <v>180</v>
      </c>
      <c r="AD111" t="s">
        <v>200</v>
      </c>
      <c r="AE111" t="s">
        <v>200</v>
      </c>
      <c r="AF111" t="s">
        <v>181</v>
      </c>
      <c r="AG111" t="s">
        <v>175</v>
      </c>
      <c r="AH111" t="s">
        <v>200</v>
      </c>
      <c r="AI111" t="s">
        <v>200</v>
      </c>
      <c r="AJ111" t="s">
        <v>181</v>
      </c>
      <c r="AK111" t="s">
        <v>175</v>
      </c>
      <c r="AL111" t="s">
        <v>42</v>
      </c>
      <c r="AM111" t="s">
        <v>185</v>
      </c>
      <c r="AN111" t="s">
        <v>206</v>
      </c>
      <c r="AO111" t="s">
        <v>182</v>
      </c>
      <c r="AP111" t="s">
        <v>184</v>
      </c>
      <c r="AQ111" t="s">
        <v>202</v>
      </c>
      <c r="AR111" t="s">
        <v>203</v>
      </c>
      <c r="AS111" t="s">
        <v>204</v>
      </c>
      <c r="AT111" t="s">
        <v>201</v>
      </c>
      <c r="AU111" t="s">
        <v>205</v>
      </c>
      <c r="AV111" t="s">
        <v>183</v>
      </c>
      <c r="AX111" t="s">
        <v>186</v>
      </c>
      <c r="AY111" t="s">
        <v>187</v>
      </c>
      <c r="AZ111" t="s">
        <v>207</v>
      </c>
      <c r="BF111" t="s">
        <v>210</v>
      </c>
      <c r="BG111" s="1">
        <v>0</v>
      </c>
      <c r="BH111" t="s">
        <v>247</v>
      </c>
      <c r="BK111" t="s">
        <v>191</v>
      </c>
      <c r="BL111" t="s">
        <v>268</v>
      </c>
      <c r="BM111" t="s">
        <v>191</v>
      </c>
      <c r="BN111" t="s">
        <v>269</v>
      </c>
      <c r="BO111" t="s">
        <v>191</v>
      </c>
      <c r="BP111" t="s">
        <v>270</v>
      </c>
    </row>
    <row r="112" spans="1:69" x14ac:dyDescent="0.25">
      <c r="A112" s="1">
        <v>30448414</v>
      </c>
      <c r="B112" t="s">
        <v>3795</v>
      </c>
      <c r="C112" t="s">
        <v>39</v>
      </c>
      <c r="D112" t="s">
        <v>3727</v>
      </c>
      <c r="E112" t="s">
        <v>200</v>
      </c>
      <c r="L112" t="s">
        <v>52</v>
      </c>
      <c r="M112" s="1">
        <v>0</v>
      </c>
      <c r="N112" s="1">
        <v>0</v>
      </c>
      <c r="O112" t="s">
        <v>3728</v>
      </c>
      <c r="P112" t="s">
        <v>216</v>
      </c>
      <c r="Q112" t="s">
        <v>196</v>
      </c>
      <c r="S112" s="1">
        <v>0</v>
      </c>
      <c r="T112" t="s">
        <v>200</v>
      </c>
      <c r="X112" t="s">
        <v>179</v>
      </c>
      <c r="AC112" t="s">
        <v>180</v>
      </c>
      <c r="AD112" t="s">
        <v>175</v>
      </c>
      <c r="AE112" t="s">
        <v>200</v>
      </c>
      <c r="AF112" t="s">
        <v>181</v>
      </c>
      <c r="AG112" t="s">
        <v>200</v>
      </c>
      <c r="AH112" t="s">
        <v>200</v>
      </c>
      <c r="AI112" t="s">
        <v>200</v>
      </c>
      <c r="AJ112" t="s">
        <v>175</v>
      </c>
      <c r="AK112" t="s">
        <v>200</v>
      </c>
      <c r="AL112" t="s">
        <v>42</v>
      </c>
      <c r="AM112" t="s">
        <v>182</v>
      </c>
      <c r="AN112" t="s">
        <v>183</v>
      </c>
      <c r="AO112" t="s">
        <v>185</v>
      </c>
      <c r="AP112" t="s">
        <v>184</v>
      </c>
      <c r="AQ112" t="s">
        <v>204</v>
      </c>
      <c r="AR112" t="s">
        <v>203</v>
      </c>
      <c r="AS112" t="s">
        <v>205</v>
      </c>
      <c r="AT112" t="s">
        <v>201</v>
      </c>
      <c r="AU112" t="s">
        <v>202</v>
      </c>
      <c r="AV112" t="s">
        <v>206</v>
      </c>
      <c r="AX112" t="s">
        <v>186</v>
      </c>
      <c r="AY112" t="s">
        <v>187</v>
      </c>
      <c r="AZ112" t="s">
        <v>207</v>
      </c>
      <c r="BA112" t="s">
        <v>188</v>
      </c>
      <c r="BB112" t="s">
        <v>208</v>
      </c>
      <c r="BC112" t="s">
        <v>209</v>
      </c>
      <c r="BF112" t="s">
        <v>210</v>
      </c>
      <c r="BG112" s="1">
        <v>0</v>
      </c>
      <c r="BH112" t="s">
        <v>211</v>
      </c>
      <c r="BK112" t="s">
        <v>191</v>
      </c>
      <c r="BL112" t="s">
        <v>3796</v>
      </c>
      <c r="BM112" t="s">
        <v>191</v>
      </c>
      <c r="BN112" t="s">
        <v>519</v>
      </c>
      <c r="BO112" t="s">
        <v>218</v>
      </c>
      <c r="BP112" t="s">
        <v>3797</v>
      </c>
    </row>
    <row r="113" spans="1:69" x14ac:dyDescent="0.25">
      <c r="A113" s="1">
        <v>30448415</v>
      </c>
      <c r="B113" t="s">
        <v>988</v>
      </c>
      <c r="C113" t="s">
        <v>39</v>
      </c>
      <c r="D113" t="s">
        <v>942</v>
      </c>
      <c r="E113" t="s">
        <v>175</v>
      </c>
      <c r="L113" t="s">
        <v>52</v>
      </c>
      <c r="M113" s="1">
        <v>0</v>
      </c>
      <c r="N113" s="1">
        <v>0</v>
      </c>
      <c r="O113" t="s">
        <v>942</v>
      </c>
      <c r="P113" t="s">
        <v>216</v>
      </c>
      <c r="Q113" t="s">
        <v>238</v>
      </c>
      <c r="S113" s="1">
        <v>0</v>
      </c>
      <c r="T113" t="s">
        <v>175</v>
      </c>
      <c r="W113" t="s">
        <v>262</v>
      </c>
      <c r="X113" t="s">
        <v>179</v>
      </c>
      <c r="AC113" t="s">
        <v>199</v>
      </c>
      <c r="AD113" t="s">
        <v>181</v>
      </c>
      <c r="AE113" t="s">
        <v>175</v>
      </c>
      <c r="AF113" t="s">
        <v>181</v>
      </c>
      <c r="AG113" t="s">
        <v>175</v>
      </c>
      <c r="AH113" t="s">
        <v>175</v>
      </c>
      <c r="AI113" t="s">
        <v>175</v>
      </c>
      <c r="AJ113" t="s">
        <v>175</v>
      </c>
      <c r="AK113" t="s">
        <v>175</v>
      </c>
      <c r="AL113" t="s">
        <v>42</v>
      </c>
      <c r="AM113" t="s">
        <v>201</v>
      </c>
      <c r="AN113" t="s">
        <v>204</v>
      </c>
      <c r="AO113" t="s">
        <v>185</v>
      </c>
      <c r="AP113" t="s">
        <v>206</v>
      </c>
      <c r="AQ113" t="s">
        <v>182</v>
      </c>
      <c r="AR113" t="s">
        <v>183</v>
      </c>
      <c r="AS113" t="s">
        <v>184</v>
      </c>
      <c r="AT113" t="s">
        <v>202</v>
      </c>
      <c r="AU113" t="s">
        <v>205</v>
      </c>
      <c r="AV113" t="s">
        <v>203</v>
      </c>
      <c r="AZ113" t="s">
        <v>207</v>
      </c>
      <c r="BC113" t="s">
        <v>209</v>
      </c>
      <c r="BF113" t="s">
        <v>189</v>
      </c>
      <c r="BG113" s="1">
        <v>0</v>
      </c>
      <c r="BH113" t="s">
        <v>211</v>
      </c>
      <c r="BK113" t="s">
        <v>191</v>
      </c>
      <c r="BM113" t="s">
        <v>191</v>
      </c>
      <c r="BO113" t="s">
        <v>191</v>
      </c>
    </row>
    <row r="114" spans="1:69" x14ac:dyDescent="0.25">
      <c r="A114" s="1">
        <v>30448416</v>
      </c>
      <c r="B114" t="s">
        <v>3158</v>
      </c>
      <c r="C114" t="s">
        <v>39</v>
      </c>
      <c r="D114" t="s">
        <v>3138</v>
      </c>
      <c r="E114" t="s">
        <v>175</v>
      </c>
      <c r="L114" t="s">
        <v>52</v>
      </c>
      <c r="M114" s="1">
        <v>0</v>
      </c>
      <c r="N114" s="1">
        <v>0</v>
      </c>
      <c r="O114" t="s">
        <v>3139</v>
      </c>
      <c r="P114" t="s">
        <v>176</v>
      </c>
      <c r="Q114" t="s">
        <v>238</v>
      </c>
      <c r="S114" t="s">
        <v>178</v>
      </c>
      <c r="T114" t="s">
        <v>175</v>
      </c>
      <c r="V114" t="s">
        <v>397</v>
      </c>
      <c r="AC114" t="s">
        <v>180</v>
      </c>
      <c r="AD114" t="s">
        <v>181</v>
      </c>
      <c r="AE114" s="1">
        <v>0</v>
      </c>
      <c r="AF114" s="1">
        <v>0</v>
      </c>
      <c r="AG114" s="1">
        <v>0</v>
      </c>
      <c r="AH114" s="1">
        <v>0</v>
      </c>
      <c r="AI114" s="1">
        <v>0</v>
      </c>
      <c r="AJ114" s="1">
        <v>0</v>
      </c>
      <c r="AK114" s="1">
        <v>0</v>
      </c>
      <c r="AL114" t="s">
        <v>52</v>
      </c>
      <c r="AM114" t="s">
        <v>184</v>
      </c>
      <c r="AN114" t="s">
        <v>203</v>
      </c>
      <c r="AO114" t="s">
        <v>205</v>
      </c>
      <c r="AP114" t="s">
        <v>185</v>
      </c>
      <c r="AQ114" t="s">
        <v>183</v>
      </c>
      <c r="AR114" t="s">
        <v>182</v>
      </c>
      <c r="AS114" t="s">
        <v>201</v>
      </c>
      <c r="AT114" t="s">
        <v>202</v>
      </c>
      <c r="AU114" t="s">
        <v>206</v>
      </c>
      <c r="AV114" t="s">
        <v>204</v>
      </c>
      <c r="AY114" t="s">
        <v>187</v>
      </c>
      <c r="BF114" t="s">
        <v>232</v>
      </c>
      <c r="BG114" t="s">
        <v>233</v>
      </c>
      <c r="BH114" t="s">
        <v>211</v>
      </c>
      <c r="BK114" t="s">
        <v>191</v>
      </c>
      <c r="BM114" t="s">
        <v>191</v>
      </c>
      <c r="BO114" t="s">
        <v>191</v>
      </c>
    </row>
    <row r="115" spans="1:69" x14ac:dyDescent="0.25">
      <c r="A115" s="1">
        <v>30448418</v>
      </c>
      <c r="B115" t="s">
        <v>3159</v>
      </c>
      <c r="C115" t="s">
        <v>39</v>
      </c>
      <c r="D115" t="s">
        <v>3138</v>
      </c>
      <c r="E115" t="s">
        <v>175</v>
      </c>
      <c r="L115" t="s">
        <v>52</v>
      </c>
      <c r="M115" s="1">
        <v>0</v>
      </c>
      <c r="N115" s="1">
        <v>0</v>
      </c>
      <c r="O115" t="s">
        <v>3139</v>
      </c>
      <c r="P115" t="s">
        <v>176</v>
      </c>
      <c r="Q115" t="s">
        <v>258</v>
      </c>
      <c r="S115" t="s">
        <v>222</v>
      </c>
      <c r="T115" t="s">
        <v>175</v>
      </c>
      <c r="W115" t="s">
        <v>262</v>
      </c>
      <c r="X115" t="s">
        <v>179</v>
      </c>
      <c r="Y115" t="s">
        <v>224</v>
      </c>
      <c r="AC115" t="s">
        <v>199</v>
      </c>
      <c r="AD115" t="s">
        <v>175</v>
      </c>
      <c r="AE115" t="s">
        <v>181</v>
      </c>
      <c r="AF115" t="s">
        <v>181</v>
      </c>
      <c r="AG115" t="s">
        <v>230</v>
      </c>
      <c r="AH115" t="s">
        <v>175</v>
      </c>
      <c r="AI115" t="s">
        <v>175</v>
      </c>
      <c r="AJ115" t="s">
        <v>181</v>
      </c>
      <c r="AK115" t="s">
        <v>175</v>
      </c>
      <c r="AL115" t="s">
        <v>42</v>
      </c>
      <c r="AM115" t="s">
        <v>201</v>
      </c>
      <c r="AN115" t="s">
        <v>182</v>
      </c>
      <c r="AO115" t="s">
        <v>184</v>
      </c>
      <c r="AP115" t="s">
        <v>185</v>
      </c>
      <c r="AQ115" t="s">
        <v>202</v>
      </c>
      <c r="AR115" t="s">
        <v>204</v>
      </c>
      <c r="AS115" t="s">
        <v>203</v>
      </c>
      <c r="AT115" t="s">
        <v>183</v>
      </c>
      <c r="AU115" t="s">
        <v>205</v>
      </c>
      <c r="AV115" t="s">
        <v>206</v>
      </c>
      <c r="AX115" t="s">
        <v>186</v>
      </c>
      <c r="AY115" t="s">
        <v>187</v>
      </c>
      <c r="AZ115" t="s">
        <v>207</v>
      </c>
      <c r="BF115" t="s">
        <v>232</v>
      </c>
      <c r="BG115" t="s">
        <v>276</v>
      </c>
      <c r="BH115" t="s">
        <v>190</v>
      </c>
      <c r="BK115" t="s">
        <v>191</v>
      </c>
      <c r="BM115" t="s">
        <v>191</v>
      </c>
      <c r="BO115" t="s">
        <v>191</v>
      </c>
    </row>
    <row r="116" spans="1:69" x14ac:dyDescent="0.25">
      <c r="A116" s="1">
        <v>30448419</v>
      </c>
      <c r="B116" t="s">
        <v>3798</v>
      </c>
      <c r="C116" t="s">
        <v>39</v>
      </c>
      <c r="D116" t="s">
        <v>3727</v>
      </c>
      <c r="E116" t="s">
        <v>200</v>
      </c>
      <c r="L116" t="s">
        <v>52</v>
      </c>
      <c r="M116" s="1">
        <v>0</v>
      </c>
      <c r="N116" s="1">
        <v>0</v>
      </c>
      <c r="O116" t="s">
        <v>3728</v>
      </c>
      <c r="P116" t="s">
        <v>176</v>
      </c>
      <c r="Q116" t="s">
        <v>196</v>
      </c>
      <c r="S116" t="s">
        <v>315</v>
      </c>
      <c r="T116" t="s">
        <v>200</v>
      </c>
      <c r="Y116" t="s">
        <v>224</v>
      </c>
      <c r="AC116" t="s">
        <v>180</v>
      </c>
      <c r="AD116" t="s">
        <v>200</v>
      </c>
      <c r="AE116" t="s">
        <v>200</v>
      </c>
      <c r="AF116" t="s">
        <v>200</v>
      </c>
      <c r="AG116" t="s">
        <v>200</v>
      </c>
      <c r="AH116" t="s">
        <v>200</v>
      </c>
      <c r="AI116" t="s">
        <v>200</v>
      </c>
      <c r="AJ116" t="s">
        <v>200</v>
      </c>
      <c r="AK116" t="s">
        <v>200</v>
      </c>
      <c r="AL116" t="s">
        <v>42</v>
      </c>
      <c r="AM116" t="s">
        <v>205</v>
      </c>
      <c r="AN116" t="s">
        <v>201</v>
      </c>
      <c r="AO116" t="s">
        <v>184</v>
      </c>
      <c r="AP116" t="s">
        <v>185</v>
      </c>
      <c r="AQ116" t="s">
        <v>202</v>
      </c>
      <c r="AR116" t="s">
        <v>203</v>
      </c>
      <c r="AS116" t="s">
        <v>204</v>
      </c>
      <c r="AT116" t="s">
        <v>206</v>
      </c>
      <c r="AU116" t="s">
        <v>182</v>
      </c>
      <c r="AV116" t="s">
        <v>183</v>
      </c>
      <c r="AX116" t="s">
        <v>186</v>
      </c>
      <c r="AY116" t="s">
        <v>187</v>
      </c>
      <c r="AZ116" t="s">
        <v>207</v>
      </c>
      <c r="BB116" t="s">
        <v>208</v>
      </c>
      <c r="BF116" t="s">
        <v>210</v>
      </c>
      <c r="BG116" s="1">
        <v>0</v>
      </c>
      <c r="BH116" t="s">
        <v>464</v>
      </c>
      <c r="BK116" t="s">
        <v>191</v>
      </c>
      <c r="BL116" t="s">
        <v>1173</v>
      </c>
      <c r="BM116" t="s">
        <v>191</v>
      </c>
      <c r="BN116" t="s">
        <v>3799</v>
      </c>
      <c r="BO116" t="s">
        <v>191</v>
      </c>
      <c r="BP116" t="s">
        <v>1173</v>
      </c>
    </row>
    <row r="117" spans="1:69" x14ac:dyDescent="0.25">
      <c r="A117" s="1">
        <v>30448421</v>
      </c>
      <c r="B117" t="s">
        <v>3800</v>
      </c>
      <c r="C117" t="s">
        <v>39</v>
      </c>
      <c r="D117" t="s">
        <v>3727</v>
      </c>
      <c r="E117" t="s">
        <v>175</v>
      </c>
      <c r="L117" t="s">
        <v>52</v>
      </c>
      <c r="M117" s="1">
        <v>0</v>
      </c>
      <c r="N117" s="1">
        <v>0</v>
      </c>
      <c r="O117" t="s">
        <v>3728</v>
      </c>
      <c r="P117" t="s">
        <v>176</v>
      </c>
      <c r="Q117" t="s">
        <v>328</v>
      </c>
      <c r="S117" t="s">
        <v>222</v>
      </c>
      <c r="T117" t="s">
        <v>175</v>
      </c>
      <c r="Y117" t="s">
        <v>224</v>
      </c>
      <c r="AC117" t="s">
        <v>180</v>
      </c>
      <c r="AD117" t="s">
        <v>181</v>
      </c>
      <c r="AE117" t="s">
        <v>181</v>
      </c>
      <c r="AF117" t="s">
        <v>181</v>
      </c>
      <c r="AG117" t="s">
        <v>181</v>
      </c>
      <c r="AH117" t="s">
        <v>200</v>
      </c>
      <c r="AI117" t="s">
        <v>200</v>
      </c>
      <c r="AJ117" t="s">
        <v>200</v>
      </c>
      <c r="AK117" t="s">
        <v>200</v>
      </c>
      <c r="AL117" t="s">
        <v>42</v>
      </c>
      <c r="AM117" t="s">
        <v>205</v>
      </c>
      <c r="AN117" t="s">
        <v>206</v>
      </c>
      <c r="AO117" t="s">
        <v>182</v>
      </c>
      <c r="AP117" t="s">
        <v>203</v>
      </c>
      <c r="AQ117" t="s">
        <v>183</v>
      </c>
      <c r="AR117" t="s">
        <v>185</v>
      </c>
      <c r="AS117" t="s">
        <v>184</v>
      </c>
      <c r="AT117" t="s">
        <v>204</v>
      </c>
      <c r="AU117" t="s">
        <v>202</v>
      </c>
      <c r="AV117" t="s">
        <v>201</v>
      </c>
      <c r="AX117" t="s">
        <v>186</v>
      </c>
      <c r="AY117" t="s">
        <v>187</v>
      </c>
      <c r="BA117" t="s">
        <v>188</v>
      </c>
      <c r="BC117" t="s">
        <v>209</v>
      </c>
      <c r="BF117" t="s">
        <v>292</v>
      </c>
      <c r="BG117" t="s">
        <v>301</v>
      </c>
      <c r="BH117" t="s">
        <v>211</v>
      </c>
      <c r="BK117" t="s">
        <v>191</v>
      </c>
      <c r="BM117" t="s">
        <v>191</v>
      </c>
      <c r="BO117" t="s">
        <v>191</v>
      </c>
    </row>
    <row r="118" spans="1:69" x14ac:dyDescent="0.25">
      <c r="A118" s="1">
        <v>30448422</v>
      </c>
      <c r="B118" t="s">
        <v>271</v>
      </c>
      <c r="C118" t="s">
        <v>39</v>
      </c>
      <c r="D118" t="s">
        <v>174</v>
      </c>
      <c r="E118" t="s">
        <v>216</v>
      </c>
      <c r="L118" t="s">
        <v>52</v>
      </c>
      <c r="M118" s="1">
        <v>0</v>
      </c>
      <c r="N118" s="1">
        <v>0</v>
      </c>
      <c r="O118" t="s">
        <v>174</v>
      </c>
      <c r="P118" t="s">
        <v>216</v>
      </c>
      <c r="Q118" t="s">
        <v>258</v>
      </c>
      <c r="S118" s="1">
        <v>0</v>
      </c>
      <c r="T118" t="s">
        <v>197</v>
      </c>
      <c r="Y118" t="s">
        <v>224</v>
      </c>
      <c r="AC118" t="s">
        <v>180</v>
      </c>
      <c r="AD118" s="1">
        <v>0</v>
      </c>
      <c r="AE118" s="1">
        <v>0</v>
      </c>
      <c r="AF118" s="1">
        <v>0</v>
      </c>
      <c r="AG118" s="1">
        <v>0</v>
      </c>
      <c r="AH118" s="1">
        <v>0</v>
      </c>
      <c r="AI118" s="1">
        <v>0</v>
      </c>
      <c r="AJ118" s="1">
        <v>0</v>
      </c>
      <c r="AK118" s="1">
        <v>0</v>
      </c>
      <c r="AL118" s="1">
        <v>0</v>
      </c>
      <c r="AM118" s="1">
        <v>0</v>
      </c>
      <c r="AN118" s="1">
        <v>0</v>
      </c>
      <c r="AO118" s="1">
        <v>0</v>
      </c>
      <c r="AP118" s="1">
        <v>0</v>
      </c>
      <c r="AQ118" s="1">
        <v>0</v>
      </c>
      <c r="AR118" s="1">
        <v>0</v>
      </c>
      <c r="AS118" s="1">
        <v>0</v>
      </c>
      <c r="AT118" s="1">
        <v>0</v>
      </c>
      <c r="AU118" s="1">
        <v>0</v>
      </c>
      <c r="AV118" s="1">
        <v>0</v>
      </c>
      <c r="BF118" s="1">
        <v>0</v>
      </c>
      <c r="BG118" s="1">
        <v>0</v>
      </c>
      <c r="BH118" s="1">
        <v>0</v>
      </c>
      <c r="BK118" s="1">
        <v>0</v>
      </c>
      <c r="BM118" s="1">
        <v>0</v>
      </c>
      <c r="BO118" s="1">
        <v>0</v>
      </c>
    </row>
    <row r="119" spans="1:69" x14ac:dyDescent="0.25">
      <c r="A119" s="1">
        <v>30448423</v>
      </c>
      <c r="B119" t="s">
        <v>2558</v>
      </c>
      <c r="C119" t="s">
        <v>39</v>
      </c>
      <c r="D119" t="s">
        <v>2512</v>
      </c>
      <c r="E119" t="s">
        <v>175</v>
      </c>
      <c r="L119" t="s">
        <v>52</v>
      </c>
      <c r="M119" s="1">
        <v>0</v>
      </c>
      <c r="N119" s="1">
        <v>0</v>
      </c>
      <c r="O119" t="s">
        <v>2512</v>
      </c>
      <c r="P119" t="s">
        <v>176</v>
      </c>
      <c r="Q119" t="s">
        <v>177</v>
      </c>
      <c r="S119" t="s">
        <v>178</v>
      </c>
      <c r="T119" t="s">
        <v>175</v>
      </c>
      <c r="Z119" t="s">
        <v>244</v>
      </c>
      <c r="AC119" t="s">
        <v>199</v>
      </c>
      <c r="AD119" t="s">
        <v>175</v>
      </c>
      <c r="AE119" t="s">
        <v>175</v>
      </c>
      <c r="AF119" t="s">
        <v>175</v>
      </c>
      <c r="AG119" t="s">
        <v>175</v>
      </c>
      <c r="AH119" t="s">
        <v>175</v>
      </c>
      <c r="AI119" t="s">
        <v>175</v>
      </c>
      <c r="AJ119" t="s">
        <v>175</v>
      </c>
      <c r="AK119" t="s">
        <v>175</v>
      </c>
      <c r="AL119" t="s">
        <v>42</v>
      </c>
      <c r="AM119" t="s">
        <v>182</v>
      </c>
      <c r="AN119" t="s">
        <v>203</v>
      </c>
      <c r="AO119" t="s">
        <v>185</v>
      </c>
      <c r="AP119" t="s">
        <v>205</v>
      </c>
      <c r="AQ119" t="s">
        <v>184</v>
      </c>
      <c r="AR119" t="s">
        <v>201</v>
      </c>
      <c r="AS119" t="s">
        <v>204</v>
      </c>
      <c r="AT119" t="s">
        <v>206</v>
      </c>
      <c r="AU119" t="s">
        <v>202</v>
      </c>
      <c r="AV119" t="s">
        <v>183</v>
      </c>
      <c r="AZ119" t="s">
        <v>207</v>
      </c>
      <c r="BF119" t="s">
        <v>210</v>
      </c>
      <c r="BG119" s="1">
        <v>0</v>
      </c>
      <c r="BH119" t="s">
        <v>190</v>
      </c>
      <c r="BK119" t="s">
        <v>191</v>
      </c>
      <c r="BM119" t="s">
        <v>191</v>
      </c>
      <c r="BO119" t="s">
        <v>191</v>
      </c>
    </row>
    <row r="120" spans="1:69" x14ac:dyDescent="0.25">
      <c r="A120" s="1">
        <v>30448424</v>
      </c>
      <c r="B120" t="s">
        <v>3160</v>
      </c>
      <c r="C120" t="s">
        <v>39</v>
      </c>
      <c r="D120" t="s">
        <v>3138</v>
      </c>
      <c r="E120" t="s">
        <v>195</v>
      </c>
      <c r="L120" t="s">
        <v>52</v>
      </c>
      <c r="M120" s="1">
        <v>0</v>
      </c>
      <c r="N120" s="1">
        <v>0</v>
      </c>
      <c r="O120" t="s">
        <v>3139</v>
      </c>
      <c r="P120" t="s">
        <v>176</v>
      </c>
      <c r="Q120" t="s">
        <v>177</v>
      </c>
      <c r="S120" t="s">
        <v>222</v>
      </c>
      <c r="T120" t="s">
        <v>197</v>
      </c>
      <c r="U120" t="s">
        <v>3161</v>
      </c>
      <c r="Y120" t="s">
        <v>224</v>
      </c>
      <c r="AC120" t="s">
        <v>49</v>
      </c>
      <c r="AD120" t="s">
        <v>181</v>
      </c>
      <c r="AE120" t="s">
        <v>181</v>
      </c>
      <c r="AF120" t="s">
        <v>175</v>
      </c>
      <c r="AG120" t="s">
        <v>175</v>
      </c>
      <c r="AH120" t="s">
        <v>175</v>
      </c>
      <c r="AI120" t="s">
        <v>175</v>
      </c>
      <c r="AJ120" t="s">
        <v>175</v>
      </c>
      <c r="AK120" t="s">
        <v>175</v>
      </c>
      <c r="AL120" t="s">
        <v>49</v>
      </c>
      <c r="AM120" t="s">
        <v>184</v>
      </c>
      <c r="AN120" s="1">
        <v>0</v>
      </c>
      <c r="AO120" s="1">
        <v>0</v>
      </c>
      <c r="AP120" s="1">
        <v>0</v>
      </c>
      <c r="AQ120" t="s">
        <v>182</v>
      </c>
      <c r="AR120" t="s">
        <v>183</v>
      </c>
      <c r="AS120" s="1">
        <v>0</v>
      </c>
      <c r="AT120" s="1">
        <v>0</v>
      </c>
      <c r="AU120" s="1">
        <v>0</v>
      </c>
      <c r="AV120" t="s">
        <v>185</v>
      </c>
      <c r="AX120" t="s">
        <v>186</v>
      </c>
      <c r="BA120" t="s">
        <v>188</v>
      </c>
      <c r="BF120" t="s">
        <v>49</v>
      </c>
      <c r="BG120" s="1">
        <v>0</v>
      </c>
      <c r="BH120" t="s">
        <v>211</v>
      </c>
      <c r="BK120" t="s">
        <v>191</v>
      </c>
      <c r="BL120" t="s">
        <v>576</v>
      </c>
      <c r="BM120" t="s">
        <v>191</v>
      </c>
      <c r="BO120" t="s">
        <v>191</v>
      </c>
      <c r="BP120" t="s">
        <v>3162</v>
      </c>
    </row>
    <row r="121" spans="1:69" x14ac:dyDescent="0.25">
      <c r="A121" s="1">
        <v>30448425</v>
      </c>
      <c r="B121" t="s">
        <v>989</v>
      </c>
      <c r="C121" t="s">
        <v>39</v>
      </c>
      <c r="D121" t="s">
        <v>942</v>
      </c>
      <c r="E121" t="s">
        <v>175</v>
      </c>
      <c r="L121" t="s">
        <v>52</v>
      </c>
      <c r="M121" s="1">
        <v>0</v>
      </c>
      <c r="N121" s="1">
        <v>0</v>
      </c>
      <c r="O121" t="s">
        <v>942</v>
      </c>
      <c r="P121" t="s">
        <v>216</v>
      </c>
      <c r="Q121" t="s">
        <v>238</v>
      </c>
      <c r="S121" s="1">
        <v>0</v>
      </c>
      <c r="T121" t="s">
        <v>175</v>
      </c>
      <c r="Z121" t="s">
        <v>244</v>
      </c>
      <c r="AC121" t="s">
        <v>180</v>
      </c>
      <c r="AD121" t="s">
        <v>181</v>
      </c>
      <c r="AE121" t="s">
        <v>175</v>
      </c>
      <c r="AF121" t="s">
        <v>181</v>
      </c>
      <c r="AG121" t="s">
        <v>175</v>
      </c>
      <c r="AH121" t="s">
        <v>175</v>
      </c>
      <c r="AI121" t="s">
        <v>175</v>
      </c>
      <c r="AJ121" t="s">
        <v>175</v>
      </c>
      <c r="AK121" t="s">
        <v>230</v>
      </c>
      <c r="AL121" t="s">
        <v>42</v>
      </c>
      <c r="AM121" t="s">
        <v>201</v>
      </c>
      <c r="AN121" t="s">
        <v>205</v>
      </c>
      <c r="AO121" t="s">
        <v>182</v>
      </c>
      <c r="AP121" t="s">
        <v>183</v>
      </c>
      <c r="AQ121" t="s">
        <v>185</v>
      </c>
      <c r="AR121" t="s">
        <v>184</v>
      </c>
      <c r="AS121" t="s">
        <v>203</v>
      </c>
      <c r="AT121" t="s">
        <v>202</v>
      </c>
      <c r="AU121" t="s">
        <v>204</v>
      </c>
      <c r="AV121" t="s">
        <v>206</v>
      </c>
      <c r="AW121" t="s">
        <v>990</v>
      </c>
      <c r="AX121" t="s">
        <v>186</v>
      </c>
      <c r="AZ121" t="s">
        <v>207</v>
      </c>
      <c r="BF121" t="s">
        <v>292</v>
      </c>
      <c r="BG121" t="s">
        <v>301</v>
      </c>
      <c r="BH121" t="s">
        <v>211</v>
      </c>
      <c r="BK121" t="s">
        <v>191</v>
      </c>
      <c r="BL121" t="s">
        <v>991</v>
      </c>
      <c r="BM121" t="s">
        <v>218</v>
      </c>
      <c r="BN121" t="s">
        <v>992</v>
      </c>
      <c r="BO121" t="s">
        <v>191</v>
      </c>
      <c r="BP121" t="s">
        <v>993</v>
      </c>
    </row>
    <row r="122" spans="1:69" x14ac:dyDescent="0.25">
      <c r="A122" s="1">
        <v>30448426</v>
      </c>
      <c r="B122" t="s">
        <v>1687</v>
      </c>
      <c r="C122" t="s">
        <v>39</v>
      </c>
      <c r="D122" t="s">
        <v>1616</v>
      </c>
      <c r="L122" t="s">
        <v>52</v>
      </c>
      <c r="M122" s="1">
        <v>0</v>
      </c>
      <c r="N122" s="1">
        <v>0</v>
      </c>
      <c r="O122" t="s">
        <v>1616</v>
      </c>
      <c r="P122" t="s">
        <v>49</v>
      </c>
      <c r="Q122" s="1">
        <v>0</v>
      </c>
      <c r="S122" s="1">
        <v>0</v>
      </c>
      <c r="T122" s="1">
        <v>0</v>
      </c>
      <c r="Y122" t="s">
        <v>224</v>
      </c>
      <c r="AC122" t="s">
        <v>180</v>
      </c>
      <c r="AD122" t="s">
        <v>181</v>
      </c>
      <c r="AE122" t="s">
        <v>230</v>
      </c>
      <c r="AF122" t="s">
        <v>230</v>
      </c>
      <c r="AG122" t="s">
        <v>175</v>
      </c>
      <c r="AH122" t="s">
        <v>175</v>
      </c>
      <c r="AI122" t="s">
        <v>175</v>
      </c>
      <c r="AJ122" t="s">
        <v>230</v>
      </c>
      <c r="AK122" t="s">
        <v>230</v>
      </c>
      <c r="AL122" t="s">
        <v>52</v>
      </c>
      <c r="AM122" t="s">
        <v>182</v>
      </c>
      <c r="AN122" t="s">
        <v>183</v>
      </c>
      <c r="AO122" t="s">
        <v>205</v>
      </c>
      <c r="AP122" t="s">
        <v>206</v>
      </c>
      <c r="AQ122" t="s">
        <v>185</v>
      </c>
      <c r="AR122" t="s">
        <v>184</v>
      </c>
      <c r="AS122" t="s">
        <v>201</v>
      </c>
      <c r="AT122" t="s">
        <v>203</v>
      </c>
      <c r="AU122" t="s">
        <v>202</v>
      </c>
      <c r="AV122" t="s">
        <v>204</v>
      </c>
      <c r="AW122" t="s">
        <v>1688</v>
      </c>
      <c r="AX122" t="s">
        <v>186</v>
      </c>
      <c r="BA122" t="s">
        <v>188</v>
      </c>
      <c r="BC122" t="s">
        <v>209</v>
      </c>
      <c r="BF122" t="s">
        <v>292</v>
      </c>
      <c r="BG122" t="s">
        <v>233</v>
      </c>
      <c r="BH122" t="s">
        <v>247</v>
      </c>
      <c r="BK122" t="s">
        <v>191</v>
      </c>
      <c r="BL122" t="s">
        <v>1689</v>
      </c>
      <c r="BM122" t="s">
        <v>191</v>
      </c>
      <c r="BN122" t="s">
        <v>1690</v>
      </c>
      <c r="BO122" t="s">
        <v>191</v>
      </c>
      <c r="BP122" t="s">
        <v>1691</v>
      </c>
    </row>
    <row r="123" spans="1:69" x14ac:dyDescent="0.25">
      <c r="A123" s="1">
        <v>30448427</v>
      </c>
      <c r="B123" t="s">
        <v>3163</v>
      </c>
      <c r="C123" t="s">
        <v>39</v>
      </c>
      <c r="D123" t="s">
        <v>3138</v>
      </c>
      <c r="E123" t="s">
        <v>200</v>
      </c>
      <c r="L123" t="s">
        <v>52</v>
      </c>
      <c r="M123" s="1">
        <v>0</v>
      </c>
      <c r="N123" s="1">
        <v>0</v>
      </c>
      <c r="O123" t="s">
        <v>3139</v>
      </c>
      <c r="P123" t="s">
        <v>216</v>
      </c>
      <c r="Q123" t="s">
        <v>177</v>
      </c>
      <c r="S123" s="1">
        <v>0</v>
      </c>
      <c r="T123" t="s">
        <v>200</v>
      </c>
      <c r="AC123" t="s">
        <v>180</v>
      </c>
      <c r="AD123" t="s">
        <v>200</v>
      </c>
      <c r="AE123" t="s">
        <v>200</v>
      </c>
      <c r="AF123" t="s">
        <v>200</v>
      </c>
      <c r="AG123" t="s">
        <v>200</v>
      </c>
      <c r="AH123" t="s">
        <v>200</v>
      </c>
      <c r="AI123" t="s">
        <v>200</v>
      </c>
      <c r="AJ123" t="s">
        <v>200</v>
      </c>
      <c r="AK123" t="s">
        <v>200</v>
      </c>
      <c r="AL123" t="s">
        <v>52</v>
      </c>
      <c r="AM123" t="s">
        <v>184</v>
      </c>
      <c r="AN123" t="s">
        <v>201</v>
      </c>
      <c r="AO123" t="s">
        <v>185</v>
      </c>
      <c r="AP123" t="s">
        <v>182</v>
      </c>
      <c r="AQ123" t="s">
        <v>203</v>
      </c>
      <c r="AR123" t="s">
        <v>202</v>
      </c>
      <c r="AS123" t="s">
        <v>183</v>
      </c>
      <c r="AT123" t="s">
        <v>206</v>
      </c>
      <c r="AU123" t="s">
        <v>205</v>
      </c>
      <c r="AV123" t="s">
        <v>204</v>
      </c>
      <c r="BA123" t="s">
        <v>188</v>
      </c>
      <c r="BB123" t="s">
        <v>208</v>
      </c>
      <c r="BF123" t="s">
        <v>210</v>
      </c>
      <c r="BG123" s="1">
        <v>0</v>
      </c>
      <c r="BH123" t="s">
        <v>211</v>
      </c>
      <c r="BK123" t="s">
        <v>191</v>
      </c>
      <c r="BL123" t="s">
        <v>3164</v>
      </c>
      <c r="BM123" t="s">
        <v>191</v>
      </c>
      <c r="BN123" t="s">
        <v>3165</v>
      </c>
      <c r="BO123" t="s">
        <v>191</v>
      </c>
      <c r="BP123" t="s">
        <v>3166</v>
      </c>
      <c r="BQ123" t="s">
        <v>3167</v>
      </c>
    </row>
    <row r="124" spans="1:69" x14ac:dyDescent="0.25">
      <c r="A124" s="1">
        <v>30448429</v>
      </c>
      <c r="B124" t="s">
        <v>3168</v>
      </c>
      <c r="C124" t="s">
        <v>39</v>
      </c>
      <c r="D124" t="s">
        <v>3138</v>
      </c>
      <c r="E124" t="s">
        <v>195</v>
      </c>
      <c r="L124" t="s">
        <v>52</v>
      </c>
      <c r="M124" s="1">
        <v>0</v>
      </c>
      <c r="N124" s="1">
        <v>0</v>
      </c>
      <c r="O124" t="s">
        <v>3139</v>
      </c>
      <c r="P124" t="s">
        <v>176</v>
      </c>
      <c r="Q124" t="s">
        <v>238</v>
      </c>
      <c r="S124" t="s">
        <v>178</v>
      </c>
      <c r="T124" t="s">
        <v>197</v>
      </c>
      <c r="Y124" t="s">
        <v>224</v>
      </c>
      <c r="AC124" t="s">
        <v>225</v>
      </c>
      <c r="AD124" t="s">
        <v>175</v>
      </c>
      <c r="AE124" t="s">
        <v>175</v>
      </c>
      <c r="AF124" t="s">
        <v>175</v>
      </c>
      <c r="AG124" t="s">
        <v>175</v>
      </c>
      <c r="AH124" t="s">
        <v>175</v>
      </c>
      <c r="AI124" t="s">
        <v>175</v>
      </c>
      <c r="AJ124" t="s">
        <v>175</v>
      </c>
      <c r="AK124" t="s">
        <v>175</v>
      </c>
      <c r="AL124" t="s">
        <v>52</v>
      </c>
      <c r="AM124" t="s">
        <v>182</v>
      </c>
      <c r="AN124" t="s">
        <v>183</v>
      </c>
      <c r="AO124" t="s">
        <v>184</v>
      </c>
      <c r="AP124" t="s">
        <v>185</v>
      </c>
      <c r="AQ124" t="s">
        <v>202</v>
      </c>
      <c r="AR124" t="s">
        <v>203</v>
      </c>
      <c r="AS124" t="s">
        <v>204</v>
      </c>
      <c r="AT124" t="s">
        <v>201</v>
      </c>
      <c r="AU124" t="s">
        <v>206</v>
      </c>
      <c r="AV124" t="s">
        <v>205</v>
      </c>
      <c r="AX124" t="s">
        <v>186</v>
      </c>
      <c r="AZ124" t="s">
        <v>207</v>
      </c>
      <c r="BC124" t="s">
        <v>209</v>
      </c>
      <c r="BF124" t="s">
        <v>292</v>
      </c>
      <c r="BG124" t="s">
        <v>276</v>
      </c>
      <c r="BH124" t="s">
        <v>211</v>
      </c>
      <c r="BK124" t="s">
        <v>191</v>
      </c>
      <c r="BM124" t="s">
        <v>191</v>
      </c>
      <c r="BO124" t="s">
        <v>191</v>
      </c>
      <c r="BP124" t="s">
        <v>3169</v>
      </c>
    </row>
    <row r="125" spans="1:69" x14ac:dyDescent="0.25">
      <c r="A125" s="1">
        <v>30448431</v>
      </c>
      <c r="B125" t="s">
        <v>3170</v>
      </c>
      <c r="C125" t="s">
        <v>39</v>
      </c>
      <c r="D125" t="s">
        <v>3138</v>
      </c>
      <c r="E125" t="s">
        <v>175</v>
      </c>
      <c r="L125" t="s">
        <v>52</v>
      </c>
      <c r="M125" s="1">
        <v>0</v>
      </c>
      <c r="N125" s="1">
        <v>0</v>
      </c>
      <c r="O125" t="s">
        <v>3139</v>
      </c>
      <c r="P125" t="s">
        <v>176</v>
      </c>
      <c r="Q125" t="s">
        <v>238</v>
      </c>
      <c r="S125" t="s">
        <v>178</v>
      </c>
      <c r="T125" t="s">
        <v>175</v>
      </c>
      <c r="X125" t="s">
        <v>179</v>
      </c>
      <c r="AC125" t="s">
        <v>180</v>
      </c>
      <c r="AD125" t="s">
        <v>181</v>
      </c>
      <c r="AE125" t="s">
        <v>175</v>
      </c>
      <c r="AF125" t="s">
        <v>175</v>
      </c>
      <c r="AG125" t="s">
        <v>181</v>
      </c>
      <c r="AH125" t="s">
        <v>175</v>
      </c>
      <c r="AI125" t="s">
        <v>181</v>
      </c>
      <c r="AJ125" t="s">
        <v>181</v>
      </c>
      <c r="AK125" t="s">
        <v>175</v>
      </c>
      <c r="AL125" t="s">
        <v>42</v>
      </c>
      <c r="AM125" t="s">
        <v>184</v>
      </c>
      <c r="AN125" s="1">
        <v>0</v>
      </c>
      <c r="AO125" s="1">
        <v>0</v>
      </c>
      <c r="AP125" s="1">
        <v>0</v>
      </c>
      <c r="AQ125" t="s">
        <v>182</v>
      </c>
      <c r="AR125" s="1">
        <v>0</v>
      </c>
      <c r="AS125" s="1">
        <v>0</v>
      </c>
      <c r="AT125" t="s">
        <v>185</v>
      </c>
      <c r="AU125" s="1">
        <v>0</v>
      </c>
      <c r="AV125" s="1">
        <v>0</v>
      </c>
      <c r="AY125" t="s">
        <v>187</v>
      </c>
      <c r="AZ125" t="s">
        <v>207</v>
      </c>
      <c r="BA125" t="s">
        <v>188</v>
      </c>
      <c r="BF125" t="s">
        <v>49</v>
      </c>
      <c r="BG125" s="1">
        <v>0</v>
      </c>
      <c r="BH125" t="s">
        <v>211</v>
      </c>
      <c r="BK125" t="s">
        <v>191</v>
      </c>
      <c r="BL125" t="s">
        <v>518</v>
      </c>
      <c r="BM125" t="s">
        <v>191</v>
      </c>
      <c r="BN125" t="s">
        <v>518</v>
      </c>
      <c r="BO125" t="s">
        <v>191</v>
      </c>
      <c r="BP125" t="s">
        <v>2210</v>
      </c>
    </row>
    <row r="126" spans="1:69" x14ac:dyDescent="0.25">
      <c r="A126" s="1">
        <v>30448432</v>
      </c>
      <c r="B126" t="s">
        <v>994</v>
      </c>
      <c r="C126" t="s">
        <v>39</v>
      </c>
      <c r="D126" t="s">
        <v>942</v>
      </c>
      <c r="E126" t="s">
        <v>175</v>
      </c>
      <c r="L126" t="s">
        <v>52</v>
      </c>
      <c r="M126" s="1">
        <v>0</v>
      </c>
      <c r="N126" s="1">
        <v>0</v>
      </c>
      <c r="O126" t="s">
        <v>942</v>
      </c>
      <c r="P126" t="s">
        <v>176</v>
      </c>
      <c r="Q126" t="s">
        <v>177</v>
      </c>
      <c r="S126" t="s">
        <v>256</v>
      </c>
      <c r="T126" t="s">
        <v>175</v>
      </c>
      <c r="X126" t="s">
        <v>179</v>
      </c>
      <c r="Y126" t="s">
        <v>224</v>
      </c>
      <c r="AC126" t="s">
        <v>180</v>
      </c>
      <c r="AD126" t="s">
        <v>181</v>
      </c>
      <c r="AE126" t="s">
        <v>181</v>
      </c>
      <c r="AF126" t="s">
        <v>230</v>
      </c>
      <c r="AG126" t="s">
        <v>230</v>
      </c>
      <c r="AH126" t="s">
        <v>175</v>
      </c>
      <c r="AI126" t="s">
        <v>175</v>
      </c>
      <c r="AJ126" t="s">
        <v>181</v>
      </c>
      <c r="AK126" t="s">
        <v>230</v>
      </c>
      <c r="AL126" t="s">
        <v>42</v>
      </c>
      <c r="AM126" t="s">
        <v>182</v>
      </c>
      <c r="AN126" t="s">
        <v>206</v>
      </c>
      <c r="AO126" t="s">
        <v>185</v>
      </c>
      <c r="AP126" t="s">
        <v>184</v>
      </c>
      <c r="AQ126" t="s">
        <v>203</v>
      </c>
      <c r="AR126" t="s">
        <v>202</v>
      </c>
      <c r="AS126" t="s">
        <v>183</v>
      </c>
      <c r="AT126" t="s">
        <v>204</v>
      </c>
      <c r="AU126" t="s">
        <v>205</v>
      </c>
      <c r="AV126" t="s">
        <v>201</v>
      </c>
      <c r="AX126" t="s">
        <v>186</v>
      </c>
      <c r="AZ126" t="s">
        <v>207</v>
      </c>
      <c r="BC126" t="s">
        <v>209</v>
      </c>
      <c r="BF126" t="s">
        <v>189</v>
      </c>
      <c r="BG126" s="1">
        <v>0</v>
      </c>
      <c r="BH126" t="s">
        <v>190</v>
      </c>
      <c r="BK126" t="s">
        <v>191</v>
      </c>
      <c r="BL126" t="s">
        <v>995</v>
      </c>
      <c r="BM126" t="s">
        <v>191</v>
      </c>
      <c r="BN126" t="s">
        <v>996</v>
      </c>
      <c r="BO126" t="s">
        <v>218</v>
      </c>
      <c r="BP126" t="s">
        <v>997</v>
      </c>
      <c r="BQ126" t="s">
        <v>998</v>
      </c>
    </row>
    <row r="127" spans="1:69" x14ac:dyDescent="0.25">
      <c r="A127" s="1">
        <v>30448433</v>
      </c>
      <c r="B127" t="s">
        <v>3801</v>
      </c>
      <c r="C127" t="s">
        <v>39</v>
      </c>
      <c r="D127" t="s">
        <v>3727</v>
      </c>
      <c r="E127" t="s">
        <v>200</v>
      </c>
      <c r="L127" t="s">
        <v>52</v>
      </c>
      <c r="M127" s="1">
        <v>0</v>
      </c>
      <c r="N127" s="1">
        <v>0</v>
      </c>
      <c r="O127" t="s">
        <v>3728</v>
      </c>
      <c r="P127" t="s">
        <v>176</v>
      </c>
      <c r="Q127" t="s">
        <v>238</v>
      </c>
      <c r="S127" t="s">
        <v>222</v>
      </c>
      <c r="T127" t="s">
        <v>200</v>
      </c>
      <c r="AA127" t="s">
        <v>273</v>
      </c>
      <c r="AC127" t="s">
        <v>225</v>
      </c>
      <c r="AD127" t="s">
        <v>175</v>
      </c>
      <c r="AE127" t="s">
        <v>175</v>
      </c>
      <c r="AF127" t="s">
        <v>230</v>
      </c>
      <c r="AG127" t="s">
        <v>200</v>
      </c>
      <c r="AH127" t="s">
        <v>200</v>
      </c>
      <c r="AI127" t="s">
        <v>200</v>
      </c>
      <c r="AJ127" t="s">
        <v>175</v>
      </c>
      <c r="AK127" t="s">
        <v>175</v>
      </c>
      <c r="AL127" t="s">
        <v>52</v>
      </c>
      <c r="AM127" t="s">
        <v>201</v>
      </c>
      <c r="AN127" t="s">
        <v>206</v>
      </c>
      <c r="AO127" t="s">
        <v>204</v>
      </c>
      <c r="AP127" t="s">
        <v>184</v>
      </c>
      <c r="AQ127" t="s">
        <v>185</v>
      </c>
      <c r="AR127" t="s">
        <v>183</v>
      </c>
      <c r="AS127" t="s">
        <v>203</v>
      </c>
      <c r="AT127" t="s">
        <v>205</v>
      </c>
      <c r="AU127" t="s">
        <v>182</v>
      </c>
      <c r="AV127" t="s">
        <v>202</v>
      </c>
      <c r="AX127" t="s">
        <v>186</v>
      </c>
      <c r="AY127" t="s">
        <v>187</v>
      </c>
      <c r="AZ127" t="s">
        <v>207</v>
      </c>
      <c r="BA127" t="s">
        <v>188</v>
      </c>
      <c r="BC127" t="s">
        <v>209</v>
      </c>
      <c r="BF127" t="s">
        <v>210</v>
      </c>
      <c r="BG127" s="1">
        <v>0</v>
      </c>
      <c r="BH127" t="s">
        <v>464</v>
      </c>
      <c r="BK127" t="s">
        <v>191</v>
      </c>
      <c r="BL127" t="s">
        <v>3802</v>
      </c>
      <c r="BM127" t="s">
        <v>218</v>
      </c>
      <c r="BN127" t="s">
        <v>3803</v>
      </c>
      <c r="BO127" t="s">
        <v>218</v>
      </c>
      <c r="BP127" t="s">
        <v>3804</v>
      </c>
      <c r="BQ127" t="s">
        <v>3805</v>
      </c>
    </row>
    <row r="128" spans="1:69" x14ac:dyDescent="0.25">
      <c r="A128" s="1">
        <v>30448435</v>
      </c>
      <c r="B128" t="s">
        <v>272</v>
      </c>
      <c r="C128" t="s">
        <v>39</v>
      </c>
      <c r="D128" t="s">
        <v>174</v>
      </c>
      <c r="E128" t="s">
        <v>175</v>
      </c>
      <c r="L128" t="s">
        <v>52</v>
      </c>
      <c r="M128" s="1">
        <v>0</v>
      </c>
      <c r="N128" s="1">
        <v>0</v>
      </c>
      <c r="O128" t="s">
        <v>174</v>
      </c>
      <c r="P128" t="s">
        <v>176</v>
      </c>
      <c r="Q128" t="s">
        <v>177</v>
      </c>
      <c r="S128" t="s">
        <v>178</v>
      </c>
      <c r="T128" t="s">
        <v>175</v>
      </c>
      <c r="Y128" t="s">
        <v>224</v>
      </c>
      <c r="AA128" t="s">
        <v>273</v>
      </c>
      <c r="AB128" t="s">
        <v>274</v>
      </c>
      <c r="AC128" t="s">
        <v>180</v>
      </c>
      <c r="AD128" t="s">
        <v>230</v>
      </c>
      <c r="AE128" t="s">
        <v>230</v>
      </c>
      <c r="AF128" t="s">
        <v>230</v>
      </c>
      <c r="AG128" t="s">
        <v>175</v>
      </c>
      <c r="AH128" t="s">
        <v>230</v>
      </c>
      <c r="AI128" t="s">
        <v>175</v>
      </c>
      <c r="AJ128" t="s">
        <v>175</v>
      </c>
      <c r="AK128" t="s">
        <v>230</v>
      </c>
      <c r="AL128" t="s">
        <v>42</v>
      </c>
      <c r="AM128" t="s">
        <v>183</v>
      </c>
      <c r="AN128" t="s">
        <v>204</v>
      </c>
      <c r="AO128" t="s">
        <v>206</v>
      </c>
      <c r="AP128" t="s">
        <v>185</v>
      </c>
      <c r="AQ128" t="s">
        <v>202</v>
      </c>
      <c r="AR128" t="s">
        <v>203</v>
      </c>
      <c r="AS128" t="s">
        <v>205</v>
      </c>
      <c r="AT128" t="s">
        <v>182</v>
      </c>
      <c r="AU128" t="s">
        <v>184</v>
      </c>
      <c r="AV128" t="s">
        <v>201</v>
      </c>
      <c r="AW128" t="s">
        <v>275</v>
      </c>
      <c r="AX128" t="s">
        <v>186</v>
      </c>
      <c r="AY128" t="s">
        <v>187</v>
      </c>
      <c r="AZ128" t="s">
        <v>207</v>
      </c>
      <c r="BA128" t="s">
        <v>188</v>
      </c>
      <c r="BC128" t="s">
        <v>209</v>
      </c>
      <c r="BF128" t="s">
        <v>232</v>
      </c>
      <c r="BG128" t="s">
        <v>276</v>
      </c>
      <c r="BH128" t="s">
        <v>211</v>
      </c>
      <c r="BK128" t="s">
        <v>191</v>
      </c>
      <c r="BL128" t="s">
        <v>277</v>
      </c>
      <c r="BM128" t="s">
        <v>191</v>
      </c>
      <c r="BN128" t="s">
        <v>278</v>
      </c>
      <c r="BO128" t="s">
        <v>218</v>
      </c>
      <c r="BP128" t="s">
        <v>279</v>
      </c>
    </row>
    <row r="129" spans="1:69" x14ac:dyDescent="0.25">
      <c r="A129" s="1">
        <v>30448436</v>
      </c>
      <c r="B129" t="s">
        <v>280</v>
      </c>
      <c r="C129" t="s">
        <v>39</v>
      </c>
      <c r="D129" t="s">
        <v>174</v>
      </c>
      <c r="E129" t="s">
        <v>200</v>
      </c>
      <c r="L129" t="s">
        <v>52</v>
      </c>
      <c r="M129" s="1">
        <v>0</v>
      </c>
      <c r="N129" s="1">
        <v>0</v>
      </c>
      <c r="O129" t="s">
        <v>174</v>
      </c>
      <c r="P129" t="s">
        <v>176</v>
      </c>
      <c r="Q129" t="s">
        <v>177</v>
      </c>
      <c r="S129" t="s">
        <v>178</v>
      </c>
      <c r="T129" t="s">
        <v>200</v>
      </c>
      <c r="X129" t="s">
        <v>179</v>
      </c>
      <c r="AC129" t="s">
        <v>199</v>
      </c>
      <c r="AD129" t="s">
        <v>175</v>
      </c>
      <c r="AE129" t="s">
        <v>175</v>
      </c>
      <c r="AF129" t="s">
        <v>175</v>
      </c>
      <c r="AG129" t="s">
        <v>181</v>
      </c>
      <c r="AH129" t="s">
        <v>175</v>
      </c>
      <c r="AI129" t="s">
        <v>175</v>
      </c>
      <c r="AJ129" t="s">
        <v>175</v>
      </c>
      <c r="AK129" t="s">
        <v>175</v>
      </c>
      <c r="AL129" t="s">
        <v>42</v>
      </c>
      <c r="AM129" t="s">
        <v>184</v>
      </c>
      <c r="AN129" t="s">
        <v>202</v>
      </c>
      <c r="AO129" t="s">
        <v>185</v>
      </c>
      <c r="AP129" t="s">
        <v>201</v>
      </c>
      <c r="AQ129" t="s">
        <v>205</v>
      </c>
      <c r="AR129" t="s">
        <v>206</v>
      </c>
      <c r="AS129" t="s">
        <v>203</v>
      </c>
      <c r="AT129" t="s">
        <v>183</v>
      </c>
      <c r="AU129" t="s">
        <v>204</v>
      </c>
      <c r="AV129" t="s">
        <v>182</v>
      </c>
      <c r="BC129" t="s">
        <v>209</v>
      </c>
      <c r="BF129" t="s">
        <v>210</v>
      </c>
      <c r="BG129" s="1">
        <v>0</v>
      </c>
      <c r="BH129" t="s">
        <v>211</v>
      </c>
      <c r="BK129" t="s">
        <v>191</v>
      </c>
      <c r="BL129" t="s">
        <v>281</v>
      </c>
      <c r="BM129" t="s">
        <v>191</v>
      </c>
      <c r="BN129" t="s">
        <v>282</v>
      </c>
      <c r="BO129" t="s">
        <v>218</v>
      </c>
      <c r="BP129" t="s">
        <v>283</v>
      </c>
    </row>
    <row r="130" spans="1:69" x14ac:dyDescent="0.25">
      <c r="A130" s="1">
        <v>30448437</v>
      </c>
      <c r="B130" t="s">
        <v>999</v>
      </c>
      <c r="C130" t="s">
        <v>39</v>
      </c>
      <c r="D130" t="s">
        <v>942</v>
      </c>
      <c r="E130" t="s">
        <v>216</v>
      </c>
      <c r="L130" t="s">
        <v>52</v>
      </c>
      <c r="M130" s="1">
        <v>0</v>
      </c>
      <c r="N130" s="1">
        <v>0</v>
      </c>
      <c r="O130" t="s">
        <v>942</v>
      </c>
      <c r="P130" t="s">
        <v>216</v>
      </c>
      <c r="Q130" t="s">
        <v>196</v>
      </c>
      <c r="S130" s="1">
        <v>0</v>
      </c>
      <c r="T130" t="s">
        <v>297</v>
      </c>
      <c r="U130" t="s">
        <v>1000</v>
      </c>
      <c r="Z130" t="s">
        <v>244</v>
      </c>
      <c r="AC130" t="s">
        <v>180</v>
      </c>
      <c r="AD130" t="s">
        <v>181</v>
      </c>
      <c r="AE130" t="s">
        <v>230</v>
      </c>
      <c r="AF130" t="s">
        <v>230</v>
      </c>
      <c r="AG130" t="s">
        <v>175</v>
      </c>
      <c r="AH130" t="s">
        <v>175</v>
      </c>
      <c r="AI130" t="s">
        <v>299</v>
      </c>
      <c r="AJ130" t="s">
        <v>175</v>
      </c>
      <c r="AK130" t="s">
        <v>181</v>
      </c>
      <c r="AL130" t="s">
        <v>42</v>
      </c>
      <c r="AM130" t="s">
        <v>201</v>
      </c>
      <c r="AN130" t="s">
        <v>206</v>
      </c>
      <c r="AO130" t="s">
        <v>185</v>
      </c>
      <c r="AP130" t="s">
        <v>184</v>
      </c>
      <c r="AQ130" t="s">
        <v>202</v>
      </c>
      <c r="AR130" t="s">
        <v>204</v>
      </c>
      <c r="AS130" t="s">
        <v>203</v>
      </c>
      <c r="AT130" t="s">
        <v>182</v>
      </c>
      <c r="AU130" t="s">
        <v>183</v>
      </c>
      <c r="AV130" t="s">
        <v>205</v>
      </c>
      <c r="AW130" t="s">
        <v>1001</v>
      </c>
      <c r="AX130" t="s">
        <v>186</v>
      </c>
      <c r="AZ130" t="s">
        <v>207</v>
      </c>
      <c r="BA130" t="s">
        <v>188</v>
      </c>
      <c r="BF130" t="s">
        <v>232</v>
      </c>
      <c r="BG130" t="s">
        <v>315</v>
      </c>
      <c r="BH130" t="s">
        <v>247</v>
      </c>
      <c r="BK130" t="s">
        <v>191</v>
      </c>
      <c r="BL130" t="s">
        <v>1002</v>
      </c>
      <c r="BM130" t="s">
        <v>191</v>
      </c>
      <c r="BN130" t="s">
        <v>1003</v>
      </c>
      <c r="BO130" t="s">
        <v>191</v>
      </c>
      <c r="BP130" t="s">
        <v>1004</v>
      </c>
      <c r="BQ130" t="s">
        <v>1005</v>
      </c>
    </row>
    <row r="131" spans="1:69" x14ac:dyDescent="0.25">
      <c r="A131" s="1">
        <v>30448438</v>
      </c>
      <c r="B131" t="s">
        <v>284</v>
      </c>
      <c r="C131" t="s">
        <v>39</v>
      </c>
      <c r="D131" t="s">
        <v>174</v>
      </c>
      <c r="E131" t="s">
        <v>200</v>
      </c>
      <c r="L131" t="s">
        <v>52</v>
      </c>
      <c r="M131" s="1">
        <v>0</v>
      </c>
      <c r="N131" s="1">
        <v>0</v>
      </c>
      <c r="O131" t="s">
        <v>174</v>
      </c>
      <c r="P131" t="s">
        <v>176</v>
      </c>
      <c r="Q131" t="s">
        <v>177</v>
      </c>
      <c r="S131" t="s">
        <v>222</v>
      </c>
      <c r="T131" t="s">
        <v>200</v>
      </c>
      <c r="AA131" t="s">
        <v>273</v>
      </c>
      <c r="AB131" t="s">
        <v>285</v>
      </c>
      <c r="AC131" t="s">
        <v>180</v>
      </c>
      <c r="AD131" t="s">
        <v>200</v>
      </c>
      <c r="AE131" t="s">
        <v>200</v>
      </c>
      <c r="AF131" t="s">
        <v>175</v>
      </c>
      <c r="AG131" t="s">
        <v>175</v>
      </c>
      <c r="AH131" t="s">
        <v>175</v>
      </c>
      <c r="AI131" t="s">
        <v>200</v>
      </c>
      <c r="AJ131" t="s">
        <v>200</v>
      </c>
      <c r="AK131" t="s">
        <v>200</v>
      </c>
      <c r="AL131" t="s">
        <v>42</v>
      </c>
      <c r="AM131" t="s">
        <v>205</v>
      </c>
      <c r="AN131" t="s">
        <v>182</v>
      </c>
      <c r="AO131" t="s">
        <v>185</v>
      </c>
      <c r="AP131" t="s">
        <v>201</v>
      </c>
      <c r="AQ131" t="s">
        <v>204</v>
      </c>
      <c r="AR131" t="s">
        <v>203</v>
      </c>
      <c r="AS131" t="s">
        <v>202</v>
      </c>
      <c r="AT131" t="s">
        <v>206</v>
      </c>
      <c r="AU131" t="s">
        <v>184</v>
      </c>
      <c r="AV131" t="s">
        <v>183</v>
      </c>
      <c r="AW131" t="s">
        <v>286</v>
      </c>
      <c r="AY131" t="s">
        <v>187</v>
      </c>
      <c r="AZ131" t="s">
        <v>207</v>
      </c>
      <c r="BF131" t="s">
        <v>210</v>
      </c>
      <c r="BG131" s="1">
        <v>0</v>
      </c>
      <c r="BH131" t="s">
        <v>211</v>
      </c>
      <c r="BK131" t="s">
        <v>191</v>
      </c>
      <c r="BL131" t="s">
        <v>287</v>
      </c>
      <c r="BM131" t="s">
        <v>218</v>
      </c>
      <c r="BN131" t="s">
        <v>288</v>
      </c>
      <c r="BO131" t="s">
        <v>218</v>
      </c>
      <c r="BP131" t="s">
        <v>289</v>
      </c>
      <c r="BQ131" t="s">
        <v>290</v>
      </c>
    </row>
    <row r="132" spans="1:69" x14ac:dyDescent="0.25">
      <c r="A132" s="1">
        <v>30448442</v>
      </c>
      <c r="B132" t="s">
        <v>3806</v>
      </c>
      <c r="C132" t="s">
        <v>39</v>
      </c>
      <c r="D132" t="s">
        <v>3727</v>
      </c>
      <c r="E132" t="s">
        <v>175</v>
      </c>
      <c r="L132" t="s">
        <v>52</v>
      </c>
      <c r="M132" s="1">
        <v>0</v>
      </c>
      <c r="N132" s="1">
        <v>0</v>
      </c>
      <c r="O132" t="s">
        <v>3728</v>
      </c>
      <c r="P132" t="s">
        <v>176</v>
      </c>
      <c r="Q132" t="s">
        <v>177</v>
      </c>
      <c r="S132" t="s">
        <v>178</v>
      </c>
      <c r="T132" t="s">
        <v>175</v>
      </c>
      <c r="Y132" t="s">
        <v>224</v>
      </c>
      <c r="AC132" t="s">
        <v>180</v>
      </c>
      <c r="AD132" t="s">
        <v>175</v>
      </c>
      <c r="AE132" t="s">
        <v>175</v>
      </c>
      <c r="AF132" t="s">
        <v>175</v>
      </c>
      <c r="AG132" t="s">
        <v>175</v>
      </c>
      <c r="AH132" t="s">
        <v>175</v>
      </c>
      <c r="AI132" t="s">
        <v>175</v>
      </c>
      <c r="AJ132" t="s">
        <v>175</v>
      </c>
      <c r="AK132" t="s">
        <v>175</v>
      </c>
      <c r="AL132" t="s">
        <v>52</v>
      </c>
      <c r="AM132" t="s">
        <v>202</v>
      </c>
      <c r="AN132" t="s">
        <v>203</v>
      </c>
      <c r="AO132" t="s">
        <v>185</v>
      </c>
      <c r="AP132" t="s">
        <v>184</v>
      </c>
      <c r="AQ132" t="s">
        <v>205</v>
      </c>
      <c r="AR132" t="s">
        <v>206</v>
      </c>
      <c r="AS132" t="s">
        <v>204</v>
      </c>
      <c r="AT132" t="s">
        <v>183</v>
      </c>
      <c r="AU132" t="s">
        <v>182</v>
      </c>
      <c r="AV132" t="s">
        <v>201</v>
      </c>
      <c r="AY132" t="s">
        <v>187</v>
      </c>
      <c r="AZ132" t="s">
        <v>207</v>
      </c>
      <c r="BB132" t="s">
        <v>208</v>
      </c>
      <c r="BC132" t="s">
        <v>209</v>
      </c>
      <c r="BF132" t="s">
        <v>210</v>
      </c>
      <c r="BG132" s="1">
        <v>0</v>
      </c>
      <c r="BH132" t="s">
        <v>211</v>
      </c>
      <c r="BK132" t="s">
        <v>191</v>
      </c>
      <c r="BL132" t="s">
        <v>3807</v>
      </c>
      <c r="BM132" t="s">
        <v>191</v>
      </c>
      <c r="BN132" t="s">
        <v>3808</v>
      </c>
      <c r="BO132" t="s">
        <v>218</v>
      </c>
      <c r="BP132" t="s">
        <v>3809</v>
      </c>
    </row>
    <row r="133" spans="1:69" x14ac:dyDescent="0.25">
      <c r="A133" s="1">
        <v>30448443</v>
      </c>
      <c r="B133" t="s">
        <v>1006</v>
      </c>
      <c r="C133" t="s">
        <v>39</v>
      </c>
      <c r="D133" t="s">
        <v>942</v>
      </c>
      <c r="E133" t="s">
        <v>200</v>
      </c>
      <c r="L133" t="s">
        <v>52</v>
      </c>
      <c r="M133" s="1">
        <v>0</v>
      </c>
      <c r="N133" s="1">
        <v>0</v>
      </c>
      <c r="O133" t="s">
        <v>942</v>
      </c>
      <c r="P133" t="s">
        <v>216</v>
      </c>
      <c r="Q133" t="s">
        <v>196</v>
      </c>
      <c r="S133" s="1">
        <v>0</v>
      </c>
      <c r="T133" t="s">
        <v>200</v>
      </c>
      <c r="Y133" t="s">
        <v>224</v>
      </c>
      <c r="AC133" t="s">
        <v>180</v>
      </c>
      <c r="AD133" t="s">
        <v>200</v>
      </c>
      <c r="AE133" t="s">
        <v>200</v>
      </c>
      <c r="AF133" t="s">
        <v>200</v>
      </c>
      <c r="AG133" t="s">
        <v>200</v>
      </c>
      <c r="AH133" t="s">
        <v>200</v>
      </c>
      <c r="AI133" t="s">
        <v>200</v>
      </c>
      <c r="AJ133" t="s">
        <v>200</v>
      </c>
      <c r="AK133" t="s">
        <v>200</v>
      </c>
      <c r="AL133" t="s">
        <v>42</v>
      </c>
      <c r="AM133" t="s">
        <v>182</v>
      </c>
      <c r="AN133" t="s">
        <v>183</v>
      </c>
      <c r="AO133" t="s">
        <v>185</v>
      </c>
      <c r="AP133" t="s">
        <v>184</v>
      </c>
      <c r="AQ133" t="s">
        <v>202</v>
      </c>
      <c r="AR133" t="s">
        <v>203</v>
      </c>
      <c r="AS133" t="s">
        <v>204</v>
      </c>
      <c r="AT133" t="s">
        <v>201</v>
      </c>
      <c r="AU133" t="s">
        <v>206</v>
      </c>
      <c r="AV133" t="s">
        <v>205</v>
      </c>
      <c r="AZ133" t="s">
        <v>207</v>
      </c>
      <c r="BA133" t="s">
        <v>188</v>
      </c>
      <c r="BB133" t="s">
        <v>208</v>
      </c>
      <c r="BF133" t="s">
        <v>292</v>
      </c>
      <c r="BG133" t="s">
        <v>233</v>
      </c>
      <c r="BH133" t="s">
        <v>190</v>
      </c>
      <c r="BK133" t="s">
        <v>191</v>
      </c>
      <c r="BL133" t="s">
        <v>1007</v>
      </c>
      <c r="BM133" t="s">
        <v>191</v>
      </c>
      <c r="BN133" t="s">
        <v>960</v>
      </c>
      <c r="BO133" t="s">
        <v>191</v>
      </c>
      <c r="BP133" t="s">
        <v>1008</v>
      </c>
      <c r="BQ133" t="s">
        <v>1009</v>
      </c>
    </row>
    <row r="134" spans="1:69" x14ac:dyDescent="0.25">
      <c r="A134" s="1">
        <v>30448444</v>
      </c>
      <c r="B134" t="s">
        <v>46</v>
      </c>
      <c r="C134" t="s">
        <v>39</v>
      </c>
      <c r="L134" t="s">
        <v>42</v>
      </c>
      <c r="M134" t="s">
        <v>42</v>
      </c>
      <c r="N134" s="1">
        <v>0</v>
      </c>
      <c r="O134" s="1">
        <v>0</v>
      </c>
      <c r="P134" s="1">
        <v>0</v>
      </c>
      <c r="Q134" s="1">
        <v>0</v>
      </c>
      <c r="S134" s="1">
        <v>0</v>
      </c>
      <c r="T134" s="1">
        <v>0</v>
      </c>
      <c r="AC134" s="1">
        <v>0</v>
      </c>
      <c r="AD134" s="1">
        <v>0</v>
      </c>
      <c r="AE134" s="1">
        <v>0</v>
      </c>
      <c r="AF134" s="1">
        <v>0</v>
      </c>
      <c r="AG134" s="1">
        <v>0</v>
      </c>
      <c r="AH134" s="1">
        <v>0</v>
      </c>
      <c r="AI134" s="1">
        <v>0</v>
      </c>
      <c r="AJ134" s="1">
        <v>0</v>
      </c>
      <c r="AK134" s="1">
        <v>0</v>
      </c>
      <c r="AL134" s="1">
        <v>0</v>
      </c>
      <c r="AM134" s="1">
        <v>0</v>
      </c>
      <c r="AN134" s="1">
        <v>0</v>
      </c>
      <c r="AO134" s="1">
        <v>0</v>
      </c>
      <c r="AP134" s="1">
        <v>0</v>
      </c>
      <c r="AQ134" s="1">
        <v>0</v>
      </c>
      <c r="AR134" s="1">
        <v>0</v>
      </c>
      <c r="AS134" s="1">
        <v>0</v>
      </c>
      <c r="AT134" s="1">
        <v>0</v>
      </c>
      <c r="AU134" s="1">
        <v>0</v>
      </c>
      <c r="AV134" s="1">
        <v>0</v>
      </c>
      <c r="BF134" s="1">
        <v>0</v>
      </c>
      <c r="BG134" s="1">
        <v>0</v>
      </c>
      <c r="BH134" s="1">
        <v>0</v>
      </c>
      <c r="BK134" s="1">
        <v>0</v>
      </c>
      <c r="BM134" s="1">
        <v>0</v>
      </c>
      <c r="BO134" s="1">
        <v>0</v>
      </c>
    </row>
    <row r="135" spans="1:69" x14ac:dyDescent="0.25">
      <c r="A135" s="1">
        <v>30448446</v>
      </c>
      <c r="B135" t="s">
        <v>291</v>
      </c>
      <c r="C135" t="s">
        <v>39</v>
      </c>
      <c r="D135" t="s">
        <v>174</v>
      </c>
      <c r="E135" t="s">
        <v>175</v>
      </c>
      <c r="L135" t="s">
        <v>52</v>
      </c>
      <c r="M135" s="1">
        <v>0</v>
      </c>
      <c r="N135" s="1">
        <v>0</v>
      </c>
      <c r="O135" t="s">
        <v>174</v>
      </c>
      <c r="P135" t="s">
        <v>176</v>
      </c>
      <c r="Q135" t="s">
        <v>238</v>
      </c>
      <c r="S135" t="s">
        <v>222</v>
      </c>
      <c r="T135" t="s">
        <v>175</v>
      </c>
      <c r="X135" t="s">
        <v>179</v>
      </c>
      <c r="AC135" t="s">
        <v>180</v>
      </c>
      <c r="AD135" t="s">
        <v>175</v>
      </c>
      <c r="AE135" t="s">
        <v>181</v>
      </c>
      <c r="AF135" t="s">
        <v>181</v>
      </c>
      <c r="AG135" t="s">
        <v>181</v>
      </c>
      <c r="AH135" t="s">
        <v>200</v>
      </c>
      <c r="AI135" t="s">
        <v>200</v>
      </c>
      <c r="AJ135" t="s">
        <v>175</v>
      </c>
      <c r="AK135" t="s">
        <v>181</v>
      </c>
      <c r="AL135" t="s">
        <v>42</v>
      </c>
      <c r="AM135" t="s">
        <v>185</v>
      </c>
      <c r="AN135" t="s">
        <v>182</v>
      </c>
      <c r="AO135" t="s">
        <v>184</v>
      </c>
      <c r="AP135" t="s">
        <v>183</v>
      </c>
      <c r="AQ135" t="s">
        <v>202</v>
      </c>
      <c r="AR135" t="s">
        <v>203</v>
      </c>
      <c r="AS135" t="s">
        <v>201</v>
      </c>
      <c r="AT135" t="s">
        <v>206</v>
      </c>
      <c r="AU135" t="s">
        <v>205</v>
      </c>
      <c r="AV135" t="s">
        <v>204</v>
      </c>
      <c r="AX135" t="s">
        <v>186</v>
      </c>
      <c r="AZ135" t="s">
        <v>207</v>
      </c>
      <c r="BF135" t="s">
        <v>292</v>
      </c>
      <c r="BG135" t="s">
        <v>233</v>
      </c>
      <c r="BH135" t="s">
        <v>211</v>
      </c>
      <c r="BK135" t="s">
        <v>218</v>
      </c>
      <c r="BL135" t="s">
        <v>293</v>
      </c>
      <c r="BM135" t="s">
        <v>191</v>
      </c>
      <c r="BN135" t="s">
        <v>294</v>
      </c>
      <c r="BO135" t="s">
        <v>191</v>
      </c>
      <c r="BP135" t="s">
        <v>295</v>
      </c>
    </row>
    <row r="136" spans="1:69" x14ac:dyDescent="0.25">
      <c r="A136" s="1">
        <v>30448448</v>
      </c>
      <c r="B136" t="s">
        <v>296</v>
      </c>
      <c r="C136" t="s">
        <v>39</v>
      </c>
      <c r="D136" t="s">
        <v>174</v>
      </c>
      <c r="E136" t="s">
        <v>195</v>
      </c>
      <c r="L136" t="s">
        <v>52</v>
      </c>
      <c r="M136" s="1">
        <v>0</v>
      </c>
      <c r="N136" s="1">
        <v>0</v>
      </c>
      <c r="O136" t="s">
        <v>174</v>
      </c>
      <c r="P136" t="s">
        <v>176</v>
      </c>
      <c r="Q136" t="s">
        <v>177</v>
      </c>
      <c r="S136" t="s">
        <v>222</v>
      </c>
      <c r="T136" t="s">
        <v>297</v>
      </c>
      <c r="U136" t="s">
        <v>298</v>
      </c>
      <c r="W136" t="s">
        <v>262</v>
      </c>
      <c r="X136" t="s">
        <v>179</v>
      </c>
      <c r="AC136" t="s">
        <v>180</v>
      </c>
      <c r="AD136" t="s">
        <v>230</v>
      </c>
      <c r="AE136" t="s">
        <v>299</v>
      </c>
      <c r="AF136" t="s">
        <v>299</v>
      </c>
      <c r="AG136" t="s">
        <v>181</v>
      </c>
      <c r="AH136" t="s">
        <v>175</v>
      </c>
      <c r="AI136" t="s">
        <v>175</v>
      </c>
      <c r="AJ136" t="s">
        <v>181</v>
      </c>
      <c r="AK136" t="s">
        <v>230</v>
      </c>
      <c r="AL136" t="s">
        <v>42</v>
      </c>
      <c r="AM136" t="s">
        <v>205</v>
      </c>
      <c r="AN136" t="s">
        <v>182</v>
      </c>
      <c r="AO136" t="s">
        <v>184</v>
      </c>
      <c r="AP136" t="s">
        <v>185</v>
      </c>
      <c r="AQ136" t="s">
        <v>202</v>
      </c>
      <c r="AR136" t="s">
        <v>203</v>
      </c>
      <c r="AS136" t="s">
        <v>204</v>
      </c>
      <c r="AT136" t="s">
        <v>183</v>
      </c>
      <c r="AU136" t="s">
        <v>201</v>
      </c>
      <c r="AV136" t="s">
        <v>206</v>
      </c>
      <c r="AZ136" t="s">
        <v>207</v>
      </c>
      <c r="BA136" t="s">
        <v>188</v>
      </c>
      <c r="BC136" t="s">
        <v>209</v>
      </c>
      <c r="BF136" t="s">
        <v>189</v>
      </c>
      <c r="BG136" s="1">
        <v>0</v>
      </c>
      <c r="BH136" t="s">
        <v>247</v>
      </c>
      <c r="BK136" t="s">
        <v>191</v>
      </c>
      <c r="BM136" t="s">
        <v>191</v>
      </c>
      <c r="BO136" t="s">
        <v>191</v>
      </c>
    </row>
    <row r="137" spans="1:69" x14ac:dyDescent="0.25">
      <c r="A137" s="1">
        <v>30448449</v>
      </c>
      <c r="B137" t="s">
        <v>1692</v>
      </c>
      <c r="C137" t="s">
        <v>39</v>
      </c>
      <c r="D137" t="s">
        <v>1616</v>
      </c>
      <c r="E137" t="s">
        <v>195</v>
      </c>
      <c r="L137" t="s">
        <v>52</v>
      </c>
      <c r="M137" s="1">
        <v>0</v>
      </c>
      <c r="N137" s="1">
        <v>0</v>
      </c>
      <c r="O137" t="s">
        <v>1616</v>
      </c>
      <c r="P137" t="s">
        <v>176</v>
      </c>
      <c r="Q137" t="s">
        <v>196</v>
      </c>
      <c r="S137" t="s">
        <v>349</v>
      </c>
      <c r="T137" t="s">
        <v>49</v>
      </c>
      <c r="Y137" t="s">
        <v>224</v>
      </c>
      <c r="AC137" t="s">
        <v>180</v>
      </c>
      <c r="AD137" t="s">
        <v>181</v>
      </c>
      <c r="AE137" t="s">
        <v>181</v>
      </c>
      <c r="AF137" t="s">
        <v>181</v>
      </c>
      <c r="AG137" t="s">
        <v>181</v>
      </c>
      <c r="AH137" t="s">
        <v>181</v>
      </c>
      <c r="AI137" t="s">
        <v>181</v>
      </c>
      <c r="AJ137" t="s">
        <v>181</v>
      </c>
      <c r="AK137" t="s">
        <v>181</v>
      </c>
      <c r="AL137" t="s">
        <v>52</v>
      </c>
      <c r="AM137" t="s">
        <v>182</v>
      </c>
      <c r="AN137" t="s">
        <v>206</v>
      </c>
      <c r="AO137" t="s">
        <v>183</v>
      </c>
      <c r="AP137" t="s">
        <v>185</v>
      </c>
      <c r="AQ137" t="s">
        <v>202</v>
      </c>
      <c r="AR137" t="s">
        <v>203</v>
      </c>
      <c r="AS137" t="s">
        <v>184</v>
      </c>
      <c r="AT137" t="s">
        <v>201</v>
      </c>
      <c r="AU137" t="s">
        <v>205</v>
      </c>
      <c r="AV137" t="s">
        <v>204</v>
      </c>
      <c r="AX137" t="s">
        <v>186</v>
      </c>
      <c r="BF137" t="s">
        <v>210</v>
      </c>
      <c r="BG137" s="1">
        <v>0</v>
      </c>
      <c r="BH137" t="s">
        <v>190</v>
      </c>
      <c r="BK137" t="s">
        <v>191</v>
      </c>
      <c r="BL137" t="s">
        <v>1693</v>
      </c>
      <c r="BM137" t="s">
        <v>191</v>
      </c>
      <c r="BN137" t="s">
        <v>1694</v>
      </c>
      <c r="BO137" t="s">
        <v>218</v>
      </c>
      <c r="BP137" t="s">
        <v>1695</v>
      </c>
      <c r="BQ137" t="s">
        <v>1696</v>
      </c>
    </row>
    <row r="138" spans="1:69" x14ac:dyDescent="0.25">
      <c r="A138" s="1">
        <v>30448450</v>
      </c>
      <c r="B138" t="s">
        <v>1010</v>
      </c>
      <c r="C138" t="s">
        <v>39</v>
      </c>
      <c r="D138" t="s">
        <v>942</v>
      </c>
      <c r="E138" t="s">
        <v>200</v>
      </c>
      <c r="L138" t="s">
        <v>52</v>
      </c>
      <c r="M138" s="1">
        <v>0</v>
      </c>
      <c r="N138" s="1">
        <v>0</v>
      </c>
      <c r="O138" t="s">
        <v>942</v>
      </c>
      <c r="P138" t="s">
        <v>216</v>
      </c>
      <c r="Q138" t="s">
        <v>322</v>
      </c>
      <c r="S138" s="1">
        <v>0</v>
      </c>
      <c r="T138" t="s">
        <v>200</v>
      </c>
      <c r="W138" t="s">
        <v>262</v>
      </c>
      <c r="AC138" t="s">
        <v>180</v>
      </c>
      <c r="AD138" t="s">
        <v>299</v>
      </c>
      <c r="AE138" t="s">
        <v>299</v>
      </c>
      <c r="AF138" t="s">
        <v>299</v>
      </c>
      <c r="AG138" t="s">
        <v>299</v>
      </c>
      <c r="AH138" t="s">
        <v>299</v>
      </c>
      <c r="AI138" t="s">
        <v>299</v>
      </c>
      <c r="AJ138" t="s">
        <v>299</v>
      </c>
      <c r="AK138" t="s">
        <v>299</v>
      </c>
      <c r="AL138" t="s">
        <v>42</v>
      </c>
      <c r="AM138" s="1">
        <v>0</v>
      </c>
      <c r="AN138" s="1">
        <v>0</v>
      </c>
      <c r="AO138" s="1">
        <v>0</v>
      </c>
      <c r="AP138" s="1">
        <v>0</v>
      </c>
      <c r="AQ138" s="1">
        <v>0</v>
      </c>
      <c r="AR138" s="1">
        <v>0</v>
      </c>
      <c r="AS138" s="1">
        <v>0</v>
      </c>
      <c r="AT138" s="1">
        <v>0</v>
      </c>
      <c r="AU138" s="1">
        <v>0</v>
      </c>
      <c r="AV138" s="1">
        <v>0</v>
      </c>
      <c r="AZ138" t="s">
        <v>207</v>
      </c>
      <c r="BC138" t="s">
        <v>209</v>
      </c>
      <c r="BF138" t="s">
        <v>210</v>
      </c>
      <c r="BG138" s="1">
        <v>0</v>
      </c>
      <c r="BH138" t="s">
        <v>211</v>
      </c>
      <c r="BK138" t="s">
        <v>191</v>
      </c>
      <c r="BM138" t="s">
        <v>191</v>
      </c>
      <c r="BO138" t="s">
        <v>191</v>
      </c>
    </row>
    <row r="139" spans="1:69" x14ac:dyDescent="0.25">
      <c r="A139" s="1">
        <v>30448452</v>
      </c>
      <c r="B139" t="s">
        <v>2559</v>
      </c>
      <c r="C139" t="s">
        <v>39</v>
      </c>
      <c r="D139" t="s">
        <v>2512</v>
      </c>
      <c r="E139" t="s">
        <v>216</v>
      </c>
      <c r="L139" t="s">
        <v>52</v>
      </c>
      <c r="M139" s="1">
        <v>0</v>
      </c>
      <c r="N139" s="1">
        <v>0</v>
      </c>
      <c r="O139" t="s">
        <v>2512</v>
      </c>
      <c r="P139" t="s">
        <v>216</v>
      </c>
      <c r="Q139" t="s">
        <v>322</v>
      </c>
      <c r="S139" s="1">
        <v>0</v>
      </c>
      <c r="T139" t="s">
        <v>197</v>
      </c>
      <c r="U139" t="s">
        <v>2560</v>
      </c>
      <c r="W139" t="s">
        <v>262</v>
      </c>
      <c r="Y139" t="s">
        <v>224</v>
      </c>
      <c r="AC139" t="s">
        <v>180</v>
      </c>
      <c r="AD139" t="s">
        <v>230</v>
      </c>
      <c r="AE139" s="1">
        <v>0</v>
      </c>
      <c r="AF139" t="s">
        <v>230</v>
      </c>
      <c r="AG139" t="s">
        <v>175</v>
      </c>
      <c r="AH139" t="s">
        <v>181</v>
      </c>
      <c r="AI139" t="s">
        <v>181</v>
      </c>
      <c r="AJ139" t="s">
        <v>181</v>
      </c>
      <c r="AK139" t="s">
        <v>230</v>
      </c>
      <c r="AL139" t="s">
        <v>42</v>
      </c>
      <c r="AM139" t="s">
        <v>203</v>
      </c>
      <c r="AN139" t="s">
        <v>201</v>
      </c>
      <c r="AO139" t="s">
        <v>183</v>
      </c>
      <c r="AP139" t="s">
        <v>184</v>
      </c>
      <c r="AQ139" t="s">
        <v>185</v>
      </c>
      <c r="AR139" t="s">
        <v>182</v>
      </c>
      <c r="AS139" t="s">
        <v>202</v>
      </c>
      <c r="AT139" t="s">
        <v>206</v>
      </c>
      <c r="AU139" t="s">
        <v>205</v>
      </c>
      <c r="AV139" t="s">
        <v>204</v>
      </c>
      <c r="AX139" t="s">
        <v>186</v>
      </c>
      <c r="AZ139" t="s">
        <v>207</v>
      </c>
      <c r="BA139" t="s">
        <v>188</v>
      </c>
      <c r="BC139" t="s">
        <v>209</v>
      </c>
      <c r="BF139" t="s">
        <v>232</v>
      </c>
      <c r="BG139" t="s">
        <v>315</v>
      </c>
      <c r="BH139" t="s">
        <v>211</v>
      </c>
      <c r="BK139" t="s">
        <v>191</v>
      </c>
      <c r="BM139" t="s">
        <v>191</v>
      </c>
      <c r="BO139" t="s">
        <v>218</v>
      </c>
    </row>
    <row r="140" spans="1:69" x14ac:dyDescent="0.25">
      <c r="A140" s="1">
        <v>30448455</v>
      </c>
      <c r="B140" t="s">
        <v>1697</v>
      </c>
      <c r="C140" t="s">
        <v>39</v>
      </c>
      <c r="D140" t="s">
        <v>1616</v>
      </c>
      <c r="E140" t="s">
        <v>200</v>
      </c>
      <c r="L140" t="s">
        <v>52</v>
      </c>
      <c r="M140" s="1">
        <v>0</v>
      </c>
      <c r="N140" s="1">
        <v>0</v>
      </c>
      <c r="O140" t="s">
        <v>1616</v>
      </c>
      <c r="P140" t="s">
        <v>176</v>
      </c>
      <c r="Q140" t="s">
        <v>177</v>
      </c>
      <c r="S140" t="s">
        <v>178</v>
      </c>
      <c r="T140" t="s">
        <v>200</v>
      </c>
      <c r="X140" t="s">
        <v>179</v>
      </c>
      <c r="Y140" t="s">
        <v>224</v>
      </c>
      <c r="AC140" t="s">
        <v>180</v>
      </c>
      <c r="AD140" t="s">
        <v>175</v>
      </c>
      <c r="AE140" t="s">
        <v>175</v>
      </c>
      <c r="AF140" s="1">
        <v>0</v>
      </c>
      <c r="AG140" t="s">
        <v>175</v>
      </c>
      <c r="AH140" t="s">
        <v>175</v>
      </c>
      <c r="AI140" t="s">
        <v>175</v>
      </c>
      <c r="AJ140" t="s">
        <v>181</v>
      </c>
      <c r="AK140" t="s">
        <v>175</v>
      </c>
      <c r="AL140" t="s">
        <v>42</v>
      </c>
      <c r="AM140" t="s">
        <v>201</v>
      </c>
      <c r="AN140" t="s">
        <v>206</v>
      </c>
      <c r="AO140" t="s">
        <v>183</v>
      </c>
      <c r="AP140" t="s">
        <v>182</v>
      </c>
      <c r="AQ140" s="1">
        <v>0</v>
      </c>
      <c r="AR140" s="1">
        <v>0</v>
      </c>
      <c r="AS140" s="1">
        <v>0</v>
      </c>
      <c r="AT140" t="s">
        <v>184</v>
      </c>
      <c r="AU140" t="s">
        <v>185</v>
      </c>
      <c r="AV140" s="1">
        <v>0</v>
      </c>
      <c r="AY140" t="s">
        <v>187</v>
      </c>
      <c r="AZ140" t="s">
        <v>207</v>
      </c>
      <c r="BF140" t="s">
        <v>210</v>
      </c>
      <c r="BG140" s="1">
        <v>0</v>
      </c>
      <c r="BH140" t="s">
        <v>211</v>
      </c>
      <c r="BK140" s="1">
        <v>0</v>
      </c>
      <c r="BM140" s="1">
        <v>0</v>
      </c>
      <c r="BO140" s="1">
        <v>0</v>
      </c>
    </row>
    <row r="141" spans="1:69" x14ac:dyDescent="0.25">
      <c r="A141" s="1">
        <v>30448456</v>
      </c>
      <c r="B141" t="s">
        <v>3171</v>
      </c>
      <c r="C141" t="s">
        <v>39</v>
      </c>
      <c r="D141" t="s">
        <v>3138</v>
      </c>
      <c r="E141" t="s">
        <v>195</v>
      </c>
      <c r="L141" t="s">
        <v>52</v>
      </c>
      <c r="M141" s="1">
        <v>0</v>
      </c>
      <c r="N141" s="1">
        <v>0</v>
      </c>
      <c r="O141" t="s">
        <v>3139</v>
      </c>
      <c r="P141" t="s">
        <v>176</v>
      </c>
      <c r="Q141" t="s">
        <v>177</v>
      </c>
      <c r="S141" s="1">
        <v>0</v>
      </c>
      <c r="T141" s="1">
        <v>0</v>
      </c>
      <c r="AC141" s="1">
        <v>0</v>
      </c>
      <c r="AD141" s="1">
        <v>0</v>
      </c>
      <c r="AE141" s="1">
        <v>0</v>
      </c>
      <c r="AF141" s="1">
        <v>0</v>
      </c>
      <c r="AG141" s="1">
        <v>0</v>
      </c>
      <c r="AH141" s="1">
        <v>0</v>
      </c>
      <c r="AI141" s="1">
        <v>0</v>
      </c>
      <c r="AJ141" s="1">
        <v>0</v>
      </c>
      <c r="AK141" s="1">
        <v>0</v>
      </c>
      <c r="AL141" s="1">
        <v>0</v>
      </c>
      <c r="AM141" s="1">
        <v>0</v>
      </c>
      <c r="AN141" s="1">
        <v>0</v>
      </c>
      <c r="AO141" s="1">
        <v>0</v>
      </c>
      <c r="AP141" s="1">
        <v>0</v>
      </c>
      <c r="AQ141" s="1">
        <v>0</v>
      </c>
      <c r="AR141" s="1">
        <v>0</v>
      </c>
      <c r="AS141" s="1">
        <v>0</v>
      </c>
      <c r="AT141" s="1">
        <v>0</v>
      </c>
      <c r="AU141" s="1">
        <v>0</v>
      </c>
      <c r="AV141" s="1">
        <v>0</v>
      </c>
      <c r="BF141" s="1">
        <v>0</v>
      </c>
      <c r="BG141" s="1">
        <v>0</v>
      </c>
      <c r="BH141" s="1">
        <v>0</v>
      </c>
      <c r="BK141" s="1">
        <v>0</v>
      </c>
      <c r="BM141" s="1">
        <v>0</v>
      </c>
      <c r="BO141" s="1">
        <v>0</v>
      </c>
    </row>
    <row r="142" spans="1:69" x14ac:dyDescent="0.25">
      <c r="A142" s="1">
        <v>30448458</v>
      </c>
      <c r="B142" t="s">
        <v>2561</v>
      </c>
      <c r="C142" t="s">
        <v>39</v>
      </c>
      <c r="D142" t="s">
        <v>2512</v>
      </c>
      <c r="E142" t="s">
        <v>175</v>
      </c>
      <c r="L142" t="s">
        <v>52</v>
      </c>
      <c r="M142" s="1">
        <v>0</v>
      </c>
      <c r="N142" s="1">
        <v>0</v>
      </c>
      <c r="O142" t="s">
        <v>2512</v>
      </c>
      <c r="P142" t="s">
        <v>216</v>
      </c>
      <c r="Q142" t="s">
        <v>322</v>
      </c>
      <c r="S142" s="1">
        <v>0</v>
      </c>
      <c r="T142" t="s">
        <v>175</v>
      </c>
      <c r="W142" t="s">
        <v>262</v>
      </c>
      <c r="X142" t="s">
        <v>179</v>
      </c>
      <c r="Z142" t="s">
        <v>244</v>
      </c>
      <c r="AC142" t="s">
        <v>180</v>
      </c>
      <c r="AD142" t="s">
        <v>181</v>
      </c>
      <c r="AE142" t="s">
        <v>230</v>
      </c>
      <c r="AF142" t="s">
        <v>181</v>
      </c>
      <c r="AG142" t="s">
        <v>230</v>
      </c>
      <c r="AH142" t="s">
        <v>175</v>
      </c>
      <c r="AI142" t="s">
        <v>181</v>
      </c>
      <c r="AJ142" t="s">
        <v>230</v>
      </c>
      <c r="AK142" t="s">
        <v>230</v>
      </c>
      <c r="AL142" t="s">
        <v>42</v>
      </c>
      <c r="AM142" t="s">
        <v>183</v>
      </c>
      <c r="AN142" t="s">
        <v>182</v>
      </c>
      <c r="AO142" t="s">
        <v>205</v>
      </c>
      <c r="AP142" t="s">
        <v>201</v>
      </c>
      <c r="AQ142" t="s">
        <v>184</v>
      </c>
      <c r="AR142" t="s">
        <v>202</v>
      </c>
      <c r="AS142" t="s">
        <v>203</v>
      </c>
      <c r="AT142" t="s">
        <v>204</v>
      </c>
      <c r="AU142" t="s">
        <v>206</v>
      </c>
      <c r="AV142" t="s">
        <v>185</v>
      </c>
      <c r="BB142" t="s">
        <v>208</v>
      </c>
      <c r="BF142" t="s">
        <v>49</v>
      </c>
      <c r="BG142" s="1">
        <v>0</v>
      </c>
      <c r="BH142" t="s">
        <v>302</v>
      </c>
      <c r="BI142" t="s">
        <v>2562</v>
      </c>
      <c r="BK142" t="s">
        <v>191</v>
      </c>
      <c r="BM142" t="s">
        <v>191</v>
      </c>
      <c r="BN142" t="s">
        <v>2563</v>
      </c>
      <c r="BO142" t="s">
        <v>191</v>
      </c>
      <c r="BP142" t="s">
        <v>2564</v>
      </c>
      <c r="BQ142" t="s">
        <v>2565</v>
      </c>
    </row>
    <row r="143" spans="1:69" x14ac:dyDescent="0.25">
      <c r="A143" s="1">
        <v>30448459</v>
      </c>
      <c r="B143" t="s">
        <v>3810</v>
      </c>
      <c r="C143" t="s">
        <v>39</v>
      </c>
      <c r="D143" t="s">
        <v>3727</v>
      </c>
      <c r="E143" t="s">
        <v>200</v>
      </c>
      <c r="L143" t="s">
        <v>52</v>
      </c>
      <c r="M143" s="1">
        <v>0</v>
      </c>
      <c r="N143" s="1">
        <v>0</v>
      </c>
      <c r="O143" t="s">
        <v>3728</v>
      </c>
      <c r="P143" t="s">
        <v>176</v>
      </c>
      <c r="Q143" t="s">
        <v>177</v>
      </c>
      <c r="S143" t="s">
        <v>178</v>
      </c>
      <c r="T143" t="s">
        <v>200</v>
      </c>
      <c r="W143" t="s">
        <v>262</v>
      </c>
      <c r="X143" t="s">
        <v>179</v>
      </c>
      <c r="Z143" t="s">
        <v>244</v>
      </c>
      <c r="AC143" t="s">
        <v>180</v>
      </c>
      <c r="AD143" t="s">
        <v>200</v>
      </c>
      <c r="AE143" t="s">
        <v>200</v>
      </c>
      <c r="AF143" t="s">
        <v>200</v>
      </c>
      <c r="AG143" t="s">
        <v>200</v>
      </c>
      <c r="AH143" t="s">
        <v>200</v>
      </c>
      <c r="AI143" t="s">
        <v>200</v>
      </c>
      <c r="AJ143" t="s">
        <v>200</v>
      </c>
      <c r="AK143" t="s">
        <v>200</v>
      </c>
      <c r="AL143" t="s">
        <v>49</v>
      </c>
      <c r="AM143" t="s">
        <v>206</v>
      </c>
      <c r="AN143" t="s">
        <v>185</v>
      </c>
      <c r="AO143" t="s">
        <v>201</v>
      </c>
      <c r="AP143" t="s">
        <v>183</v>
      </c>
      <c r="AQ143" t="s">
        <v>202</v>
      </c>
      <c r="AR143" t="s">
        <v>203</v>
      </c>
      <c r="AS143" t="s">
        <v>205</v>
      </c>
      <c r="AT143" t="s">
        <v>182</v>
      </c>
      <c r="AU143" t="s">
        <v>184</v>
      </c>
      <c r="AV143" t="s">
        <v>204</v>
      </c>
      <c r="AX143" t="s">
        <v>186</v>
      </c>
      <c r="AY143" t="s">
        <v>187</v>
      </c>
      <c r="AZ143" t="s">
        <v>207</v>
      </c>
      <c r="BA143" t="s">
        <v>188</v>
      </c>
      <c r="BB143" t="s">
        <v>208</v>
      </c>
      <c r="BC143" t="s">
        <v>209</v>
      </c>
      <c r="BF143" t="s">
        <v>189</v>
      </c>
      <c r="BG143" s="1">
        <v>0</v>
      </c>
      <c r="BH143" t="s">
        <v>211</v>
      </c>
      <c r="BK143" t="s">
        <v>191</v>
      </c>
      <c r="BM143" t="s">
        <v>191</v>
      </c>
      <c r="BO143" t="s">
        <v>191</v>
      </c>
    </row>
    <row r="144" spans="1:69" x14ac:dyDescent="0.25">
      <c r="A144" s="1">
        <v>30448460</v>
      </c>
      <c r="B144" t="s">
        <v>300</v>
      </c>
      <c r="C144" t="s">
        <v>39</v>
      </c>
      <c r="D144" t="s">
        <v>174</v>
      </c>
      <c r="E144" t="s">
        <v>200</v>
      </c>
      <c r="L144" t="s">
        <v>52</v>
      </c>
      <c r="M144" s="1">
        <v>0</v>
      </c>
      <c r="N144" s="1">
        <v>0</v>
      </c>
      <c r="O144" t="s">
        <v>174</v>
      </c>
      <c r="P144" t="s">
        <v>216</v>
      </c>
      <c r="Q144" t="s">
        <v>177</v>
      </c>
      <c r="S144" s="1">
        <v>0</v>
      </c>
      <c r="T144" t="s">
        <v>200</v>
      </c>
      <c r="Y144" t="s">
        <v>224</v>
      </c>
      <c r="AC144" t="s">
        <v>180</v>
      </c>
      <c r="AD144" t="s">
        <v>181</v>
      </c>
      <c r="AE144" t="s">
        <v>230</v>
      </c>
      <c r="AF144" t="s">
        <v>175</v>
      </c>
      <c r="AG144" t="s">
        <v>175</v>
      </c>
      <c r="AH144" t="s">
        <v>175</v>
      </c>
      <c r="AI144" t="s">
        <v>175</v>
      </c>
      <c r="AJ144" t="s">
        <v>175</v>
      </c>
      <c r="AK144" t="s">
        <v>181</v>
      </c>
      <c r="AL144" t="s">
        <v>52</v>
      </c>
      <c r="AM144" s="1">
        <v>0</v>
      </c>
      <c r="AN144" t="s">
        <v>185</v>
      </c>
      <c r="AO144" t="s">
        <v>184</v>
      </c>
      <c r="AP144" s="1">
        <v>0</v>
      </c>
      <c r="AQ144" s="1">
        <v>0</v>
      </c>
      <c r="AR144" s="1">
        <v>0</v>
      </c>
      <c r="AS144" s="1">
        <v>0</v>
      </c>
      <c r="AT144" s="1">
        <v>0</v>
      </c>
      <c r="AU144" s="1">
        <v>0</v>
      </c>
      <c r="AV144" t="s">
        <v>182</v>
      </c>
      <c r="AY144" t="s">
        <v>187</v>
      </c>
      <c r="AZ144" t="s">
        <v>207</v>
      </c>
      <c r="BC144" t="s">
        <v>209</v>
      </c>
      <c r="BF144" t="s">
        <v>292</v>
      </c>
      <c r="BG144" t="s">
        <v>301</v>
      </c>
      <c r="BH144" t="s">
        <v>302</v>
      </c>
      <c r="BK144" t="s">
        <v>191</v>
      </c>
      <c r="BM144" t="s">
        <v>191</v>
      </c>
      <c r="BO144" t="s">
        <v>191</v>
      </c>
    </row>
    <row r="145" spans="1:69" x14ac:dyDescent="0.25">
      <c r="A145" s="1">
        <v>30448461</v>
      </c>
      <c r="B145" t="s">
        <v>303</v>
      </c>
      <c r="C145" t="s">
        <v>39</v>
      </c>
      <c r="D145" t="s">
        <v>174</v>
      </c>
      <c r="E145" t="s">
        <v>175</v>
      </c>
      <c r="L145" t="s">
        <v>52</v>
      </c>
      <c r="M145" s="1">
        <v>0</v>
      </c>
      <c r="N145" s="1">
        <v>0</v>
      </c>
      <c r="O145" t="s">
        <v>174</v>
      </c>
      <c r="P145" t="s">
        <v>176</v>
      </c>
      <c r="Q145" t="s">
        <v>238</v>
      </c>
      <c r="S145" t="s">
        <v>178</v>
      </c>
      <c r="T145" t="s">
        <v>175</v>
      </c>
      <c r="Y145" t="s">
        <v>224</v>
      </c>
      <c r="AC145" t="s">
        <v>180</v>
      </c>
      <c r="AD145" t="s">
        <v>175</v>
      </c>
      <c r="AE145" t="s">
        <v>175</v>
      </c>
      <c r="AF145" t="s">
        <v>181</v>
      </c>
      <c r="AG145" t="s">
        <v>175</v>
      </c>
      <c r="AH145" t="s">
        <v>299</v>
      </c>
      <c r="AI145" t="s">
        <v>299</v>
      </c>
      <c r="AJ145" t="s">
        <v>175</v>
      </c>
      <c r="AK145" t="s">
        <v>181</v>
      </c>
      <c r="AL145" t="s">
        <v>42</v>
      </c>
      <c r="AM145" s="1">
        <v>0</v>
      </c>
      <c r="AN145" s="1">
        <v>0</v>
      </c>
      <c r="AO145" s="1">
        <v>0</v>
      </c>
      <c r="AP145" s="1">
        <v>0</v>
      </c>
      <c r="AQ145" s="1">
        <v>0</v>
      </c>
      <c r="AR145" s="1">
        <v>0</v>
      </c>
      <c r="AS145" s="1">
        <v>0</v>
      </c>
      <c r="AT145" s="1">
        <v>0</v>
      </c>
      <c r="AU145" s="1">
        <v>0</v>
      </c>
      <c r="AV145" s="1">
        <v>0</v>
      </c>
      <c r="AY145" t="s">
        <v>187</v>
      </c>
      <c r="AZ145" t="s">
        <v>207</v>
      </c>
      <c r="BA145" t="s">
        <v>188</v>
      </c>
      <c r="BB145" t="s">
        <v>208</v>
      </c>
      <c r="BF145" t="s">
        <v>292</v>
      </c>
      <c r="BG145" t="s">
        <v>276</v>
      </c>
      <c r="BH145" t="s">
        <v>190</v>
      </c>
      <c r="BK145" t="s">
        <v>191</v>
      </c>
      <c r="BL145" t="s">
        <v>304</v>
      </c>
      <c r="BM145" t="s">
        <v>191</v>
      </c>
      <c r="BN145" t="s">
        <v>305</v>
      </c>
      <c r="BO145" t="s">
        <v>191</v>
      </c>
      <c r="BP145" t="s">
        <v>306</v>
      </c>
    </row>
    <row r="146" spans="1:69" x14ac:dyDescent="0.25">
      <c r="A146" s="1">
        <v>30448462</v>
      </c>
      <c r="B146" t="s">
        <v>303</v>
      </c>
      <c r="C146" t="s">
        <v>39</v>
      </c>
      <c r="D146" t="s">
        <v>3727</v>
      </c>
      <c r="E146" t="s">
        <v>175</v>
      </c>
      <c r="L146" t="s">
        <v>52</v>
      </c>
      <c r="M146" s="1">
        <v>0</v>
      </c>
      <c r="N146" s="1">
        <v>0</v>
      </c>
      <c r="O146" t="s">
        <v>3728</v>
      </c>
      <c r="P146" t="s">
        <v>176</v>
      </c>
      <c r="Q146" t="s">
        <v>196</v>
      </c>
      <c r="S146" t="s">
        <v>222</v>
      </c>
      <c r="T146" t="s">
        <v>175</v>
      </c>
      <c r="X146" t="s">
        <v>179</v>
      </c>
      <c r="Z146" t="s">
        <v>244</v>
      </c>
      <c r="AC146" t="s">
        <v>180</v>
      </c>
      <c r="AD146" t="s">
        <v>175</v>
      </c>
      <c r="AE146" t="s">
        <v>181</v>
      </c>
      <c r="AF146" t="s">
        <v>175</v>
      </c>
      <c r="AG146" t="s">
        <v>175</v>
      </c>
      <c r="AH146" t="s">
        <v>175</v>
      </c>
      <c r="AI146" t="s">
        <v>175</v>
      </c>
      <c r="AJ146" t="s">
        <v>175</v>
      </c>
      <c r="AK146" t="s">
        <v>175</v>
      </c>
      <c r="AL146" t="s">
        <v>42</v>
      </c>
      <c r="AM146" t="s">
        <v>203</v>
      </c>
      <c r="AN146" t="s">
        <v>201</v>
      </c>
      <c r="AO146" t="s">
        <v>185</v>
      </c>
      <c r="AP146" t="s">
        <v>184</v>
      </c>
      <c r="AQ146" t="s">
        <v>204</v>
      </c>
      <c r="AR146" t="s">
        <v>202</v>
      </c>
      <c r="AS146" t="s">
        <v>182</v>
      </c>
      <c r="AT146" t="s">
        <v>206</v>
      </c>
      <c r="AU146" t="s">
        <v>183</v>
      </c>
      <c r="AV146" t="s">
        <v>205</v>
      </c>
      <c r="AX146" t="s">
        <v>186</v>
      </c>
      <c r="AY146" t="s">
        <v>187</v>
      </c>
      <c r="AZ146" t="s">
        <v>207</v>
      </c>
      <c r="BA146" t="s">
        <v>188</v>
      </c>
      <c r="BB146" t="s">
        <v>208</v>
      </c>
      <c r="BC146" t="s">
        <v>209</v>
      </c>
      <c r="BF146" t="s">
        <v>232</v>
      </c>
      <c r="BG146" t="s">
        <v>301</v>
      </c>
      <c r="BH146" t="s">
        <v>211</v>
      </c>
      <c r="BK146" t="s">
        <v>191</v>
      </c>
      <c r="BL146" t="s">
        <v>3811</v>
      </c>
      <c r="BM146" t="s">
        <v>191</v>
      </c>
      <c r="BN146" t="s">
        <v>3812</v>
      </c>
      <c r="BO146" t="s">
        <v>191</v>
      </c>
      <c r="BP146" t="s">
        <v>3813</v>
      </c>
    </row>
    <row r="147" spans="1:69" x14ac:dyDescent="0.25">
      <c r="A147" s="1">
        <v>30448463</v>
      </c>
      <c r="B147" t="s">
        <v>1011</v>
      </c>
      <c r="C147" t="s">
        <v>39</v>
      </c>
      <c r="D147" t="s">
        <v>942</v>
      </c>
      <c r="E147" t="s">
        <v>200</v>
      </c>
      <c r="L147" t="s">
        <v>52</v>
      </c>
      <c r="M147" s="1">
        <v>0</v>
      </c>
      <c r="N147" s="1">
        <v>0</v>
      </c>
      <c r="O147" t="s">
        <v>942</v>
      </c>
      <c r="P147" t="s">
        <v>176</v>
      </c>
      <c r="Q147" t="s">
        <v>238</v>
      </c>
      <c r="S147" t="s">
        <v>178</v>
      </c>
      <c r="T147" t="s">
        <v>200</v>
      </c>
      <c r="V147" t="s">
        <v>397</v>
      </c>
      <c r="W147" t="s">
        <v>262</v>
      </c>
      <c r="Z147" t="s">
        <v>244</v>
      </c>
      <c r="AC147" t="s">
        <v>266</v>
      </c>
      <c r="AD147" t="s">
        <v>175</v>
      </c>
      <c r="AE147" t="s">
        <v>175</v>
      </c>
      <c r="AF147" t="s">
        <v>175</v>
      </c>
      <c r="AG147" t="s">
        <v>175</v>
      </c>
      <c r="AH147" t="s">
        <v>175</v>
      </c>
      <c r="AI147" t="s">
        <v>175</v>
      </c>
      <c r="AJ147" t="s">
        <v>175</v>
      </c>
      <c r="AK147" t="s">
        <v>175</v>
      </c>
      <c r="AL147" t="s">
        <v>49</v>
      </c>
      <c r="AM147" t="s">
        <v>184</v>
      </c>
      <c r="AN147" t="s">
        <v>205</v>
      </c>
      <c r="AO147" t="s">
        <v>185</v>
      </c>
      <c r="AP147" t="s">
        <v>182</v>
      </c>
      <c r="AQ147" t="s">
        <v>202</v>
      </c>
      <c r="AR147" t="s">
        <v>203</v>
      </c>
      <c r="AS147" t="s">
        <v>204</v>
      </c>
      <c r="AT147" t="s">
        <v>206</v>
      </c>
      <c r="AU147" t="s">
        <v>183</v>
      </c>
      <c r="AV147" t="s">
        <v>201</v>
      </c>
      <c r="AW147" t="s">
        <v>1012</v>
      </c>
      <c r="AX147" t="s">
        <v>186</v>
      </c>
      <c r="AY147" t="s">
        <v>187</v>
      </c>
      <c r="AZ147" t="s">
        <v>207</v>
      </c>
      <c r="BA147" t="s">
        <v>188</v>
      </c>
      <c r="BB147" t="s">
        <v>208</v>
      </c>
      <c r="BC147" t="s">
        <v>209</v>
      </c>
      <c r="BF147" t="s">
        <v>189</v>
      </c>
      <c r="BG147" s="1">
        <v>0</v>
      </c>
      <c r="BH147" t="s">
        <v>464</v>
      </c>
      <c r="BK147" t="s">
        <v>191</v>
      </c>
      <c r="BL147" t="s">
        <v>1013</v>
      </c>
      <c r="BM147" t="s">
        <v>191</v>
      </c>
      <c r="BN147" t="s">
        <v>1014</v>
      </c>
      <c r="BO147" t="s">
        <v>191</v>
      </c>
      <c r="BP147" t="s">
        <v>1015</v>
      </c>
    </row>
    <row r="148" spans="1:69" x14ac:dyDescent="0.25">
      <c r="A148" s="1">
        <v>30448464</v>
      </c>
      <c r="B148" t="s">
        <v>2566</v>
      </c>
      <c r="C148" t="s">
        <v>39</v>
      </c>
      <c r="D148" t="s">
        <v>2512</v>
      </c>
      <c r="E148" t="s">
        <v>200</v>
      </c>
      <c r="L148" t="s">
        <v>52</v>
      </c>
      <c r="M148" s="1">
        <v>0</v>
      </c>
      <c r="N148" s="1">
        <v>0</v>
      </c>
      <c r="O148" t="s">
        <v>2512</v>
      </c>
      <c r="P148" t="s">
        <v>176</v>
      </c>
      <c r="Q148" t="s">
        <v>238</v>
      </c>
      <c r="S148" t="s">
        <v>178</v>
      </c>
      <c r="T148" t="s">
        <v>200</v>
      </c>
      <c r="AA148" t="s">
        <v>273</v>
      </c>
      <c r="AB148" t="s">
        <v>2567</v>
      </c>
      <c r="AC148" t="s">
        <v>199</v>
      </c>
      <c r="AD148" t="s">
        <v>200</v>
      </c>
      <c r="AE148" t="s">
        <v>200</v>
      </c>
      <c r="AF148" t="s">
        <v>200</v>
      </c>
      <c r="AG148" t="s">
        <v>200</v>
      </c>
      <c r="AH148" t="s">
        <v>200</v>
      </c>
      <c r="AI148" t="s">
        <v>200</v>
      </c>
      <c r="AJ148" t="s">
        <v>200</v>
      </c>
      <c r="AK148" t="s">
        <v>200</v>
      </c>
      <c r="AL148" t="s">
        <v>42</v>
      </c>
      <c r="AM148" s="1">
        <v>0</v>
      </c>
      <c r="AN148" s="1">
        <v>0</v>
      </c>
      <c r="AO148" s="1">
        <v>0</v>
      </c>
      <c r="AP148" s="1">
        <v>0</v>
      </c>
      <c r="AQ148" s="1">
        <v>0</v>
      </c>
      <c r="AR148" s="1">
        <v>0</v>
      </c>
      <c r="AS148" s="1">
        <v>0</v>
      </c>
      <c r="AT148" s="1">
        <v>0</v>
      </c>
      <c r="AU148" s="1">
        <v>0</v>
      </c>
      <c r="AV148" s="1">
        <v>0</v>
      </c>
      <c r="BF148" s="1">
        <v>0</v>
      </c>
      <c r="BG148" s="1">
        <v>0</v>
      </c>
      <c r="BH148" s="1">
        <v>0</v>
      </c>
      <c r="BK148" s="1">
        <v>0</v>
      </c>
      <c r="BM148" s="1">
        <v>0</v>
      </c>
      <c r="BO148" s="1">
        <v>0</v>
      </c>
    </row>
    <row r="149" spans="1:69" x14ac:dyDescent="0.25">
      <c r="A149" s="1">
        <v>30448466</v>
      </c>
      <c r="B149" t="s">
        <v>1698</v>
      </c>
      <c r="C149" t="s">
        <v>39</v>
      </c>
      <c r="D149" t="s">
        <v>1616</v>
      </c>
      <c r="L149" t="s">
        <v>52</v>
      </c>
      <c r="M149" s="1">
        <v>0</v>
      </c>
      <c r="N149" s="1">
        <v>0</v>
      </c>
      <c r="O149" t="s">
        <v>1616</v>
      </c>
      <c r="P149" s="1">
        <v>0</v>
      </c>
      <c r="Q149" s="1">
        <v>0</v>
      </c>
      <c r="S149" s="1">
        <v>0</v>
      </c>
      <c r="T149" s="1">
        <v>0</v>
      </c>
      <c r="AC149" s="1">
        <v>0</v>
      </c>
      <c r="AD149" s="1">
        <v>0</v>
      </c>
      <c r="AE149" s="1">
        <v>0</v>
      </c>
      <c r="AF149" s="1">
        <v>0</v>
      </c>
      <c r="AG149" s="1">
        <v>0</v>
      </c>
      <c r="AH149" s="1">
        <v>0</v>
      </c>
      <c r="AI149" s="1">
        <v>0</v>
      </c>
      <c r="AJ149" s="1">
        <v>0</v>
      </c>
      <c r="AK149" s="1">
        <v>0</v>
      </c>
      <c r="AL149" s="1">
        <v>0</v>
      </c>
      <c r="AM149" s="1">
        <v>0</v>
      </c>
      <c r="AN149" s="1">
        <v>0</v>
      </c>
      <c r="AO149" s="1">
        <v>0</v>
      </c>
      <c r="AP149" s="1">
        <v>0</v>
      </c>
      <c r="AQ149" s="1">
        <v>0</v>
      </c>
      <c r="AR149" s="1">
        <v>0</v>
      </c>
      <c r="AS149" s="1">
        <v>0</v>
      </c>
      <c r="AT149" s="1">
        <v>0</v>
      </c>
      <c r="AU149" s="1">
        <v>0</v>
      </c>
      <c r="AV149" s="1">
        <v>0</v>
      </c>
      <c r="BF149" s="1">
        <v>0</v>
      </c>
      <c r="BG149" s="1">
        <v>0</v>
      </c>
      <c r="BH149" s="1">
        <v>0</v>
      </c>
      <c r="BK149" s="1">
        <v>0</v>
      </c>
      <c r="BM149" s="1">
        <v>0</v>
      </c>
      <c r="BO149" s="1">
        <v>0</v>
      </c>
    </row>
    <row r="150" spans="1:69" x14ac:dyDescent="0.25">
      <c r="A150" s="1">
        <v>30448467</v>
      </c>
      <c r="B150" t="s">
        <v>3814</v>
      </c>
      <c r="C150" t="s">
        <v>39</v>
      </c>
      <c r="D150" t="s">
        <v>3727</v>
      </c>
      <c r="E150" t="s">
        <v>175</v>
      </c>
      <c r="L150" t="s">
        <v>52</v>
      </c>
      <c r="M150" s="1">
        <v>0</v>
      </c>
      <c r="N150" s="1">
        <v>0</v>
      </c>
      <c r="O150" t="s">
        <v>3728</v>
      </c>
      <c r="P150" t="s">
        <v>176</v>
      </c>
      <c r="Q150" t="s">
        <v>238</v>
      </c>
      <c r="S150" t="s">
        <v>178</v>
      </c>
      <c r="T150" t="s">
        <v>175</v>
      </c>
      <c r="V150" t="s">
        <v>397</v>
      </c>
      <c r="Y150" t="s">
        <v>224</v>
      </c>
      <c r="AC150" t="s">
        <v>199</v>
      </c>
      <c r="AD150" t="s">
        <v>175</v>
      </c>
      <c r="AE150" t="s">
        <v>175</v>
      </c>
      <c r="AF150" t="s">
        <v>175</v>
      </c>
      <c r="AG150" t="s">
        <v>181</v>
      </c>
      <c r="AH150" t="s">
        <v>175</v>
      </c>
      <c r="AI150" t="s">
        <v>175</v>
      </c>
      <c r="AJ150" t="s">
        <v>175</v>
      </c>
      <c r="AK150" t="s">
        <v>175</v>
      </c>
      <c r="AL150" t="s">
        <v>42</v>
      </c>
      <c r="AM150" s="1">
        <v>0</v>
      </c>
      <c r="AN150" s="1">
        <v>0</v>
      </c>
      <c r="AO150" t="s">
        <v>185</v>
      </c>
      <c r="AP150" t="s">
        <v>184</v>
      </c>
      <c r="AQ150" s="1">
        <v>0</v>
      </c>
      <c r="AR150" s="1">
        <v>0</v>
      </c>
      <c r="AS150" s="1">
        <v>0</v>
      </c>
      <c r="AT150" s="1">
        <v>0</v>
      </c>
      <c r="AU150" s="1">
        <v>0</v>
      </c>
      <c r="AV150" s="1">
        <v>0</v>
      </c>
      <c r="AX150" t="s">
        <v>186</v>
      </c>
      <c r="AZ150" t="s">
        <v>207</v>
      </c>
      <c r="BF150" t="s">
        <v>189</v>
      </c>
      <c r="BG150" s="1">
        <v>0</v>
      </c>
      <c r="BH150" t="s">
        <v>247</v>
      </c>
      <c r="BK150" t="s">
        <v>191</v>
      </c>
      <c r="BM150" t="s">
        <v>191</v>
      </c>
      <c r="BO150" t="s">
        <v>218</v>
      </c>
    </row>
    <row r="151" spans="1:69" x14ac:dyDescent="0.25">
      <c r="A151" s="1">
        <v>30448468</v>
      </c>
      <c r="B151" t="s">
        <v>1699</v>
      </c>
      <c r="C151" t="s">
        <v>39</v>
      </c>
      <c r="D151" t="s">
        <v>1616</v>
      </c>
      <c r="E151" t="s">
        <v>200</v>
      </c>
      <c r="L151" t="s">
        <v>52</v>
      </c>
      <c r="M151" s="1">
        <v>0</v>
      </c>
      <c r="N151" s="1">
        <v>0</v>
      </c>
      <c r="O151" t="s">
        <v>1616</v>
      </c>
      <c r="P151" t="s">
        <v>176</v>
      </c>
      <c r="Q151" t="s">
        <v>238</v>
      </c>
      <c r="S151" t="s">
        <v>178</v>
      </c>
      <c r="T151" t="s">
        <v>200</v>
      </c>
      <c r="AA151" t="s">
        <v>273</v>
      </c>
      <c r="AB151" t="s">
        <v>225</v>
      </c>
      <c r="AC151" t="s">
        <v>199</v>
      </c>
      <c r="AD151" t="s">
        <v>200</v>
      </c>
      <c r="AE151" t="s">
        <v>200</v>
      </c>
      <c r="AF151" t="s">
        <v>200</v>
      </c>
      <c r="AG151" t="s">
        <v>200</v>
      </c>
      <c r="AH151" t="s">
        <v>200</v>
      </c>
      <c r="AI151" t="s">
        <v>200</v>
      </c>
      <c r="AJ151" t="s">
        <v>200</v>
      </c>
      <c r="AK151" t="s">
        <v>200</v>
      </c>
      <c r="AL151" t="s">
        <v>42</v>
      </c>
      <c r="AM151" t="s">
        <v>183</v>
      </c>
      <c r="AN151" t="s">
        <v>201</v>
      </c>
      <c r="AO151" t="s">
        <v>182</v>
      </c>
      <c r="AP151" t="s">
        <v>184</v>
      </c>
      <c r="AQ151" t="s">
        <v>204</v>
      </c>
      <c r="AR151" t="s">
        <v>202</v>
      </c>
      <c r="AS151" t="s">
        <v>203</v>
      </c>
      <c r="AT151" t="s">
        <v>185</v>
      </c>
      <c r="AU151" t="s">
        <v>206</v>
      </c>
      <c r="AV151" t="s">
        <v>205</v>
      </c>
      <c r="AX151" t="s">
        <v>186</v>
      </c>
      <c r="AZ151" t="s">
        <v>207</v>
      </c>
      <c r="BF151" t="s">
        <v>210</v>
      </c>
      <c r="BG151" s="1">
        <v>0</v>
      </c>
      <c r="BH151" t="s">
        <v>211</v>
      </c>
      <c r="BK151" t="s">
        <v>191</v>
      </c>
      <c r="BM151" t="s">
        <v>191</v>
      </c>
      <c r="BO151" t="s">
        <v>191</v>
      </c>
      <c r="BP151" t="s">
        <v>923</v>
      </c>
    </row>
    <row r="152" spans="1:69" x14ac:dyDescent="0.25">
      <c r="A152" s="1">
        <v>30448470</v>
      </c>
      <c r="B152" t="s">
        <v>1016</v>
      </c>
      <c r="C152" t="s">
        <v>39</v>
      </c>
      <c r="D152" t="s">
        <v>942</v>
      </c>
      <c r="E152" t="s">
        <v>200</v>
      </c>
      <c r="L152" t="s">
        <v>52</v>
      </c>
      <c r="M152" s="1">
        <v>0</v>
      </c>
      <c r="N152" s="1">
        <v>0</v>
      </c>
      <c r="O152" t="s">
        <v>942</v>
      </c>
      <c r="P152" t="s">
        <v>176</v>
      </c>
      <c r="Q152" t="s">
        <v>177</v>
      </c>
      <c r="S152" t="s">
        <v>178</v>
      </c>
      <c r="T152" t="s">
        <v>200</v>
      </c>
      <c r="W152" t="s">
        <v>262</v>
      </c>
      <c r="Y152" t="s">
        <v>224</v>
      </c>
      <c r="AC152" t="s">
        <v>199</v>
      </c>
      <c r="AD152" t="s">
        <v>200</v>
      </c>
      <c r="AE152" t="s">
        <v>200</v>
      </c>
      <c r="AF152" t="s">
        <v>200</v>
      </c>
      <c r="AG152" t="s">
        <v>200</v>
      </c>
      <c r="AH152" t="s">
        <v>200</v>
      </c>
      <c r="AI152" t="s">
        <v>200</v>
      </c>
      <c r="AJ152" t="s">
        <v>200</v>
      </c>
      <c r="AK152" t="s">
        <v>200</v>
      </c>
      <c r="AL152" t="s">
        <v>42</v>
      </c>
      <c r="AM152" t="s">
        <v>185</v>
      </c>
      <c r="AN152" t="s">
        <v>205</v>
      </c>
      <c r="AO152" t="s">
        <v>184</v>
      </c>
      <c r="AP152" t="s">
        <v>182</v>
      </c>
      <c r="AQ152" t="s">
        <v>201</v>
      </c>
      <c r="AR152" t="s">
        <v>203</v>
      </c>
      <c r="AS152" t="s">
        <v>183</v>
      </c>
      <c r="AT152" t="s">
        <v>204</v>
      </c>
      <c r="AU152" t="s">
        <v>202</v>
      </c>
      <c r="AV152" t="s">
        <v>206</v>
      </c>
      <c r="AX152" t="s">
        <v>186</v>
      </c>
      <c r="AZ152" t="s">
        <v>207</v>
      </c>
      <c r="BC152" t="s">
        <v>209</v>
      </c>
      <c r="BF152" t="s">
        <v>210</v>
      </c>
      <c r="BG152" s="1">
        <v>0</v>
      </c>
      <c r="BH152" t="s">
        <v>211</v>
      </c>
      <c r="BK152" t="s">
        <v>191</v>
      </c>
      <c r="BL152" t="s">
        <v>1017</v>
      </c>
      <c r="BM152" t="s">
        <v>191</v>
      </c>
      <c r="BN152" t="s">
        <v>1018</v>
      </c>
      <c r="BO152" t="s">
        <v>218</v>
      </c>
      <c r="BP152" t="s">
        <v>1019</v>
      </c>
    </row>
    <row r="153" spans="1:69" x14ac:dyDescent="0.25">
      <c r="A153" s="1">
        <v>30448471</v>
      </c>
      <c r="B153" t="s">
        <v>307</v>
      </c>
      <c r="C153" t="s">
        <v>39</v>
      </c>
      <c r="D153" t="s">
        <v>174</v>
      </c>
      <c r="E153" t="s">
        <v>195</v>
      </c>
      <c r="L153" t="s">
        <v>52</v>
      </c>
      <c r="M153" s="1">
        <v>0</v>
      </c>
      <c r="N153" s="1">
        <v>0</v>
      </c>
      <c r="O153" t="s">
        <v>174</v>
      </c>
      <c r="P153" t="s">
        <v>176</v>
      </c>
      <c r="Q153" t="s">
        <v>177</v>
      </c>
      <c r="S153" t="s">
        <v>256</v>
      </c>
      <c r="T153" t="s">
        <v>197</v>
      </c>
      <c r="W153" t="s">
        <v>262</v>
      </c>
      <c r="X153" t="s">
        <v>179</v>
      </c>
      <c r="Z153" t="s">
        <v>244</v>
      </c>
      <c r="AC153" t="s">
        <v>225</v>
      </c>
      <c r="AD153" t="s">
        <v>175</v>
      </c>
      <c r="AE153" t="s">
        <v>175</v>
      </c>
      <c r="AF153" t="s">
        <v>175</v>
      </c>
      <c r="AG153" t="s">
        <v>175</v>
      </c>
      <c r="AH153" t="s">
        <v>200</v>
      </c>
      <c r="AI153" t="s">
        <v>200</v>
      </c>
      <c r="AJ153" t="s">
        <v>175</v>
      </c>
      <c r="AK153" t="s">
        <v>230</v>
      </c>
      <c r="AL153" t="s">
        <v>52</v>
      </c>
      <c r="AM153" t="s">
        <v>185</v>
      </c>
      <c r="AN153" t="s">
        <v>206</v>
      </c>
      <c r="AO153" t="s">
        <v>204</v>
      </c>
      <c r="AP153" t="s">
        <v>184</v>
      </c>
      <c r="AQ153" t="s">
        <v>202</v>
      </c>
      <c r="AR153" t="s">
        <v>203</v>
      </c>
      <c r="AS153" t="s">
        <v>205</v>
      </c>
      <c r="AT153" t="s">
        <v>183</v>
      </c>
      <c r="AU153" t="s">
        <v>201</v>
      </c>
      <c r="AV153" t="s">
        <v>182</v>
      </c>
      <c r="AX153" t="s">
        <v>186</v>
      </c>
      <c r="AY153" t="s">
        <v>187</v>
      </c>
      <c r="AZ153" t="s">
        <v>207</v>
      </c>
      <c r="BB153" t="s">
        <v>208</v>
      </c>
      <c r="BC153" t="s">
        <v>209</v>
      </c>
      <c r="BF153" t="s">
        <v>232</v>
      </c>
      <c r="BG153" t="s">
        <v>233</v>
      </c>
      <c r="BH153" t="s">
        <v>211</v>
      </c>
      <c r="BK153" t="s">
        <v>191</v>
      </c>
      <c r="BL153" t="s">
        <v>308</v>
      </c>
      <c r="BM153" t="s">
        <v>191</v>
      </c>
      <c r="BN153" t="s">
        <v>309</v>
      </c>
      <c r="BO153" t="s">
        <v>191</v>
      </c>
      <c r="BP153" t="s">
        <v>310</v>
      </c>
      <c r="BQ153" t="s">
        <v>311</v>
      </c>
    </row>
    <row r="154" spans="1:69" x14ac:dyDescent="0.25">
      <c r="A154" s="1">
        <v>30448472</v>
      </c>
      <c r="B154" t="s">
        <v>307</v>
      </c>
      <c r="C154" t="s">
        <v>39</v>
      </c>
      <c r="D154" t="s">
        <v>2512</v>
      </c>
      <c r="E154" t="s">
        <v>200</v>
      </c>
      <c r="L154" t="s">
        <v>52</v>
      </c>
      <c r="M154" s="1">
        <v>0</v>
      </c>
      <c r="N154" s="1">
        <v>0</v>
      </c>
      <c r="O154" t="s">
        <v>2512</v>
      </c>
      <c r="P154" t="s">
        <v>176</v>
      </c>
      <c r="Q154" t="s">
        <v>238</v>
      </c>
      <c r="S154" t="s">
        <v>222</v>
      </c>
      <c r="T154" t="s">
        <v>200</v>
      </c>
      <c r="X154" t="s">
        <v>179</v>
      </c>
      <c r="AC154" t="s">
        <v>1357</v>
      </c>
      <c r="AD154" t="s">
        <v>230</v>
      </c>
      <c r="AE154" t="s">
        <v>230</v>
      </c>
      <c r="AF154" t="s">
        <v>299</v>
      </c>
      <c r="AG154" t="s">
        <v>200</v>
      </c>
      <c r="AH154" t="s">
        <v>175</v>
      </c>
      <c r="AI154" t="s">
        <v>175</v>
      </c>
      <c r="AJ154" t="s">
        <v>299</v>
      </c>
      <c r="AK154" t="s">
        <v>230</v>
      </c>
      <c r="AL154" t="s">
        <v>42</v>
      </c>
      <c r="AM154" t="s">
        <v>202</v>
      </c>
      <c r="AN154" t="s">
        <v>183</v>
      </c>
      <c r="AO154" t="s">
        <v>205</v>
      </c>
      <c r="AP154" t="s">
        <v>185</v>
      </c>
      <c r="AQ154" t="s">
        <v>203</v>
      </c>
      <c r="AR154" t="s">
        <v>184</v>
      </c>
      <c r="AS154" t="s">
        <v>182</v>
      </c>
      <c r="AT154" t="s">
        <v>201</v>
      </c>
      <c r="AU154" t="s">
        <v>206</v>
      </c>
      <c r="AV154" t="s">
        <v>204</v>
      </c>
      <c r="AW154" t="s">
        <v>2568</v>
      </c>
      <c r="AX154" t="s">
        <v>186</v>
      </c>
      <c r="AY154" t="s">
        <v>187</v>
      </c>
      <c r="BA154" t="s">
        <v>188</v>
      </c>
      <c r="BC154" t="s">
        <v>209</v>
      </c>
      <c r="BD154" t="s">
        <v>273</v>
      </c>
      <c r="BE154" t="s">
        <v>2569</v>
      </c>
      <c r="BF154" t="s">
        <v>210</v>
      </c>
      <c r="BG154" s="1">
        <v>0</v>
      </c>
      <c r="BH154" t="s">
        <v>211</v>
      </c>
      <c r="BK154" t="s">
        <v>218</v>
      </c>
      <c r="BL154" t="s">
        <v>2570</v>
      </c>
      <c r="BM154" t="s">
        <v>191</v>
      </c>
      <c r="BN154" t="s">
        <v>2571</v>
      </c>
      <c r="BO154" t="s">
        <v>191</v>
      </c>
      <c r="BP154" t="s">
        <v>2572</v>
      </c>
      <c r="BQ154" t="s">
        <v>2573</v>
      </c>
    </row>
    <row r="155" spans="1:69" x14ac:dyDescent="0.25">
      <c r="A155" s="1">
        <v>30448473</v>
      </c>
      <c r="B155" t="s">
        <v>2574</v>
      </c>
      <c r="C155" t="s">
        <v>39</v>
      </c>
      <c r="D155" t="s">
        <v>2512</v>
      </c>
      <c r="E155" t="s">
        <v>195</v>
      </c>
      <c r="L155" t="s">
        <v>52</v>
      </c>
      <c r="M155" s="1">
        <v>0</v>
      </c>
      <c r="N155" s="1">
        <v>0</v>
      </c>
      <c r="O155" t="s">
        <v>2512</v>
      </c>
      <c r="P155" t="s">
        <v>176</v>
      </c>
      <c r="Q155" t="s">
        <v>177</v>
      </c>
      <c r="S155" t="s">
        <v>178</v>
      </c>
      <c r="T155" t="s">
        <v>297</v>
      </c>
      <c r="U155" t="s">
        <v>2575</v>
      </c>
      <c r="V155" t="s">
        <v>397</v>
      </c>
      <c r="AC155" t="s">
        <v>180</v>
      </c>
      <c r="AD155" t="s">
        <v>175</v>
      </c>
      <c r="AE155" t="s">
        <v>175</v>
      </c>
      <c r="AF155" t="s">
        <v>181</v>
      </c>
      <c r="AG155" t="s">
        <v>175</v>
      </c>
      <c r="AH155" t="s">
        <v>175</v>
      </c>
      <c r="AI155" t="s">
        <v>175</v>
      </c>
      <c r="AJ155" t="s">
        <v>175</v>
      </c>
      <c r="AK155" t="s">
        <v>175</v>
      </c>
      <c r="AL155" t="s">
        <v>42</v>
      </c>
      <c r="AM155" s="1">
        <v>0</v>
      </c>
      <c r="AN155" s="1">
        <v>0</v>
      </c>
      <c r="AO155" s="1">
        <v>0</v>
      </c>
      <c r="AP155" s="1">
        <v>0</v>
      </c>
      <c r="AQ155" s="1">
        <v>0</v>
      </c>
      <c r="AR155" s="1">
        <v>0</v>
      </c>
      <c r="AS155" s="1">
        <v>0</v>
      </c>
      <c r="AT155" s="1">
        <v>0</v>
      </c>
      <c r="AU155" s="1">
        <v>0</v>
      </c>
      <c r="AV155" s="1">
        <v>0</v>
      </c>
      <c r="AX155" t="s">
        <v>186</v>
      </c>
      <c r="AY155" t="s">
        <v>187</v>
      </c>
      <c r="AZ155" t="s">
        <v>207</v>
      </c>
      <c r="BA155" t="s">
        <v>188</v>
      </c>
      <c r="BB155" t="s">
        <v>208</v>
      </c>
      <c r="BC155" t="s">
        <v>209</v>
      </c>
      <c r="BF155" t="s">
        <v>49</v>
      </c>
      <c r="BG155" s="1">
        <v>0</v>
      </c>
      <c r="BH155" t="s">
        <v>190</v>
      </c>
      <c r="BK155" s="1">
        <v>0</v>
      </c>
      <c r="BM155" t="s">
        <v>218</v>
      </c>
      <c r="BO155" t="s">
        <v>218</v>
      </c>
      <c r="BQ155" t="s">
        <v>2576</v>
      </c>
    </row>
    <row r="156" spans="1:69" x14ac:dyDescent="0.25">
      <c r="A156" s="1">
        <v>30448474</v>
      </c>
      <c r="B156" t="s">
        <v>312</v>
      </c>
      <c r="C156" t="s">
        <v>39</v>
      </c>
      <c r="D156" t="s">
        <v>174</v>
      </c>
      <c r="E156" t="s">
        <v>195</v>
      </c>
      <c r="L156" t="s">
        <v>52</v>
      </c>
      <c r="M156" s="1">
        <v>0</v>
      </c>
      <c r="N156" s="1">
        <v>0</v>
      </c>
      <c r="O156" t="s">
        <v>174</v>
      </c>
      <c r="P156" t="s">
        <v>176</v>
      </c>
      <c r="Q156" t="s">
        <v>177</v>
      </c>
      <c r="S156" t="s">
        <v>178</v>
      </c>
      <c r="T156" t="s">
        <v>197</v>
      </c>
      <c r="U156" t="s">
        <v>313</v>
      </c>
      <c r="X156" t="s">
        <v>179</v>
      </c>
      <c r="Y156" t="s">
        <v>224</v>
      </c>
      <c r="AC156" t="s">
        <v>180</v>
      </c>
      <c r="AD156" s="1">
        <v>0</v>
      </c>
      <c r="AE156" s="1">
        <v>0</v>
      </c>
      <c r="AF156" s="1">
        <v>0</v>
      </c>
      <c r="AG156" s="1">
        <v>0</v>
      </c>
      <c r="AH156" s="1">
        <v>0</v>
      </c>
      <c r="AI156" s="1">
        <v>0</v>
      </c>
      <c r="AJ156" s="1">
        <v>0</v>
      </c>
      <c r="AK156" s="1">
        <v>0</v>
      </c>
      <c r="AL156" s="1">
        <v>0</v>
      </c>
      <c r="AM156" s="1">
        <v>0</v>
      </c>
      <c r="AN156" s="1">
        <v>0</v>
      </c>
      <c r="AO156" s="1">
        <v>0</v>
      </c>
      <c r="AP156" s="1">
        <v>0</v>
      </c>
      <c r="AQ156" s="1">
        <v>0</v>
      </c>
      <c r="AR156" s="1">
        <v>0</v>
      </c>
      <c r="AS156" s="1">
        <v>0</v>
      </c>
      <c r="AT156" s="1">
        <v>0</v>
      </c>
      <c r="AU156" s="1">
        <v>0</v>
      </c>
      <c r="AV156" s="1">
        <v>0</v>
      </c>
      <c r="BF156" s="1">
        <v>0</v>
      </c>
      <c r="BG156" s="1">
        <v>0</v>
      </c>
      <c r="BH156" s="1">
        <v>0</v>
      </c>
      <c r="BK156" s="1">
        <v>0</v>
      </c>
      <c r="BM156" s="1">
        <v>0</v>
      </c>
      <c r="BO156" s="1">
        <v>0</v>
      </c>
    </row>
    <row r="157" spans="1:69" x14ac:dyDescent="0.25">
      <c r="A157" s="1">
        <v>30448475</v>
      </c>
      <c r="B157" t="s">
        <v>3172</v>
      </c>
      <c r="C157" t="s">
        <v>39</v>
      </c>
      <c r="D157" t="s">
        <v>3138</v>
      </c>
      <c r="E157" t="s">
        <v>175</v>
      </c>
      <c r="L157" t="s">
        <v>52</v>
      </c>
      <c r="M157" s="1">
        <v>0</v>
      </c>
      <c r="N157" s="1">
        <v>0</v>
      </c>
      <c r="O157" t="s">
        <v>3139</v>
      </c>
      <c r="P157" t="s">
        <v>176</v>
      </c>
      <c r="Q157" t="s">
        <v>177</v>
      </c>
      <c r="S157" t="s">
        <v>349</v>
      </c>
      <c r="T157" t="s">
        <v>175</v>
      </c>
      <c r="X157" t="s">
        <v>179</v>
      </c>
      <c r="Y157" t="s">
        <v>224</v>
      </c>
      <c r="AC157" t="s">
        <v>266</v>
      </c>
      <c r="AD157" t="s">
        <v>175</v>
      </c>
      <c r="AE157" t="s">
        <v>175</v>
      </c>
      <c r="AF157" t="s">
        <v>175</v>
      </c>
      <c r="AG157" t="s">
        <v>181</v>
      </c>
      <c r="AH157" t="s">
        <v>175</v>
      </c>
      <c r="AI157" t="s">
        <v>175</v>
      </c>
      <c r="AJ157" t="s">
        <v>175</v>
      </c>
      <c r="AK157" t="s">
        <v>175</v>
      </c>
      <c r="AL157" t="s">
        <v>42</v>
      </c>
      <c r="AM157" t="s">
        <v>184</v>
      </c>
      <c r="AN157" t="s">
        <v>206</v>
      </c>
      <c r="AO157" t="s">
        <v>183</v>
      </c>
      <c r="AP157" t="s">
        <v>182</v>
      </c>
      <c r="AQ157" t="s">
        <v>202</v>
      </c>
      <c r="AR157" t="s">
        <v>203</v>
      </c>
      <c r="AS157" t="s">
        <v>185</v>
      </c>
      <c r="AT157" t="s">
        <v>205</v>
      </c>
      <c r="AU157" t="s">
        <v>204</v>
      </c>
      <c r="AV157" t="s">
        <v>201</v>
      </c>
      <c r="AX157" t="s">
        <v>186</v>
      </c>
      <c r="AY157" t="s">
        <v>187</v>
      </c>
      <c r="BA157" t="s">
        <v>188</v>
      </c>
      <c r="BB157" t="s">
        <v>208</v>
      </c>
      <c r="BC157" t="s">
        <v>209</v>
      </c>
      <c r="BF157" t="s">
        <v>292</v>
      </c>
      <c r="BG157" t="s">
        <v>233</v>
      </c>
      <c r="BH157" t="s">
        <v>211</v>
      </c>
      <c r="BK157" t="s">
        <v>191</v>
      </c>
      <c r="BM157" t="s">
        <v>191</v>
      </c>
      <c r="BN157" t="s">
        <v>3173</v>
      </c>
      <c r="BO157" t="s">
        <v>191</v>
      </c>
      <c r="BP157" t="s">
        <v>3174</v>
      </c>
      <c r="BQ157" t="s">
        <v>3175</v>
      </c>
    </row>
    <row r="158" spans="1:69" x14ac:dyDescent="0.25">
      <c r="A158" s="1">
        <v>30448476</v>
      </c>
      <c r="B158" t="s">
        <v>1020</v>
      </c>
      <c r="C158" t="s">
        <v>39</v>
      </c>
      <c r="D158" t="s">
        <v>942</v>
      </c>
      <c r="E158" t="s">
        <v>200</v>
      </c>
      <c r="L158" t="s">
        <v>52</v>
      </c>
      <c r="M158" s="1">
        <v>0</v>
      </c>
      <c r="N158" s="1">
        <v>0</v>
      </c>
      <c r="O158" t="s">
        <v>942</v>
      </c>
      <c r="P158" t="s">
        <v>176</v>
      </c>
      <c r="Q158" t="s">
        <v>196</v>
      </c>
      <c r="S158" t="s">
        <v>222</v>
      </c>
      <c r="T158" t="s">
        <v>200</v>
      </c>
      <c r="Y158" t="s">
        <v>224</v>
      </c>
      <c r="AC158" t="s">
        <v>180</v>
      </c>
      <c r="AD158" t="s">
        <v>175</v>
      </c>
      <c r="AE158" t="s">
        <v>175</v>
      </c>
      <c r="AF158" t="s">
        <v>175</v>
      </c>
      <c r="AG158" t="s">
        <v>175</v>
      </c>
      <c r="AH158" t="s">
        <v>200</v>
      </c>
      <c r="AI158" t="s">
        <v>175</v>
      </c>
      <c r="AJ158" t="s">
        <v>181</v>
      </c>
      <c r="AK158" t="s">
        <v>175</v>
      </c>
      <c r="AL158" t="s">
        <v>42</v>
      </c>
      <c r="AM158" t="s">
        <v>183</v>
      </c>
      <c r="AN158" t="s">
        <v>206</v>
      </c>
      <c r="AO158" t="s">
        <v>184</v>
      </c>
      <c r="AP158" t="s">
        <v>182</v>
      </c>
      <c r="AQ158" t="s">
        <v>185</v>
      </c>
      <c r="AR158" t="s">
        <v>202</v>
      </c>
      <c r="AS158" t="s">
        <v>203</v>
      </c>
      <c r="AT158" t="s">
        <v>201</v>
      </c>
      <c r="AU158" t="s">
        <v>205</v>
      </c>
      <c r="AV158" t="s">
        <v>204</v>
      </c>
      <c r="AX158" t="s">
        <v>186</v>
      </c>
      <c r="AY158" t="s">
        <v>187</v>
      </c>
      <c r="AZ158" t="s">
        <v>207</v>
      </c>
      <c r="BB158" t="s">
        <v>208</v>
      </c>
      <c r="BF158" t="s">
        <v>210</v>
      </c>
      <c r="BG158" s="1">
        <v>0</v>
      </c>
      <c r="BH158" t="s">
        <v>247</v>
      </c>
      <c r="BK158" t="s">
        <v>191</v>
      </c>
      <c r="BL158" t="s">
        <v>1021</v>
      </c>
      <c r="BM158" t="s">
        <v>218</v>
      </c>
      <c r="BN158" t="s">
        <v>1022</v>
      </c>
      <c r="BO158" t="s">
        <v>191</v>
      </c>
      <c r="BP158" t="s">
        <v>1023</v>
      </c>
    </row>
    <row r="159" spans="1:69" x14ac:dyDescent="0.25">
      <c r="A159" s="1">
        <v>30448477</v>
      </c>
      <c r="B159" t="s">
        <v>3815</v>
      </c>
      <c r="C159" t="s">
        <v>39</v>
      </c>
      <c r="D159" t="s">
        <v>3727</v>
      </c>
      <c r="E159" t="s">
        <v>175</v>
      </c>
      <c r="L159" t="s">
        <v>52</v>
      </c>
      <c r="M159" s="1">
        <v>0</v>
      </c>
      <c r="N159" s="1">
        <v>0</v>
      </c>
      <c r="O159" t="s">
        <v>3728</v>
      </c>
      <c r="P159" t="s">
        <v>216</v>
      </c>
      <c r="Q159" t="s">
        <v>322</v>
      </c>
      <c r="S159" s="1">
        <v>0</v>
      </c>
      <c r="T159" t="s">
        <v>175</v>
      </c>
      <c r="AA159" t="s">
        <v>273</v>
      </c>
      <c r="AB159" t="s">
        <v>1763</v>
      </c>
      <c r="AC159" t="s">
        <v>266</v>
      </c>
      <c r="AD159" t="s">
        <v>175</v>
      </c>
      <c r="AE159" t="s">
        <v>175</v>
      </c>
      <c r="AF159" t="s">
        <v>175</v>
      </c>
      <c r="AG159" t="s">
        <v>175</v>
      </c>
      <c r="AH159" t="s">
        <v>200</v>
      </c>
      <c r="AI159" t="s">
        <v>175</v>
      </c>
      <c r="AJ159" t="s">
        <v>181</v>
      </c>
      <c r="AK159" t="s">
        <v>181</v>
      </c>
      <c r="AL159" t="s">
        <v>42</v>
      </c>
      <c r="AM159" t="s">
        <v>202</v>
      </c>
      <c r="AN159" t="s">
        <v>205</v>
      </c>
      <c r="AO159" t="s">
        <v>185</v>
      </c>
      <c r="AP159" t="s">
        <v>183</v>
      </c>
      <c r="AQ159" t="s">
        <v>204</v>
      </c>
      <c r="AR159" t="s">
        <v>206</v>
      </c>
      <c r="AS159" t="s">
        <v>203</v>
      </c>
      <c r="AT159" t="s">
        <v>182</v>
      </c>
      <c r="AU159" t="s">
        <v>201</v>
      </c>
      <c r="AV159" t="s">
        <v>184</v>
      </c>
      <c r="AW159" t="s">
        <v>3816</v>
      </c>
      <c r="AY159" t="s">
        <v>187</v>
      </c>
      <c r="AZ159" t="s">
        <v>207</v>
      </c>
      <c r="BA159" t="s">
        <v>188</v>
      </c>
      <c r="BF159" t="s">
        <v>210</v>
      </c>
      <c r="BG159" s="1">
        <v>0</v>
      </c>
      <c r="BH159" t="s">
        <v>211</v>
      </c>
      <c r="BK159" t="s">
        <v>191</v>
      </c>
      <c r="BL159" t="s">
        <v>3817</v>
      </c>
      <c r="BM159" t="s">
        <v>191</v>
      </c>
      <c r="BN159" t="s">
        <v>2078</v>
      </c>
      <c r="BO159" t="s">
        <v>218</v>
      </c>
      <c r="BP159" t="s">
        <v>3818</v>
      </c>
    </row>
    <row r="160" spans="1:69" x14ac:dyDescent="0.25">
      <c r="A160" s="1">
        <v>30448478</v>
      </c>
      <c r="B160" t="s">
        <v>1700</v>
      </c>
      <c r="C160" t="s">
        <v>39</v>
      </c>
      <c r="D160" t="s">
        <v>1616</v>
      </c>
      <c r="E160" t="s">
        <v>195</v>
      </c>
      <c r="L160" t="s">
        <v>52</v>
      </c>
      <c r="M160" s="1">
        <v>0</v>
      </c>
      <c r="N160" s="1">
        <v>0</v>
      </c>
      <c r="O160" t="s">
        <v>1616</v>
      </c>
      <c r="P160" t="s">
        <v>176</v>
      </c>
      <c r="Q160" t="s">
        <v>177</v>
      </c>
      <c r="S160" t="s">
        <v>178</v>
      </c>
      <c r="T160" t="s">
        <v>197</v>
      </c>
      <c r="AA160" t="s">
        <v>273</v>
      </c>
      <c r="AC160" t="s">
        <v>266</v>
      </c>
      <c r="AD160" t="s">
        <v>175</v>
      </c>
      <c r="AE160" t="s">
        <v>299</v>
      </c>
      <c r="AF160" t="s">
        <v>299</v>
      </c>
      <c r="AG160" t="s">
        <v>299</v>
      </c>
      <c r="AH160" t="s">
        <v>175</v>
      </c>
      <c r="AI160" t="s">
        <v>175</v>
      </c>
      <c r="AJ160" t="s">
        <v>175</v>
      </c>
      <c r="AK160" t="s">
        <v>175</v>
      </c>
      <c r="AL160" t="s">
        <v>42</v>
      </c>
      <c r="AM160" t="s">
        <v>185</v>
      </c>
      <c r="AN160" t="s">
        <v>206</v>
      </c>
      <c r="AO160" t="s">
        <v>182</v>
      </c>
      <c r="AP160" t="s">
        <v>184</v>
      </c>
      <c r="AQ160" t="s">
        <v>203</v>
      </c>
      <c r="AR160" t="s">
        <v>202</v>
      </c>
      <c r="AS160" t="s">
        <v>201</v>
      </c>
      <c r="AT160" t="s">
        <v>205</v>
      </c>
      <c r="AU160" t="s">
        <v>204</v>
      </c>
      <c r="AV160" t="s">
        <v>183</v>
      </c>
      <c r="AW160" t="s">
        <v>1701</v>
      </c>
      <c r="AX160" t="s">
        <v>186</v>
      </c>
      <c r="AY160" t="s">
        <v>187</v>
      </c>
      <c r="AZ160" t="s">
        <v>207</v>
      </c>
      <c r="BA160" t="s">
        <v>188</v>
      </c>
      <c r="BC160" t="s">
        <v>209</v>
      </c>
      <c r="BF160" t="s">
        <v>210</v>
      </c>
      <c r="BG160" s="1">
        <v>0</v>
      </c>
      <c r="BH160" t="s">
        <v>211</v>
      </c>
      <c r="BK160" t="s">
        <v>191</v>
      </c>
      <c r="BM160" t="s">
        <v>191</v>
      </c>
      <c r="BO160" t="s">
        <v>191</v>
      </c>
    </row>
    <row r="161" spans="1:69" x14ac:dyDescent="0.25">
      <c r="A161" s="1">
        <v>30448480</v>
      </c>
      <c r="B161" t="s">
        <v>1702</v>
      </c>
      <c r="C161" t="s">
        <v>39</v>
      </c>
      <c r="D161" t="s">
        <v>1616</v>
      </c>
      <c r="E161" t="s">
        <v>200</v>
      </c>
      <c r="L161" t="s">
        <v>52</v>
      </c>
      <c r="M161" s="1">
        <v>0</v>
      </c>
      <c r="N161" s="1">
        <v>0</v>
      </c>
      <c r="O161" t="s">
        <v>1616</v>
      </c>
      <c r="P161" t="s">
        <v>176</v>
      </c>
      <c r="Q161" t="s">
        <v>196</v>
      </c>
      <c r="S161" t="s">
        <v>315</v>
      </c>
      <c r="T161" t="s">
        <v>200</v>
      </c>
      <c r="AC161" t="s">
        <v>180</v>
      </c>
      <c r="AD161" t="s">
        <v>200</v>
      </c>
      <c r="AE161" t="s">
        <v>200</v>
      </c>
      <c r="AF161" t="s">
        <v>200</v>
      </c>
      <c r="AG161" t="s">
        <v>200</v>
      </c>
      <c r="AH161" t="s">
        <v>200</v>
      </c>
      <c r="AI161" t="s">
        <v>200</v>
      </c>
      <c r="AJ161" t="s">
        <v>200</v>
      </c>
      <c r="AK161" t="s">
        <v>200</v>
      </c>
      <c r="AL161" t="s">
        <v>52</v>
      </c>
      <c r="AM161" s="1">
        <v>0</v>
      </c>
      <c r="AN161" s="1">
        <v>0</v>
      </c>
      <c r="AO161" s="1">
        <v>0</v>
      </c>
      <c r="AP161" s="1">
        <v>0</v>
      </c>
      <c r="AQ161" s="1">
        <v>0</v>
      </c>
      <c r="AR161" s="1">
        <v>0</v>
      </c>
      <c r="AS161" s="1">
        <v>0</v>
      </c>
      <c r="AT161" s="1">
        <v>0</v>
      </c>
      <c r="AU161" s="1">
        <v>0</v>
      </c>
      <c r="AV161" s="1">
        <v>0</v>
      </c>
      <c r="BF161" t="s">
        <v>210</v>
      </c>
      <c r="BG161" s="1">
        <v>0</v>
      </c>
      <c r="BH161" t="s">
        <v>190</v>
      </c>
      <c r="BK161" t="s">
        <v>191</v>
      </c>
      <c r="BM161" t="s">
        <v>218</v>
      </c>
      <c r="BO161" t="s">
        <v>218</v>
      </c>
    </row>
    <row r="162" spans="1:69" x14ac:dyDescent="0.25">
      <c r="A162" s="1">
        <v>30448481</v>
      </c>
      <c r="B162" t="s">
        <v>3176</v>
      </c>
      <c r="C162" t="s">
        <v>39</v>
      </c>
      <c r="D162" t="s">
        <v>3138</v>
      </c>
      <c r="E162" t="s">
        <v>200</v>
      </c>
      <c r="L162" t="s">
        <v>52</v>
      </c>
      <c r="M162" s="1">
        <v>0</v>
      </c>
      <c r="N162" s="1">
        <v>0</v>
      </c>
      <c r="O162" t="s">
        <v>3139</v>
      </c>
      <c r="P162" t="s">
        <v>216</v>
      </c>
      <c r="Q162" t="s">
        <v>177</v>
      </c>
      <c r="S162" s="1">
        <v>0</v>
      </c>
      <c r="T162" t="s">
        <v>200</v>
      </c>
      <c r="Y162" t="s">
        <v>224</v>
      </c>
      <c r="AC162" t="s">
        <v>266</v>
      </c>
      <c r="AD162" t="s">
        <v>175</v>
      </c>
      <c r="AE162" t="s">
        <v>175</v>
      </c>
      <c r="AF162" t="s">
        <v>181</v>
      </c>
      <c r="AG162" t="s">
        <v>200</v>
      </c>
      <c r="AH162" t="s">
        <v>175</v>
      </c>
      <c r="AI162" t="s">
        <v>200</v>
      </c>
      <c r="AJ162" t="s">
        <v>181</v>
      </c>
      <c r="AK162" t="s">
        <v>181</v>
      </c>
      <c r="AL162" t="s">
        <v>42</v>
      </c>
      <c r="AM162" s="1">
        <v>0</v>
      </c>
      <c r="AN162" s="1">
        <v>0</v>
      </c>
      <c r="AO162" s="1">
        <v>0</v>
      </c>
      <c r="AP162" s="1">
        <v>0</v>
      </c>
      <c r="AQ162" s="1">
        <v>0</v>
      </c>
      <c r="AR162" s="1">
        <v>0</v>
      </c>
      <c r="AS162" s="1">
        <v>0</v>
      </c>
      <c r="AT162" s="1">
        <v>0</v>
      </c>
      <c r="AU162" s="1">
        <v>0</v>
      </c>
      <c r="AV162" s="1">
        <v>0</v>
      </c>
      <c r="AZ162" t="s">
        <v>207</v>
      </c>
      <c r="BA162" t="s">
        <v>188</v>
      </c>
      <c r="BF162" t="s">
        <v>49</v>
      </c>
      <c r="BG162" s="1">
        <v>0</v>
      </c>
      <c r="BH162" t="s">
        <v>190</v>
      </c>
      <c r="BK162" t="s">
        <v>191</v>
      </c>
      <c r="BM162" t="s">
        <v>218</v>
      </c>
      <c r="BO162" t="s">
        <v>218</v>
      </c>
    </row>
    <row r="163" spans="1:69" x14ac:dyDescent="0.25">
      <c r="A163" s="1">
        <v>30448482</v>
      </c>
      <c r="B163" t="s">
        <v>314</v>
      </c>
      <c r="C163" t="s">
        <v>39</v>
      </c>
      <c r="D163" t="s">
        <v>174</v>
      </c>
      <c r="E163" t="s">
        <v>200</v>
      </c>
      <c r="L163" t="s">
        <v>52</v>
      </c>
      <c r="M163" s="1">
        <v>0</v>
      </c>
      <c r="N163" s="1">
        <v>0</v>
      </c>
      <c r="O163" t="s">
        <v>174</v>
      </c>
      <c r="P163" t="s">
        <v>176</v>
      </c>
      <c r="Q163" t="s">
        <v>177</v>
      </c>
      <c r="S163" t="s">
        <v>315</v>
      </c>
      <c r="T163" t="s">
        <v>200</v>
      </c>
      <c r="Y163" t="s">
        <v>224</v>
      </c>
      <c r="AC163" t="s">
        <v>225</v>
      </c>
      <c r="AD163" t="s">
        <v>200</v>
      </c>
      <c r="AE163" t="s">
        <v>175</v>
      </c>
      <c r="AF163" t="s">
        <v>200</v>
      </c>
      <c r="AG163" t="s">
        <v>181</v>
      </c>
      <c r="AH163" t="s">
        <v>200</v>
      </c>
      <c r="AI163" t="s">
        <v>200</v>
      </c>
      <c r="AJ163" t="s">
        <v>175</v>
      </c>
      <c r="AK163" t="s">
        <v>181</v>
      </c>
      <c r="AL163" t="s">
        <v>42</v>
      </c>
      <c r="AM163" t="s">
        <v>201</v>
      </c>
      <c r="AN163" t="s">
        <v>204</v>
      </c>
      <c r="AO163" t="s">
        <v>185</v>
      </c>
      <c r="AP163" t="s">
        <v>183</v>
      </c>
      <c r="AQ163" t="s">
        <v>184</v>
      </c>
      <c r="AR163" t="s">
        <v>182</v>
      </c>
      <c r="AS163" t="s">
        <v>206</v>
      </c>
      <c r="AT163" t="s">
        <v>202</v>
      </c>
      <c r="AU163" t="s">
        <v>203</v>
      </c>
      <c r="AV163" t="s">
        <v>205</v>
      </c>
      <c r="AX163" t="s">
        <v>186</v>
      </c>
      <c r="AZ163" t="s">
        <v>207</v>
      </c>
      <c r="BA163" t="s">
        <v>188</v>
      </c>
      <c r="BC163" t="s">
        <v>209</v>
      </c>
      <c r="BF163" t="s">
        <v>49</v>
      </c>
      <c r="BG163" s="1">
        <v>0</v>
      </c>
      <c r="BH163" t="s">
        <v>211</v>
      </c>
      <c r="BK163" t="s">
        <v>191</v>
      </c>
      <c r="BL163" t="s">
        <v>316</v>
      </c>
      <c r="BM163" t="s">
        <v>218</v>
      </c>
      <c r="BN163" t="s">
        <v>317</v>
      </c>
      <c r="BO163" t="s">
        <v>218</v>
      </c>
      <c r="BP163" t="s">
        <v>318</v>
      </c>
    </row>
    <row r="164" spans="1:69" x14ac:dyDescent="0.25">
      <c r="A164" s="1">
        <v>30448483</v>
      </c>
      <c r="B164" t="s">
        <v>1703</v>
      </c>
      <c r="C164" t="s">
        <v>39</v>
      </c>
      <c r="D164" t="s">
        <v>1616</v>
      </c>
      <c r="E164" t="s">
        <v>175</v>
      </c>
      <c r="L164" t="s">
        <v>52</v>
      </c>
      <c r="M164" s="1">
        <v>0</v>
      </c>
      <c r="N164" s="1">
        <v>0</v>
      </c>
      <c r="O164" t="s">
        <v>1616</v>
      </c>
      <c r="P164" t="s">
        <v>176</v>
      </c>
      <c r="Q164" t="s">
        <v>196</v>
      </c>
      <c r="S164" t="s">
        <v>222</v>
      </c>
      <c r="T164" t="s">
        <v>175</v>
      </c>
      <c r="X164" t="s">
        <v>179</v>
      </c>
      <c r="AC164" t="s">
        <v>199</v>
      </c>
      <c r="AD164" t="s">
        <v>175</v>
      </c>
      <c r="AE164" t="s">
        <v>175</v>
      </c>
      <c r="AF164" t="s">
        <v>230</v>
      </c>
      <c r="AG164" t="s">
        <v>181</v>
      </c>
      <c r="AH164" t="s">
        <v>181</v>
      </c>
      <c r="AI164" t="s">
        <v>175</v>
      </c>
      <c r="AJ164" t="s">
        <v>230</v>
      </c>
      <c r="AK164" t="s">
        <v>181</v>
      </c>
      <c r="AL164" t="s">
        <v>42</v>
      </c>
      <c r="AM164" t="s">
        <v>201</v>
      </c>
      <c r="AN164" t="s">
        <v>185</v>
      </c>
      <c r="AO164" t="s">
        <v>183</v>
      </c>
      <c r="AP164" t="s">
        <v>206</v>
      </c>
      <c r="AQ164" t="s">
        <v>202</v>
      </c>
      <c r="AR164" t="s">
        <v>203</v>
      </c>
      <c r="AS164" t="s">
        <v>204</v>
      </c>
      <c r="AT164" t="s">
        <v>184</v>
      </c>
      <c r="AU164" t="s">
        <v>182</v>
      </c>
      <c r="AV164" t="s">
        <v>205</v>
      </c>
      <c r="AX164" t="s">
        <v>186</v>
      </c>
      <c r="AY164" t="s">
        <v>187</v>
      </c>
      <c r="AZ164" t="s">
        <v>207</v>
      </c>
      <c r="BA164" t="s">
        <v>188</v>
      </c>
      <c r="BC164" t="s">
        <v>209</v>
      </c>
      <c r="BF164" t="s">
        <v>232</v>
      </c>
      <c r="BG164" t="s">
        <v>276</v>
      </c>
      <c r="BH164" t="s">
        <v>302</v>
      </c>
      <c r="BI164" t="s">
        <v>1704</v>
      </c>
      <c r="BK164" t="s">
        <v>191</v>
      </c>
      <c r="BL164" t="s">
        <v>1705</v>
      </c>
      <c r="BM164" t="s">
        <v>191</v>
      </c>
      <c r="BN164" t="s">
        <v>192</v>
      </c>
      <c r="BO164" t="s">
        <v>191</v>
      </c>
      <c r="BP164" t="s">
        <v>1706</v>
      </c>
    </row>
    <row r="165" spans="1:69" x14ac:dyDescent="0.25">
      <c r="A165" s="1">
        <v>30448484</v>
      </c>
      <c r="B165" t="s">
        <v>1707</v>
      </c>
      <c r="C165" t="s">
        <v>39</v>
      </c>
      <c r="D165" t="s">
        <v>1616</v>
      </c>
      <c r="E165" t="s">
        <v>195</v>
      </c>
      <c r="L165" t="s">
        <v>52</v>
      </c>
      <c r="M165" s="1">
        <v>0</v>
      </c>
      <c r="N165" s="1">
        <v>0</v>
      </c>
      <c r="O165" t="s">
        <v>1616</v>
      </c>
      <c r="P165" t="s">
        <v>176</v>
      </c>
      <c r="Q165" t="s">
        <v>177</v>
      </c>
      <c r="S165" t="s">
        <v>178</v>
      </c>
      <c r="T165" t="s">
        <v>197</v>
      </c>
      <c r="U165" t="s">
        <v>1708</v>
      </c>
      <c r="W165" t="s">
        <v>262</v>
      </c>
      <c r="Y165" t="s">
        <v>224</v>
      </c>
      <c r="AC165" t="s">
        <v>180</v>
      </c>
      <c r="AD165" t="s">
        <v>175</v>
      </c>
      <c r="AE165" t="s">
        <v>175</v>
      </c>
      <c r="AF165" t="s">
        <v>181</v>
      </c>
      <c r="AG165" t="s">
        <v>181</v>
      </c>
      <c r="AH165" t="s">
        <v>175</v>
      </c>
      <c r="AI165" t="s">
        <v>175</v>
      </c>
      <c r="AJ165" t="s">
        <v>181</v>
      </c>
      <c r="AK165" t="s">
        <v>181</v>
      </c>
      <c r="AL165" t="s">
        <v>52</v>
      </c>
      <c r="AM165" t="s">
        <v>201</v>
      </c>
      <c r="AN165" t="s">
        <v>183</v>
      </c>
      <c r="AO165" t="s">
        <v>182</v>
      </c>
      <c r="AP165" t="s">
        <v>205</v>
      </c>
      <c r="AQ165" t="s">
        <v>202</v>
      </c>
      <c r="AR165" t="s">
        <v>203</v>
      </c>
      <c r="AS165" t="s">
        <v>185</v>
      </c>
      <c r="AT165" t="s">
        <v>206</v>
      </c>
      <c r="AU165" t="s">
        <v>184</v>
      </c>
      <c r="AV165" t="s">
        <v>204</v>
      </c>
      <c r="AZ165" t="s">
        <v>207</v>
      </c>
      <c r="BC165" t="s">
        <v>209</v>
      </c>
      <c r="BF165" t="s">
        <v>232</v>
      </c>
      <c r="BG165" t="s">
        <v>276</v>
      </c>
      <c r="BH165" t="s">
        <v>211</v>
      </c>
      <c r="BK165" t="s">
        <v>191</v>
      </c>
      <c r="BL165" t="s">
        <v>1709</v>
      </c>
      <c r="BM165" t="s">
        <v>191</v>
      </c>
      <c r="BN165" t="s">
        <v>1710</v>
      </c>
      <c r="BO165" t="s">
        <v>191</v>
      </c>
      <c r="BP165" t="s">
        <v>1711</v>
      </c>
    </row>
    <row r="166" spans="1:69" x14ac:dyDescent="0.25">
      <c r="A166" s="1">
        <v>30448485</v>
      </c>
      <c r="B166" t="s">
        <v>3819</v>
      </c>
      <c r="C166" t="s">
        <v>39</v>
      </c>
      <c r="D166" t="s">
        <v>3727</v>
      </c>
      <c r="E166" t="s">
        <v>200</v>
      </c>
      <c r="L166" t="s">
        <v>52</v>
      </c>
      <c r="M166" s="1">
        <v>0</v>
      </c>
      <c r="N166" s="1">
        <v>0</v>
      </c>
      <c r="O166" t="s">
        <v>3728</v>
      </c>
      <c r="P166" t="s">
        <v>176</v>
      </c>
      <c r="Q166" t="s">
        <v>196</v>
      </c>
      <c r="S166" t="s">
        <v>178</v>
      </c>
      <c r="T166" t="s">
        <v>200</v>
      </c>
      <c r="W166" t="s">
        <v>262</v>
      </c>
      <c r="X166" t="s">
        <v>179</v>
      </c>
      <c r="AC166" t="s">
        <v>180</v>
      </c>
      <c r="AD166" t="s">
        <v>175</v>
      </c>
      <c r="AE166" t="s">
        <v>175</v>
      </c>
      <c r="AF166" t="s">
        <v>230</v>
      </c>
      <c r="AG166" t="s">
        <v>175</v>
      </c>
      <c r="AH166" t="s">
        <v>175</v>
      </c>
      <c r="AI166" t="s">
        <v>175</v>
      </c>
      <c r="AJ166" t="s">
        <v>175</v>
      </c>
      <c r="AK166" t="s">
        <v>181</v>
      </c>
      <c r="AL166" t="s">
        <v>42</v>
      </c>
      <c r="AM166" t="s">
        <v>185</v>
      </c>
      <c r="AN166" t="s">
        <v>184</v>
      </c>
      <c r="AO166" t="s">
        <v>183</v>
      </c>
      <c r="AP166" t="s">
        <v>182</v>
      </c>
      <c r="AQ166" s="1">
        <v>0</v>
      </c>
      <c r="AR166" s="1">
        <v>0</v>
      </c>
      <c r="AS166" s="1">
        <v>0</v>
      </c>
      <c r="AT166" t="s">
        <v>201</v>
      </c>
      <c r="AU166" s="1">
        <v>0</v>
      </c>
      <c r="AV166" s="1">
        <v>0</v>
      </c>
      <c r="AX166" t="s">
        <v>186</v>
      </c>
      <c r="AZ166" t="s">
        <v>207</v>
      </c>
      <c r="BA166" t="s">
        <v>188</v>
      </c>
      <c r="BF166" t="s">
        <v>232</v>
      </c>
      <c r="BG166" t="s">
        <v>301</v>
      </c>
      <c r="BH166" t="s">
        <v>302</v>
      </c>
      <c r="BI166" t="s">
        <v>3820</v>
      </c>
      <c r="BK166" t="s">
        <v>191</v>
      </c>
      <c r="BL166" t="s">
        <v>317</v>
      </c>
      <c r="BM166" t="s">
        <v>191</v>
      </c>
      <c r="BN166" t="s">
        <v>3821</v>
      </c>
      <c r="BO166" t="s">
        <v>191</v>
      </c>
    </row>
    <row r="167" spans="1:69" x14ac:dyDescent="0.25">
      <c r="A167" s="1">
        <v>30448487</v>
      </c>
      <c r="B167" t="s">
        <v>1712</v>
      </c>
      <c r="C167" t="s">
        <v>39</v>
      </c>
      <c r="D167" t="s">
        <v>1616</v>
      </c>
      <c r="E167" t="s">
        <v>216</v>
      </c>
      <c r="L167" t="s">
        <v>52</v>
      </c>
      <c r="M167" s="1">
        <v>0</v>
      </c>
      <c r="N167" s="1">
        <v>0</v>
      </c>
      <c r="O167" t="s">
        <v>1616</v>
      </c>
      <c r="P167" t="s">
        <v>216</v>
      </c>
      <c r="Q167" t="s">
        <v>177</v>
      </c>
      <c r="S167" s="1">
        <v>0</v>
      </c>
      <c r="T167" t="s">
        <v>197</v>
      </c>
      <c r="AC167" s="1">
        <v>0</v>
      </c>
      <c r="AD167" s="1">
        <v>0</v>
      </c>
      <c r="AE167" s="1">
        <v>0</v>
      </c>
      <c r="AF167" s="1">
        <v>0</v>
      </c>
      <c r="AG167" s="1">
        <v>0</v>
      </c>
      <c r="AH167" s="1">
        <v>0</v>
      </c>
      <c r="AI167" s="1">
        <v>0</v>
      </c>
      <c r="AJ167" s="1">
        <v>0</v>
      </c>
      <c r="AK167" s="1">
        <v>0</v>
      </c>
      <c r="AL167" s="1">
        <v>0</v>
      </c>
      <c r="AM167" s="1">
        <v>0</v>
      </c>
      <c r="AN167" s="1">
        <v>0</v>
      </c>
      <c r="AO167" s="1">
        <v>0</v>
      </c>
      <c r="AP167" s="1">
        <v>0</v>
      </c>
      <c r="AQ167" s="1">
        <v>0</v>
      </c>
      <c r="AR167" s="1">
        <v>0</v>
      </c>
      <c r="AS167" s="1">
        <v>0</v>
      </c>
      <c r="AT167" s="1">
        <v>0</v>
      </c>
      <c r="AU167" s="1">
        <v>0</v>
      </c>
      <c r="AV167" s="1">
        <v>0</v>
      </c>
      <c r="BF167" s="1">
        <v>0</v>
      </c>
      <c r="BG167" s="1">
        <v>0</v>
      </c>
      <c r="BH167" s="1">
        <v>0</v>
      </c>
      <c r="BK167" s="1">
        <v>0</v>
      </c>
      <c r="BM167" s="1">
        <v>0</v>
      </c>
      <c r="BO167" s="1">
        <v>0</v>
      </c>
    </row>
    <row r="168" spans="1:69" x14ac:dyDescent="0.25">
      <c r="A168" s="1">
        <v>30448488</v>
      </c>
      <c r="B168" t="s">
        <v>1024</v>
      </c>
      <c r="C168" t="s">
        <v>39</v>
      </c>
      <c r="D168" t="s">
        <v>942</v>
      </c>
      <c r="E168" t="s">
        <v>195</v>
      </c>
      <c r="L168" t="s">
        <v>52</v>
      </c>
      <c r="M168" s="1">
        <v>0</v>
      </c>
      <c r="N168" s="1">
        <v>0</v>
      </c>
      <c r="O168" t="s">
        <v>942</v>
      </c>
      <c r="P168" t="s">
        <v>176</v>
      </c>
      <c r="Q168" t="s">
        <v>238</v>
      </c>
      <c r="S168" t="s">
        <v>222</v>
      </c>
      <c r="T168" t="s">
        <v>297</v>
      </c>
      <c r="AC168" s="1">
        <v>0</v>
      </c>
      <c r="AD168" s="1">
        <v>0</v>
      </c>
      <c r="AE168" s="1">
        <v>0</v>
      </c>
      <c r="AF168" s="1">
        <v>0</v>
      </c>
      <c r="AG168" s="1">
        <v>0</v>
      </c>
      <c r="AH168" s="1">
        <v>0</v>
      </c>
      <c r="AI168" s="1">
        <v>0</v>
      </c>
      <c r="AJ168" s="1">
        <v>0</v>
      </c>
      <c r="AK168" s="1">
        <v>0</v>
      </c>
      <c r="AL168" s="1">
        <v>0</v>
      </c>
      <c r="AM168" s="1">
        <v>0</v>
      </c>
      <c r="AN168" s="1">
        <v>0</v>
      </c>
      <c r="AO168" s="1">
        <v>0</v>
      </c>
      <c r="AP168" s="1">
        <v>0</v>
      </c>
      <c r="AQ168" s="1">
        <v>0</v>
      </c>
      <c r="AR168" s="1">
        <v>0</v>
      </c>
      <c r="AS168" s="1">
        <v>0</v>
      </c>
      <c r="AT168" s="1">
        <v>0</v>
      </c>
      <c r="AU168" s="1">
        <v>0</v>
      </c>
      <c r="AV168" s="1">
        <v>0</v>
      </c>
      <c r="BF168" s="1">
        <v>0</v>
      </c>
      <c r="BG168" s="1">
        <v>0</v>
      </c>
      <c r="BH168" s="1">
        <v>0</v>
      </c>
      <c r="BK168" s="1">
        <v>0</v>
      </c>
      <c r="BM168" s="1">
        <v>0</v>
      </c>
      <c r="BO168" s="1">
        <v>0</v>
      </c>
    </row>
    <row r="169" spans="1:69" x14ac:dyDescent="0.25">
      <c r="A169" s="1">
        <v>30448490</v>
      </c>
      <c r="B169" t="s">
        <v>319</v>
      </c>
      <c r="C169" t="s">
        <v>39</v>
      </c>
      <c r="D169" t="s">
        <v>174</v>
      </c>
      <c r="E169" t="s">
        <v>175</v>
      </c>
      <c r="L169" t="s">
        <v>52</v>
      </c>
      <c r="M169" s="1">
        <v>0</v>
      </c>
      <c r="N169" s="1">
        <v>0</v>
      </c>
      <c r="O169" t="s">
        <v>174</v>
      </c>
      <c r="P169" t="s">
        <v>176</v>
      </c>
      <c r="Q169" t="s">
        <v>238</v>
      </c>
      <c r="S169" t="s">
        <v>178</v>
      </c>
      <c r="T169" t="s">
        <v>175</v>
      </c>
      <c r="W169" t="s">
        <v>262</v>
      </c>
      <c r="Y169" t="s">
        <v>224</v>
      </c>
      <c r="AC169" t="s">
        <v>180</v>
      </c>
      <c r="AD169" t="s">
        <v>181</v>
      </c>
      <c r="AE169" t="s">
        <v>181</v>
      </c>
      <c r="AF169" t="s">
        <v>175</v>
      </c>
      <c r="AG169" t="s">
        <v>181</v>
      </c>
      <c r="AH169" t="s">
        <v>175</v>
      </c>
      <c r="AI169" t="s">
        <v>175</v>
      </c>
      <c r="AJ169" t="s">
        <v>181</v>
      </c>
      <c r="AK169" t="s">
        <v>181</v>
      </c>
      <c r="AL169" t="s">
        <v>42</v>
      </c>
      <c r="AM169" t="s">
        <v>182</v>
      </c>
      <c r="AN169" s="1">
        <v>0</v>
      </c>
      <c r="AO169" s="1">
        <v>0</v>
      </c>
      <c r="AP169" t="s">
        <v>185</v>
      </c>
      <c r="AQ169" s="1">
        <v>0</v>
      </c>
      <c r="AR169" s="1">
        <v>0</v>
      </c>
      <c r="AS169" t="s">
        <v>184</v>
      </c>
      <c r="AT169" s="1">
        <v>0</v>
      </c>
      <c r="AU169" s="1">
        <v>0</v>
      </c>
      <c r="AV169" s="1">
        <v>0</v>
      </c>
      <c r="AX169" t="s">
        <v>186</v>
      </c>
      <c r="AZ169" t="s">
        <v>207</v>
      </c>
      <c r="BC169" t="s">
        <v>209</v>
      </c>
      <c r="BF169" t="s">
        <v>292</v>
      </c>
      <c r="BG169" t="s">
        <v>233</v>
      </c>
      <c r="BH169" t="s">
        <v>211</v>
      </c>
      <c r="BK169" t="s">
        <v>191</v>
      </c>
      <c r="BL169" t="s">
        <v>320</v>
      </c>
      <c r="BM169" t="s">
        <v>191</v>
      </c>
      <c r="BO169" t="s">
        <v>191</v>
      </c>
    </row>
    <row r="170" spans="1:69" x14ac:dyDescent="0.25">
      <c r="A170" s="1">
        <v>30448493</v>
      </c>
      <c r="B170" t="s">
        <v>2577</v>
      </c>
      <c r="C170" t="s">
        <v>39</v>
      </c>
      <c r="D170" t="s">
        <v>2512</v>
      </c>
      <c r="E170" t="s">
        <v>175</v>
      </c>
      <c r="L170" t="s">
        <v>52</v>
      </c>
      <c r="M170" s="1">
        <v>0</v>
      </c>
      <c r="N170" s="1">
        <v>0</v>
      </c>
      <c r="O170" t="s">
        <v>2512</v>
      </c>
      <c r="P170" t="s">
        <v>216</v>
      </c>
      <c r="Q170" t="s">
        <v>322</v>
      </c>
      <c r="S170" s="1">
        <v>0</v>
      </c>
      <c r="T170" t="s">
        <v>175</v>
      </c>
      <c r="AA170" t="s">
        <v>273</v>
      </c>
      <c r="AB170" t="s">
        <v>2578</v>
      </c>
      <c r="AC170" t="s">
        <v>199</v>
      </c>
      <c r="AD170" t="s">
        <v>181</v>
      </c>
      <c r="AE170" t="s">
        <v>175</v>
      </c>
      <c r="AF170" t="s">
        <v>175</v>
      </c>
      <c r="AG170" t="s">
        <v>175</v>
      </c>
      <c r="AH170" t="s">
        <v>175</v>
      </c>
      <c r="AI170" t="s">
        <v>181</v>
      </c>
      <c r="AJ170" t="s">
        <v>175</v>
      </c>
      <c r="AK170" t="s">
        <v>175</v>
      </c>
      <c r="AL170" t="s">
        <v>52</v>
      </c>
      <c r="AM170" t="s">
        <v>183</v>
      </c>
      <c r="AN170" t="s">
        <v>185</v>
      </c>
      <c r="AO170" t="s">
        <v>184</v>
      </c>
      <c r="AP170" t="s">
        <v>205</v>
      </c>
      <c r="AQ170" t="s">
        <v>203</v>
      </c>
      <c r="AR170" t="s">
        <v>204</v>
      </c>
      <c r="AS170" t="s">
        <v>206</v>
      </c>
      <c r="AT170" t="s">
        <v>202</v>
      </c>
      <c r="AU170" t="s">
        <v>182</v>
      </c>
      <c r="AV170" t="s">
        <v>201</v>
      </c>
      <c r="AZ170" t="s">
        <v>207</v>
      </c>
      <c r="BB170" t="s">
        <v>208</v>
      </c>
      <c r="BC170" t="s">
        <v>209</v>
      </c>
      <c r="BF170" t="s">
        <v>232</v>
      </c>
      <c r="BG170" t="s">
        <v>301</v>
      </c>
      <c r="BH170" t="s">
        <v>247</v>
      </c>
      <c r="BK170" t="s">
        <v>191</v>
      </c>
      <c r="BL170" t="s">
        <v>2579</v>
      </c>
      <c r="BM170" t="s">
        <v>191</v>
      </c>
      <c r="BN170" t="s">
        <v>2580</v>
      </c>
      <c r="BO170" s="1">
        <v>0</v>
      </c>
      <c r="BP170" t="s">
        <v>517</v>
      </c>
    </row>
    <row r="171" spans="1:69" x14ac:dyDescent="0.25">
      <c r="A171" s="1">
        <v>30448494</v>
      </c>
      <c r="B171" t="s">
        <v>1025</v>
      </c>
      <c r="C171" t="s">
        <v>39</v>
      </c>
      <c r="D171" t="s">
        <v>942</v>
      </c>
      <c r="E171" t="s">
        <v>216</v>
      </c>
      <c r="L171" t="s">
        <v>52</v>
      </c>
      <c r="M171" s="1">
        <v>0</v>
      </c>
      <c r="N171" s="1">
        <v>0</v>
      </c>
      <c r="O171" t="s">
        <v>942</v>
      </c>
      <c r="P171" t="s">
        <v>216</v>
      </c>
      <c r="Q171" t="s">
        <v>196</v>
      </c>
      <c r="S171" s="1">
        <v>0</v>
      </c>
      <c r="T171" t="s">
        <v>197</v>
      </c>
      <c r="U171" t="s">
        <v>1026</v>
      </c>
      <c r="W171" t="s">
        <v>262</v>
      </c>
      <c r="Y171" t="s">
        <v>224</v>
      </c>
      <c r="Z171" t="s">
        <v>244</v>
      </c>
      <c r="AC171" t="s">
        <v>180</v>
      </c>
      <c r="AD171" t="s">
        <v>230</v>
      </c>
      <c r="AE171" t="s">
        <v>181</v>
      </c>
      <c r="AF171" t="s">
        <v>175</v>
      </c>
      <c r="AG171" t="s">
        <v>181</v>
      </c>
      <c r="AH171" t="s">
        <v>230</v>
      </c>
      <c r="AI171" t="s">
        <v>230</v>
      </c>
      <c r="AJ171" t="s">
        <v>181</v>
      </c>
      <c r="AK171" t="s">
        <v>230</v>
      </c>
      <c r="AL171" t="s">
        <v>52</v>
      </c>
      <c r="AM171" t="s">
        <v>205</v>
      </c>
      <c r="AN171" t="s">
        <v>182</v>
      </c>
      <c r="AO171" t="s">
        <v>184</v>
      </c>
      <c r="AP171" t="s">
        <v>206</v>
      </c>
      <c r="AQ171" t="s">
        <v>185</v>
      </c>
      <c r="AR171" t="s">
        <v>203</v>
      </c>
      <c r="AS171" t="s">
        <v>183</v>
      </c>
      <c r="AT171" t="s">
        <v>201</v>
      </c>
      <c r="AU171" t="s">
        <v>204</v>
      </c>
      <c r="AV171" t="s">
        <v>202</v>
      </c>
      <c r="AW171" t="s">
        <v>1027</v>
      </c>
      <c r="AX171" t="s">
        <v>186</v>
      </c>
      <c r="AZ171" t="s">
        <v>207</v>
      </c>
      <c r="BC171" t="s">
        <v>209</v>
      </c>
      <c r="BF171" t="s">
        <v>189</v>
      </c>
      <c r="BG171" s="1">
        <v>0</v>
      </c>
      <c r="BH171" t="s">
        <v>211</v>
      </c>
      <c r="BK171" t="s">
        <v>191</v>
      </c>
      <c r="BL171" t="s">
        <v>1028</v>
      </c>
      <c r="BM171" t="s">
        <v>191</v>
      </c>
      <c r="BN171" t="s">
        <v>1029</v>
      </c>
      <c r="BO171" t="s">
        <v>191</v>
      </c>
      <c r="BP171" t="s">
        <v>1030</v>
      </c>
      <c r="BQ171" t="s">
        <v>1031</v>
      </c>
    </row>
    <row r="172" spans="1:69" x14ac:dyDescent="0.25">
      <c r="A172" s="1">
        <v>30448496</v>
      </c>
      <c r="B172" t="s">
        <v>1713</v>
      </c>
      <c r="C172" t="s">
        <v>39</v>
      </c>
      <c r="D172" t="s">
        <v>1616</v>
      </c>
      <c r="E172" t="s">
        <v>216</v>
      </c>
      <c r="L172" t="s">
        <v>52</v>
      </c>
      <c r="M172" s="1">
        <v>0</v>
      </c>
      <c r="N172" s="1">
        <v>0</v>
      </c>
      <c r="O172" t="s">
        <v>1616</v>
      </c>
      <c r="P172" t="s">
        <v>216</v>
      </c>
      <c r="Q172" s="1">
        <v>0</v>
      </c>
      <c r="S172" s="1">
        <v>0</v>
      </c>
      <c r="T172" s="1">
        <v>0</v>
      </c>
      <c r="AC172" s="1">
        <v>0</v>
      </c>
      <c r="AD172" s="1">
        <v>0</v>
      </c>
      <c r="AE172" s="1">
        <v>0</v>
      </c>
      <c r="AF172" s="1">
        <v>0</v>
      </c>
      <c r="AG172" s="1">
        <v>0</v>
      </c>
      <c r="AH172" s="1">
        <v>0</v>
      </c>
      <c r="AI172" s="1">
        <v>0</v>
      </c>
      <c r="AJ172" s="1">
        <v>0</v>
      </c>
      <c r="AK172" s="1">
        <v>0</v>
      </c>
      <c r="AL172" s="1">
        <v>0</v>
      </c>
      <c r="AM172" s="1">
        <v>0</v>
      </c>
      <c r="AN172" s="1">
        <v>0</v>
      </c>
      <c r="AO172" s="1">
        <v>0</v>
      </c>
      <c r="AP172" s="1">
        <v>0</v>
      </c>
      <c r="AQ172" s="1">
        <v>0</v>
      </c>
      <c r="AR172" s="1">
        <v>0</v>
      </c>
      <c r="AS172" s="1">
        <v>0</v>
      </c>
      <c r="AT172" s="1">
        <v>0</v>
      </c>
      <c r="AU172" s="1">
        <v>0</v>
      </c>
      <c r="AV172" s="1">
        <v>0</v>
      </c>
      <c r="BF172" s="1">
        <v>0</v>
      </c>
      <c r="BG172" s="1">
        <v>0</v>
      </c>
      <c r="BH172" s="1">
        <v>0</v>
      </c>
      <c r="BK172" s="1">
        <v>0</v>
      </c>
      <c r="BM172" s="1">
        <v>0</v>
      </c>
      <c r="BO172" s="1">
        <v>0</v>
      </c>
    </row>
    <row r="173" spans="1:69" x14ac:dyDescent="0.25">
      <c r="A173" s="1">
        <v>30448497</v>
      </c>
      <c r="B173" t="s">
        <v>1713</v>
      </c>
      <c r="C173" t="s">
        <v>39</v>
      </c>
      <c r="D173" t="s">
        <v>2512</v>
      </c>
      <c r="E173" t="s">
        <v>200</v>
      </c>
      <c r="L173" t="s">
        <v>52</v>
      </c>
      <c r="M173" s="1">
        <v>0</v>
      </c>
      <c r="N173" s="1">
        <v>0</v>
      </c>
      <c r="O173" t="s">
        <v>2512</v>
      </c>
      <c r="P173" t="s">
        <v>176</v>
      </c>
      <c r="Q173" t="s">
        <v>196</v>
      </c>
      <c r="S173" t="s">
        <v>178</v>
      </c>
      <c r="T173" t="s">
        <v>200</v>
      </c>
      <c r="AC173" t="s">
        <v>180</v>
      </c>
      <c r="AD173" t="s">
        <v>175</v>
      </c>
      <c r="AE173" t="s">
        <v>175</v>
      </c>
      <c r="AF173" t="s">
        <v>175</v>
      </c>
      <c r="AG173" t="s">
        <v>175</v>
      </c>
      <c r="AH173" t="s">
        <v>175</v>
      </c>
      <c r="AI173" t="s">
        <v>175</v>
      </c>
      <c r="AJ173" t="s">
        <v>175</v>
      </c>
      <c r="AK173" t="s">
        <v>175</v>
      </c>
      <c r="AL173" t="s">
        <v>42</v>
      </c>
      <c r="AM173" t="s">
        <v>201</v>
      </c>
      <c r="AN173" t="s">
        <v>206</v>
      </c>
      <c r="AO173" t="s">
        <v>184</v>
      </c>
      <c r="AP173" t="s">
        <v>185</v>
      </c>
      <c r="AQ173" t="s">
        <v>202</v>
      </c>
      <c r="AR173" t="s">
        <v>203</v>
      </c>
      <c r="AS173" t="s">
        <v>204</v>
      </c>
      <c r="AT173" t="s">
        <v>205</v>
      </c>
      <c r="AU173" t="s">
        <v>182</v>
      </c>
      <c r="AV173" t="s">
        <v>183</v>
      </c>
      <c r="AX173" t="s">
        <v>186</v>
      </c>
      <c r="AZ173" t="s">
        <v>207</v>
      </c>
      <c r="BA173" t="s">
        <v>188</v>
      </c>
      <c r="BC173" t="s">
        <v>209</v>
      </c>
      <c r="BF173" t="s">
        <v>210</v>
      </c>
      <c r="BG173" s="1">
        <v>0</v>
      </c>
      <c r="BH173" t="s">
        <v>211</v>
      </c>
      <c r="BK173" t="s">
        <v>191</v>
      </c>
      <c r="BM173" t="s">
        <v>191</v>
      </c>
      <c r="BO173" t="s">
        <v>218</v>
      </c>
    </row>
    <row r="174" spans="1:69" x14ac:dyDescent="0.25">
      <c r="A174" s="1">
        <v>30448498</v>
      </c>
      <c r="B174" t="s">
        <v>3177</v>
      </c>
      <c r="C174" t="s">
        <v>39</v>
      </c>
      <c r="D174" t="s">
        <v>3138</v>
      </c>
      <c r="E174" t="s">
        <v>195</v>
      </c>
      <c r="L174" t="s">
        <v>52</v>
      </c>
      <c r="M174" s="1">
        <v>0</v>
      </c>
      <c r="N174" s="1">
        <v>0</v>
      </c>
      <c r="O174" t="s">
        <v>3139</v>
      </c>
      <c r="P174" t="s">
        <v>176</v>
      </c>
      <c r="Q174" t="s">
        <v>196</v>
      </c>
      <c r="S174" s="1">
        <v>0</v>
      </c>
      <c r="T174" s="1">
        <v>0</v>
      </c>
      <c r="AC174" s="1">
        <v>0</v>
      </c>
      <c r="AD174" s="1">
        <v>0</v>
      </c>
      <c r="AE174" s="1">
        <v>0</v>
      </c>
      <c r="AF174" s="1">
        <v>0</v>
      </c>
      <c r="AG174" s="1">
        <v>0</v>
      </c>
      <c r="AH174" s="1">
        <v>0</v>
      </c>
      <c r="AI174" s="1">
        <v>0</v>
      </c>
      <c r="AJ174" s="1">
        <v>0</v>
      </c>
      <c r="AK174" s="1">
        <v>0</v>
      </c>
      <c r="AL174" s="1">
        <v>0</v>
      </c>
      <c r="AM174" s="1">
        <v>0</v>
      </c>
      <c r="AN174" s="1">
        <v>0</v>
      </c>
      <c r="AO174" s="1">
        <v>0</v>
      </c>
      <c r="AP174" s="1">
        <v>0</v>
      </c>
      <c r="AQ174" s="1">
        <v>0</v>
      </c>
      <c r="AR174" s="1">
        <v>0</v>
      </c>
      <c r="AS174" s="1">
        <v>0</v>
      </c>
      <c r="AT174" s="1">
        <v>0</v>
      </c>
      <c r="AU174" s="1">
        <v>0</v>
      </c>
      <c r="AV174" s="1">
        <v>0</v>
      </c>
      <c r="BF174" s="1">
        <v>0</v>
      </c>
      <c r="BG174" s="1">
        <v>0</v>
      </c>
      <c r="BH174" s="1">
        <v>0</v>
      </c>
      <c r="BK174" s="1">
        <v>0</v>
      </c>
      <c r="BM174" s="1">
        <v>0</v>
      </c>
      <c r="BO174" s="1">
        <v>0</v>
      </c>
    </row>
    <row r="175" spans="1:69" x14ac:dyDescent="0.25">
      <c r="A175" s="1">
        <v>30448500</v>
      </c>
      <c r="B175" t="s">
        <v>3178</v>
      </c>
      <c r="C175" t="s">
        <v>39</v>
      </c>
      <c r="D175" t="s">
        <v>3138</v>
      </c>
      <c r="E175" t="s">
        <v>175</v>
      </c>
      <c r="L175" t="s">
        <v>52</v>
      </c>
      <c r="M175" s="1">
        <v>0</v>
      </c>
      <c r="N175" s="1">
        <v>0</v>
      </c>
      <c r="O175" t="s">
        <v>3139</v>
      </c>
      <c r="P175" t="s">
        <v>176</v>
      </c>
      <c r="Q175" t="s">
        <v>238</v>
      </c>
      <c r="S175" t="s">
        <v>222</v>
      </c>
      <c r="T175" t="s">
        <v>175</v>
      </c>
      <c r="Y175" t="s">
        <v>224</v>
      </c>
      <c r="AC175" t="s">
        <v>225</v>
      </c>
      <c r="AD175" t="s">
        <v>175</v>
      </c>
      <c r="AE175" t="s">
        <v>175</v>
      </c>
      <c r="AF175" t="s">
        <v>175</v>
      </c>
      <c r="AG175" t="s">
        <v>175</v>
      </c>
      <c r="AH175" t="s">
        <v>175</v>
      </c>
      <c r="AI175" t="s">
        <v>175</v>
      </c>
      <c r="AJ175" t="s">
        <v>175</v>
      </c>
      <c r="AK175" t="s">
        <v>175</v>
      </c>
      <c r="AL175" t="s">
        <v>52</v>
      </c>
      <c r="AM175" t="s">
        <v>183</v>
      </c>
      <c r="AN175" t="s">
        <v>206</v>
      </c>
      <c r="AO175" t="s">
        <v>185</v>
      </c>
      <c r="AP175" t="s">
        <v>203</v>
      </c>
      <c r="AQ175" t="s">
        <v>184</v>
      </c>
      <c r="AR175" t="s">
        <v>182</v>
      </c>
      <c r="AS175" t="s">
        <v>202</v>
      </c>
      <c r="AT175" t="s">
        <v>205</v>
      </c>
      <c r="AU175" t="s">
        <v>201</v>
      </c>
      <c r="AV175" t="s">
        <v>204</v>
      </c>
      <c r="AW175" t="s">
        <v>390</v>
      </c>
      <c r="BA175" t="s">
        <v>188</v>
      </c>
      <c r="BF175" t="s">
        <v>292</v>
      </c>
      <c r="BG175" t="s">
        <v>233</v>
      </c>
      <c r="BH175" t="s">
        <v>211</v>
      </c>
      <c r="BK175" t="s">
        <v>191</v>
      </c>
      <c r="BM175" t="s">
        <v>191</v>
      </c>
      <c r="BO175" t="s">
        <v>191</v>
      </c>
    </row>
    <row r="176" spans="1:69" x14ac:dyDescent="0.25">
      <c r="A176" s="1">
        <v>30448501</v>
      </c>
      <c r="B176" t="s">
        <v>321</v>
      </c>
      <c r="C176" t="s">
        <v>39</v>
      </c>
      <c r="D176" t="s">
        <v>174</v>
      </c>
      <c r="E176" t="s">
        <v>175</v>
      </c>
      <c r="L176" t="s">
        <v>52</v>
      </c>
      <c r="M176" s="1">
        <v>0</v>
      </c>
      <c r="N176" s="1">
        <v>0</v>
      </c>
      <c r="O176" t="s">
        <v>174</v>
      </c>
      <c r="P176" t="s">
        <v>216</v>
      </c>
      <c r="Q176" t="s">
        <v>322</v>
      </c>
      <c r="S176" s="1">
        <v>0</v>
      </c>
      <c r="T176" t="s">
        <v>175</v>
      </c>
      <c r="AA176" t="s">
        <v>273</v>
      </c>
      <c r="AC176" t="s">
        <v>199</v>
      </c>
      <c r="AD176" t="s">
        <v>175</v>
      </c>
      <c r="AE176" t="s">
        <v>175</v>
      </c>
      <c r="AF176" t="s">
        <v>181</v>
      </c>
      <c r="AG176" t="s">
        <v>175</v>
      </c>
      <c r="AH176" t="s">
        <v>175</v>
      </c>
      <c r="AI176" t="s">
        <v>175</v>
      </c>
      <c r="AJ176" t="s">
        <v>181</v>
      </c>
      <c r="AK176" t="s">
        <v>175</v>
      </c>
      <c r="AL176" t="s">
        <v>52</v>
      </c>
      <c r="AM176" t="s">
        <v>185</v>
      </c>
      <c r="AN176" t="s">
        <v>204</v>
      </c>
      <c r="AO176" t="s">
        <v>182</v>
      </c>
      <c r="AP176" t="s">
        <v>183</v>
      </c>
      <c r="AQ176" t="s">
        <v>202</v>
      </c>
      <c r="AR176" t="s">
        <v>203</v>
      </c>
      <c r="AS176" t="s">
        <v>184</v>
      </c>
      <c r="AT176" t="s">
        <v>206</v>
      </c>
      <c r="AU176" t="s">
        <v>205</v>
      </c>
      <c r="AV176" t="s">
        <v>201</v>
      </c>
      <c r="AX176" t="s">
        <v>186</v>
      </c>
      <c r="BC176" t="s">
        <v>209</v>
      </c>
      <c r="BF176" t="s">
        <v>292</v>
      </c>
      <c r="BG176" t="s">
        <v>233</v>
      </c>
      <c r="BH176" t="s">
        <v>211</v>
      </c>
      <c r="BK176" t="s">
        <v>191</v>
      </c>
      <c r="BM176" t="s">
        <v>191</v>
      </c>
      <c r="BO176" t="s">
        <v>191</v>
      </c>
    </row>
    <row r="177" spans="1:69" x14ac:dyDescent="0.25">
      <c r="A177" s="1">
        <v>30448502</v>
      </c>
      <c r="B177" t="s">
        <v>3822</v>
      </c>
      <c r="C177" t="s">
        <v>39</v>
      </c>
      <c r="D177" t="s">
        <v>3727</v>
      </c>
      <c r="E177" t="s">
        <v>175</v>
      </c>
      <c r="L177" t="s">
        <v>52</v>
      </c>
      <c r="M177" s="1">
        <v>0</v>
      </c>
      <c r="N177" s="1">
        <v>0</v>
      </c>
      <c r="O177" t="s">
        <v>3728</v>
      </c>
      <c r="P177" t="s">
        <v>176</v>
      </c>
      <c r="Q177" t="s">
        <v>177</v>
      </c>
      <c r="S177" t="s">
        <v>222</v>
      </c>
      <c r="T177" t="s">
        <v>175</v>
      </c>
      <c r="X177" t="s">
        <v>179</v>
      </c>
      <c r="Y177" t="s">
        <v>224</v>
      </c>
      <c r="AC177" t="s">
        <v>225</v>
      </c>
      <c r="AD177" t="s">
        <v>200</v>
      </c>
      <c r="AE177" t="s">
        <v>200</v>
      </c>
      <c r="AF177" t="s">
        <v>200</v>
      </c>
      <c r="AG177" t="s">
        <v>200</v>
      </c>
      <c r="AH177" t="s">
        <v>200</v>
      </c>
      <c r="AI177" t="s">
        <v>200</v>
      </c>
      <c r="AJ177" t="s">
        <v>200</v>
      </c>
      <c r="AK177" t="s">
        <v>200</v>
      </c>
      <c r="AL177" t="s">
        <v>52</v>
      </c>
      <c r="AM177" t="s">
        <v>182</v>
      </c>
      <c r="AN177" t="s">
        <v>205</v>
      </c>
      <c r="AO177" t="s">
        <v>203</v>
      </c>
      <c r="AP177" t="s">
        <v>184</v>
      </c>
      <c r="AQ177" t="s">
        <v>185</v>
      </c>
      <c r="AR177" t="s">
        <v>206</v>
      </c>
      <c r="AS177" t="s">
        <v>183</v>
      </c>
      <c r="AT177" t="s">
        <v>202</v>
      </c>
      <c r="AU177" t="s">
        <v>204</v>
      </c>
      <c r="AV177" t="s">
        <v>201</v>
      </c>
      <c r="AY177" t="s">
        <v>187</v>
      </c>
      <c r="AZ177" t="s">
        <v>207</v>
      </c>
      <c r="BB177" t="s">
        <v>208</v>
      </c>
      <c r="BF177" t="s">
        <v>49</v>
      </c>
      <c r="BG177" s="1">
        <v>0</v>
      </c>
      <c r="BH177" t="s">
        <v>211</v>
      </c>
      <c r="BK177" t="s">
        <v>191</v>
      </c>
      <c r="BL177" t="s">
        <v>3823</v>
      </c>
      <c r="BM177" t="s">
        <v>191</v>
      </c>
      <c r="BN177" t="s">
        <v>3824</v>
      </c>
      <c r="BO177" t="s">
        <v>191</v>
      </c>
      <c r="BP177" t="s">
        <v>3825</v>
      </c>
    </row>
    <row r="178" spans="1:69" x14ac:dyDescent="0.25">
      <c r="A178" s="1">
        <v>30448504</v>
      </c>
      <c r="B178" t="s">
        <v>3179</v>
      </c>
      <c r="C178" t="s">
        <v>39</v>
      </c>
      <c r="D178" t="s">
        <v>3138</v>
      </c>
      <c r="E178" t="s">
        <v>195</v>
      </c>
      <c r="L178" t="s">
        <v>52</v>
      </c>
      <c r="M178" s="1">
        <v>0</v>
      </c>
      <c r="N178" s="1">
        <v>0</v>
      </c>
      <c r="O178" t="s">
        <v>3139</v>
      </c>
      <c r="P178" t="s">
        <v>176</v>
      </c>
      <c r="Q178" t="s">
        <v>273</v>
      </c>
      <c r="R178" t="s">
        <v>3180</v>
      </c>
      <c r="S178" t="s">
        <v>315</v>
      </c>
      <c r="T178" t="s">
        <v>197</v>
      </c>
      <c r="U178" t="s">
        <v>3181</v>
      </c>
      <c r="Y178" t="s">
        <v>224</v>
      </c>
      <c r="AC178" t="s">
        <v>225</v>
      </c>
      <c r="AD178" t="s">
        <v>175</v>
      </c>
      <c r="AE178" t="s">
        <v>175</v>
      </c>
      <c r="AF178" t="s">
        <v>175</v>
      </c>
      <c r="AG178" t="s">
        <v>175</v>
      </c>
      <c r="AH178" t="s">
        <v>200</v>
      </c>
      <c r="AI178" t="s">
        <v>200</v>
      </c>
      <c r="AJ178" t="s">
        <v>175</v>
      </c>
      <c r="AK178" t="s">
        <v>181</v>
      </c>
      <c r="AL178" t="s">
        <v>52</v>
      </c>
      <c r="AM178" t="s">
        <v>185</v>
      </c>
      <c r="AN178" t="s">
        <v>184</v>
      </c>
      <c r="AO178" t="s">
        <v>182</v>
      </c>
      <c r="AP178" t="s">
        <v>183</v>
      </c>
      <c r="AQ178" t="s">
        <v>202</v>
      </c>
      <c r="AR178" t="s">
        <v>204</v>
      </c>
      <c r="AS178" t="s">
        <v>203</v>
      </c>
      <c r="AT178" t="s">
        <v>206</v>
      </c>
      <c r="AU178" t="s">
        <v>201</v>
      </c>
      <c r="AV178" t="s">
        <v>205</v>
      </c>
      <c r="AX178" t="s">
        <v>186</v>
      </c>
      <c r="BC178" t="s">
        <v>209</v>
      </c>
      <c r="BF178" t="s">
        <v>210</v>
      </c>
      <c r="BG178" s="1">
        <v>0</v>
      </c>
      <c r="BH178" t="s">
        <v>247</v>
      </c>
      <c r="BK178" t="s">
        <v>191</v>
      </c>
      <c r="BL178" t="s">
        <v>3182</v>
      </c>
      <c r="BM178" t="s">
        <v>191</v>
      </c>
      <c r="BN178" t="s">
        <v>3183</v>
      </c>
      <c r="BO178" t="s">
        <v>191</v>
      </c>
      <c r="BP178" t="s">
        <v>3184</v>
      </c>
      <c r="BQ178" t="s">
        <v>3185</v>
      </c>
    </row>
    <row r="179" spans="1:69" x14ac:dyDescent="0.25">
      <c r="A179" s="1">
        <v>30448505</v>
      </c>
      <c r="B179" t="s">
        <v>1714</v>
      </c>
      <c r="C179" t="s">
        <v>39</v>
      </c>
      <c r="D179" t="s">
        <v>1616</v>
      </c>
      <c r="E179" t="s">
        <v>175</v>
      </c>
      <c r="L179" t="s">
        <v>52</v>
      </c>
      <c r="M179" s="1">
        <v>0</v>
      </c>
      <c r="N179" s="1">
        <v>0</v>
      </c>
      <c r="O179" t="s">
        <v>1616</v>
      </c>
      <c r="P179" t="s">
        <v>216</v>
      </c>
      <c r="Q179" t="s">
        <v>322</v>
      </c>
      <c r="S179" s="1">
        <v>0</v>
      </c>
      <c r="T179" t="s">
        <v>175</v>
      </c>
      <c r="Y179" t="s">
        <v>224</v>
      </c>
      <c r="AC179" t="s">
        <v>180</v>
      </c>
      <c r="AD179" t="s">
        <v>181</v>
      </c>
      <c r="AE179" t="s">
        <v>181</v>
      </c>
      <c r="AF179" t="s">
        <v>175</v>
      </c>
      <c r="AG179" t="s">
        <v>175</v>
      </c>
      <c r="AH179" t="s">
        <v>200</v>
      </c>
      <c r="AI179" t="s">
        <v>200</v>
      </c>
      <c r="AJ179" t="s">
        <v>181</v>
      </c>
      <c r="AK179" t="s">
        <v>181</v>
      </c>
      <c r="AL179" t="s">
        <v>52</v>
      </c>
      <c r="AM179" t="s">
        <v>185</v>
      </c>
      <c r="AN179" t="s">
        <v>183</v>
      </c>
      <c r="AO179" t="s">
        <v>205</v>
      </c>
      <c r="AP179" t="s">
        <v>184</v>
      </c>
      <c r="AQ179" t="s">
        <v>203</v>
      </c>
      <c r="AR179" t="s">
        <v>202</v>
      </c>
      <c r="AS179" t="s">
        <v>182</v>
      </c>
      <c r="AT179" t="s">
        <v>206</v>
      </c>
      <c r="AU179" t="s">
        <v>201</v>
      </c>
      <c r="AV179" t="s">
        <v>204</v>
      </c>
      <c r="AW179" t="s">
        <v>225</v>
      </c>
      <c r="AX179" t="s">
        <v>186</v>
      </c>
      <c r="AY179" t="s">
        <v>187</v>
      </c>
      <c r="AZ179" t="s">
        <v>207</v>
      </c>
      <c r="BF179" t="s">
        <v>232</v>
      </c>
      <c r="BG179" t="s">
        <v>301</v>
      </c>
      <c r="BH179" t="s">
        <v>302</v>
      </c>
      <c r="BI179" t="s">
        <v>1715</v>
      </c>
      <c r="BK179" t="s">
        <v>191</v>
      </c>
      <c r="BL179" t="s">
        <v>1716</v>
      </c>
      <c r="BM179" t="s">
        <v>191</v>
      </c>
      <c r="BN179" t="s">
        <v>1717</v>
      </c>
      <c r="BO179" t="s">
        <v>191</v>
      </c>
      <c r="BP179" t="s">
        <v>1718</v>
      </c>
    </row>
    <row r="180" spans="1:69" x14ac:dyDescent="0.25">
      <c r="A180" s="1">
        <v>30448507</v>
      </c>
      <c r="B180" t="s">
        <v>1032</v>
      </c>
      <c r="C180" t="s">
        <v>39</v>
      </c>
      <c r="D180" t="s">
        <v>942</v>
      </c>
      <c r="E180" t="s">
        <v>200</v>
      </c>
      <c r="L180" t="s">
        <v>52</v>
      </c>
      <c r="M180" s="1">
        <v>0</v>
      </c>
      <c r="N180" s="1">
        <v>0</v>
      </c>
      <c r="O180" t="s">
        <v>942</v>
      </c>
      <c r="P180" t="s">
        <v>176</v>
      </c>
      <c r="Q180" t="s">
        <v>196</v>
      </c>
      <c r="S180" t="s">
        <v>178</v>
      </c>
      <c r="T180" t="s">
        <v>200</v>
      </c>
      <c r="Y180" t="s">
        <v>224</v>
      </c>
      <c r="AC180" t="s">
        <v>180</v>
      </c>
      <c r="AD180" t="s">
        <v>175</v>
      </c>
      <c r="AE180" t="s">
        <v>175</v>
      </c>
      <c r="AF180" t="s">
        <v>175</v>
      </c>
      <c r="AG180" t="s">
        <v>175</v>
      </c>
      <c r="AH180" t="s">
        <v>175</v>
      </c>
      <c r="AI180" t="s">
        <v>175</v>
      </c>
      <c r="AJ180" t="s">
        <v>175</v>
      </c>
      <c r="AK180" t="s">
        <v>175</v>
      </c>
      <c r="AL180" t="s">
        <v>42</v>
      </c>
      <c r="AM180" t="s">
        <v>205</v>
      </c>
      <c r="AN180" t="s">
        <v>201</v>
      </c>
      <c r="AO180" t="s">
        <v>204</v>
      </c>
      <c r="AP180" t="s">
        <v>202</v>
      </c>
      <c r="AQ180" t="s">
        <v>184</v>
      </c>
      <c r="AR180" t="s">
        <v>185</v>
      </c>
      <c r="AS180" t="s">
        <v>203</v>
      </c>
      <c r="AT180" t="s">
        <v>182</v>
      </c>
      <c r="AU180" t="s">
        <v>183</v>
      </c>
      <c r="AV180" t="s">
        <v>206</v>
      </c>
      <c r="AX180" t="s">
        <v>186</v>
      </c>
      <c r="BF180" t="s">
        <v>292</v>
      </c>
      <c r="BG180" t="s">
        <v>301</v>
      </c>
      <c r="BH180" t="s">
        <v>211</v>
      </c>
      <c r="BK180" t="s">
        <v>191</v>
      </c>
      <c r="BL180" t="s">
        <v>1033</v>
      </c>
      <c r="BM180" t="s">
        <v>218</v>
      </c>
      <c r="BN180" t="s">
        <v>378</v>
      </c>
      <c r="BO180" t="s">
        <v>218</v>
      </c>
      <c r="BP180" t="s">
        <v>1034</v>
      </c>
    </row>
    <row r="181" spans="1:69" x14ac:dyDescent="0.25">
      <c r="A181" s="1">
        <v>30448508</v>
      </c>
      <c r="B181" t="s">
        <v>1719</v>
      </c>
      <c r="C181" t="s">
        <v>39</v>
      </c>
      <c r="D181" t="s">
        <v>1616</v>
      </c>
      <c r="E181" t="s">
        <v>175</v>
      </c>
      <c r="L181" t="s">
        <v>52</v>
      </c>
      <c r="M181" s="1">
        <v>0</v>
      </c>
      <c r="N181" s="1">
        <v>0</v>
      </c>
      <c r="O181" t="s">
        <v>1616</v>
      </c>
      <c r="P181" t="s">
        <v>216</v>
      </c>
      <c r="Q181" t="s">
        <v>322</v>
      </c>
      <c r="S181" s="1">
        <v>0</v>
      </c>
      <c r="T181" t="s">
        <v>175</v>
      </c>
      <c r="Y181" t="s">
        <v>224</v>
      </c>
      <c r="AC181" t="s">
        <v>180</v>
      </c>
      <c r="AD181" t="s">
        <v>175</v>
      </c>
      <c r="AE181" t="s">
        <v>175</v>
      </c>
      <c r="AF181" t="s">
        <v>175</v>
      </c>
      <c r="AG181" t="s">
        <v>175</v>
      </c>
      <c r="AH181" t="s">
        <v>175</v>
      </c>
      <c r="AI181" t="s">
        <v>175</v>
      </c>
      <c r="AJ181" t="s">
        <v>175</v>
      </c>
      <c r="AK181" t="s">
        <v>175</v>
      </c>
      <c r="AL181" t="s">
        <v>42</v>
      </c>
      <c r="AM181" t="s">
        <v>184</v>
      </c>
      <c r="AN181" t="s">
        <v>201</v>
      </c>
      <c r="AO181" t="s">
        <v>185</v>
      </c>
      <c r="AP181" t="s">
        <v>182</v>
      </c>
      <c r="AQ181" t="s">
        <v>203</v>
      </c>
      <c r="AR181" t="s">
        <v>202</v>
      </c>
      <c r="AS181" t="s">
        <v>204</v>
      </c>
      <c r="AT181" t="s">
        <v>183</v>
      </c>
      <c r="AU181" t="s">
        <v>206</v>
      </c>
      <c r="AV181" t="s">
        <v>205</v>
      </c>
      <c r="AX181" t="s">
        <v>186</v>
      </c>
      <c r="AY181" t="s">
        <v>187</v>
      </c>
      <c r="AZ181" t="s">
        <v>207</v>
      </c>
      <c r="BB181" t="s">
        <v>208</v>
      </c>
      <c r="BF181" t="s">
        <v>292</v>
      </c>
      <c r="BG181" t="s">
        <v>276</v>
      </c>
      <c r="BH181" t="s">
        <v>247</v>
      </c>
      <c r="BK181" t="s">
        <v>191</v>
      </c>
      <c r="BL181" t="s">
        <v>1720</v>
      </c>
      <c r="BM181" t="s">
        <v>218</v>
      </c>
      <c r="BN181" t="s">
        <v>1721</v>
      </c>
      <c r="BO181" t="s">
        <v>218</v>
      </c>
      <c r="BP181" t="s">
        <v>1722</v>
      </c>
      <c r="BQ181" t="s">
        <v>1723</v>
      </c>
    </row>
    <row r="182" spans="1:69" x14ac:dyDescent="0.25">
      <c r="A182" s="1">
        <v>30448510</v>
      </c>
      <c r="B182" t="s">
        <v>3826</v>
      </c>
      <c r="C182" t="s">
        <v>39</v>
      </c>
      <c r="D182" t="s">
        <v>3727</v>
      </c>
      <c r="E182" t="s">
        <v>200</v>
      </c>
      <c r="L182" t="s">
        <v>52</v>
      </c>
      <c r="M182" s="1">
        <v>0</v>
      </c>
      <c r="N182" s="1">
        <v>0</v>
      </c>
      <c r="O182" t="s">
        <v>3728</v>
      </c>
      <c r="P182" t="s">
        <v>176</v>
      </c>
      <c r="Q182" t="s">
        <v>196</v>
      </c>
      <c r="S182" t="s">
        <v>315</v>
      </c>
      <c r="T182" t="s">
        <v>200</v>
      </c>
      <c r="AC182" t="s">
        <v>180</v>
      </c>
      <c r="AD182" t="s">
        <v>200</v>
      </c>
      <c r="AE182" t="s">
        <v>200</v>
      </c>
      <c r="AF182" t="s">
        <v>200</v>
      </c>
      <c r="AG182" t="s">
        <v>200</v>
      </c>
      <c r="AH182" t="s">
        <v>175</v>
      </c>
      <c r="AI182" t="s">
        <v>200</v>
      </c>
      <c r="AJ182" t="s">
        <v>200</v>
      </c>
      <c r="AK182" t="s">
        <v>200</v>
      </c>
      <c r="AL182" t="s">
        <v>42</v>
      </c>
      <c r="AM182" s="1">
        <v>0</v>
      </c>
      <c r="AN182" s="1">
        <v>0</v>
      </c>
      <c r="AO182" s="1">
        <v>0</v>
      </c>
      <c r="AP182" s="1">
        <v>0</v>
      </c>
      <c r="AQ182" s="1">
        <v>0</v>
      </c>
      <c r="AR182" s="1">
        <v>0</v>
      </c>
      <c r="AS182" s="1">
        <v>0</v>
      </c>
      <c r="AT182" s="1">
        <v>0</v>
      </c>
      <c r="AU182" s="1">
        <v>0</v>
      </c>
      <c r="AV182" s="1">
        <v>0</v>
      </c>
      <c r="AX182" t="s">
        <v>186</v>
      </c>
      <c r="AY182" t="s">
        <v>187</v>
      </c>
      <c r="AZ182" t="s">
        <v>207</v>
      </c>
      <c r="BA182" t="s">
        <v>188</v>
      </c>
      <c r="BB182" t="s">
        <v>208</v>
      </c>
      <c r="BC182" t="s">
        <v>209</v>
      </c>
      <c r="BF182" t="s">
        <v>210</v>
      </c>
      <c r="BG182" s="1">
        <v>0</v>
      </c>
      <c r="BH182" t="s">
        <v>211</v>
      </c>
      <c r="BK182" t="s">
        <v>191</v>
      </c>
      <c r="BM182" t="s">
        <v>191</v>
      </c>
      <c r="BO182" t="s">
        <v>218</v>
      </c>
    </row>
    <row r="183" spans="1:69" x14ac:dyDescent="0.25">
      <c r="A183" s="1">
        <v>30448511</v>
      </c>
      <c r="B183" t="s">
        <v>1724</v>
      </c>
      <c r="C183" t="s">
        <v>39</v>
      </c>
      <c r="D183" t="s">
        <v>1616</v>
      </c>
      <c r="E183" t="s">
        <v>175</v>
      </c>
      <c r="L183" t="s">
        <v>52</v>
      </c>
      <c r="M183" s="1">
        <v>0</v>
      </c>
      <c r="N183" s="1">
        <v>0</v>
      </c>
      <c r="O183" t="s">
        <v>1616</v>
      </c>
      <c r="P183" t="s">
        <v>216</v>
      </c>
      <c r="Q183" t="s">
        <v>322</v>
      </c>
      <c r="S183" s="1">
        <v>0</v>
      </c>
      <c r="T183" t="s">
        <v>175</v>
      </c>
      <c r="Y183" t="s">
        <v>224</v>
      </c>
      <c r="AC183" t="s">
        <v>180</v>
      </c>
      <c r="AD183" t="s">
        <v>175</v>
      </c>
      <c r="AE183" t="s">
        <v>175</v>
      </c>
      <c r="AF183" t="s">
        <v>175</v>
      </c>
      <c r="AG183" t="s">
        <v>175</v>
      </c>
      <c r="AH183" t="s">
        <v>175</v>
      </c>
      <c r="AI183" t="s">
        <v>175</v>
      </c>
      <c r="AJ183" t="s">
        <v>175</v>
      </c>
      <c r="AK183" t="s">
        <v>175</v>
      </c>
      <c r="AL183" t="s">
        <v>42</v>
      </c>
      <c r="AM183" s="1">
        <v>0</v>
      </c>
      <c r="AN183" s="1">
        <v>0</v>
      </c>
      <c r="AO183" s="1">
        <v>0</v>
      </c>
      <c r="AP183" s="1">
        <v>0</v>
      </c>
      <c r="AQ183" s="1">
        <v>0</v>
      </c>
      <c r="AR183" s="1">
        <v>0</v>
      </c>
      <c r="AS183" s="1">
        <v>0</v>
      </c>
      <c r="AT183" s="1">
        <v>0</v>
      </c>
      <c r="AU183" s="1">
        <v>0</v>
      </c>
      <c r="AV183" s="1">
        <v>0</v>
      </c>
      <c r="BF183" s="1">
        <v>0</v>
      </c>
      <c r="BG183" s="1">
        <v>0</v>
      </c>
      <c r="BH183" s="1">
        <v>0</v>
      </c>
      <c r="BK183" s="1">
        <v>0</v>
      </c>
      <c r="BM183" s="1">
        <v>0</v>
      </c>
      <c r="BO183" s="1">
        <v>0</v>
      </c>
    </row>
    <row r="184" spans="1:69" x14ac:dyDescent="0.25">
      <c r="A184" s="1">
        <v>30448512</v>
      </c>
      <c r="B184" t="s">
        <v>1035</v>
      </c>
      <c r="C184" t="s">
        <v>39</v>
      </c>
      <c r="D184" t="s">
        <v>942</v>
      </c>
      <c r="E184" t="s">
        <v>216</v>
      </c>
      <c r="L184" t="s">
        <v>52</v>
      </c>
      <c r="M184" s="1">
        <v>0</v>
      </c>
      <c r="N184" s="1">
        <v>0</v>
      </c>
      <c r="O184" t="s">
        <v>942</v>
      </c>
      <c r="P184" t="s">
        <v>216</v>
      </c>
      <c r="Q184" t="s">
        <v>177</v>
      </c>
      <c r="S184" s="1">
        <v>0</v>
      </c>
      <c r="T184" s="1">
        <v>0</v>
      </c>
      <c r="Y184" t="s">
        <v>224</v>
      </c>
      <c r="AC184" t="s">
        <v>225</v>
      </c>
      <c r="AD184" t="s">
        <v>181</v>
      </c>
      <c r="AE184" t="s">
        <v>175</v>
      </c>
      <c r="AF184" t="s">
        <v>175</v>
      </c>
      <c r="AG184" t="s">
        <v>181</v>
      </c>
      <c r="AH184" t="s">
        <v>175</v>
      </c>
      <c r="AI184" t="s">
        <v>175</v>
      </c>
      <c r="AJ184" t="s">
        <v>175</v>
      </c>
      <c r="AK184" t="s">
        <v>175</v>
      </c>
      <c r="AL184" t="s">
        <v>52</v>
      </c>
      <c r="AM184" t="s">
        <v>184</v>
      </c>
      <c r="AN184" t="s">
        <v>183</v>
      </c>
      <c r="AO184" t="s">
        <v>206</v>
      </c>
      <c r="AP184" t="s">
        <v>201</v>
      </c>
      <c r="AQ184" t="s">
        <v>202</v>
      </c>
      <c r="AR184" t="s">
        <v>204</v>
      </c>
      <c r="AS184" t="s">
        <v>185</v>
      </c>
      <c r="AT184" t="s">
        <v>182</v>
      </c>
      <c r="AU184" t="s">
        <v>205</v>
      </c>
      <c r="AV184" t="s">
        <v>203</v>
      </c>
      <c r="AX184" t="s">
        <v>186</v>
      </c>
      <c r="AY184" t="s">
        <v>187</v>
      </c>
      <c r="AZ184" t="s">
        <v>207</v>
      </c>
      <c r="BA184" t="s">
        <v>188</v>
      </c>
      <c r="BB184" t="s">
        <v>208</v>
      </c>
      <c r="BC184" t="s">
        <v>209</v>
      </c>
      <c r="BF184" t="s">
        <v>49</v>
      </c>
      <c r="BG184" s="1">
        <v>0</v>
      </c>
      <c r="BH184" t="s">
        <v>211</v>
      </c>
      <c r="BK184" t="s">
        <v>191</v>
      </c>
      <c r="BL184" t="s">
        <v>1036</v>
      </c>
      <c r="BM184" t="s">
        <v>191</v>
      </c>
      <c r="BN184" t="s">
        <v>1037</v>
      </c>
      <c r="BO184" t="s">
        <v>191</v>
      </c>
      <c r="BP184" t="s">
        <v>1038</v>
      </c>
    </row>
    <row r="185" spans="1:69" x14ac:dyDescent="0.25">
      <c r="A185" s="1">
        <v>30448513</v>
      </c>
      <c r="B185" t="s">
        <v>2581</v>
      </c>
      <c r="C185" t="s">
        <v>39</v>
      </c>
      <c r="D185" t="s">
        <v>2512</v>
      </c>
      <c r="E185" t="s">
        <v>175</v>
      </c>
      <c r="L185" t="s">
        <v>52</v>
      </c>
      <c r="M185" s="1">
        <v>0</v>
      </c>
      <c r="N185" s="1">
        <v>0</v>
      </c>
      <c r="O185" t="s">
        <v>2512</v>
      </c>
      <c r="P185" t="s">
        <v>176</v>
      </c>
      <c r="Q185" t="s">
        <v>238</v>
      </c>
      <c r="S185" t="s">
        <v>178</v>
      </c>
      <c r="T185" t="s">
        <v>175</v>
      </c>
      <c r="AC185" t="s">
        <v>199</v>
      </c>
      <c r="AD185" t="s">
        <v>230</v>
      </c>
      <c r="AE185" t="s">
        <v>230</v>
      </c>
      <c r="AF185" t="s">
        <v>230</v>
      </c>
      <c r="AG185" t="s">
        <v>230</v>
      </c>
      <c r="AH185" t="s">
        <v>200</v>
      </c>
      <c r="AI185" t="s">
        <v>200</v>
      </c>
      <c r="AJ185" t="s">
        <v>181</v>
      </c>
      <c r="AK185" t="s">
        <v>181</v>
      </c>
      <c r="AL185" t="s">
        <v>52</v>
      </c>
      <c r="AM185" t="s">
        <v>184</v>
      </c>
      <c r="AN185" t="s">
        <v>201</v>
      </c>
      <c r="AO185" t="s">
        <v>185</v>
      </c>
      <c r="AP185" t="s">
        <v>206</v>
      </c>
      <c r="AQ185" t="s">
        <v>203</v>
      </c>
      <c r="AR185" t="s">
        <v>202</v>
      </c>
      <c r="AS185" t="s">
        <v>182</v>
      </c>
      <c r="AT185" t="s">
        <v>183</v>
      </c>
      <c r="AU185" t="s">
        <v>205</v>
      </c>
      <c r="AV185" t="s">
        <v>204</v>
      </c>
      <c r="AZ185" t="s">
        <v>207</v>
      </c>
      <c r="BC185" t="s">
        <v>209</v>
      </c>
      <c r="BF185" t="s">
        <v>210</v>
      </c>
      <c r="BG185" s="1">
        <v>0</v>
      </c>
      <c r="BH185" t="s">
        <v>211</v>
      </c>
      <c r="BK185" t="s">
        <v>191</v>
      </c>
      <c r="BL185" t="s">
        <v>2582</v>
      </c>
      <c r="BM185" t="s">
        <v>191</v>
      </c>
      <c r="BN185" t="s">
        <v>2583</v>
      </c>
      <c r="BO185" t="s">
        <v>218</v>
      </c>
      <c r="BP185" t="s">
        <v>2584</v>
      </c>
      <c r="BQ185" t="s">
        <v>1238</v>
      </c>
    </row>
    <row r="186" spans="1:69" x14ac:dyDescent="0.25">
      <c r="A186" s="1">
        <v>30448515</v>
      </c>
      <c r="B186" t="s">
        <v>3827</v>
      </c>
      <c r="C186" t="s">
        <v>39</v>
      </c>
      <c r="D186" t="s">
        <v>3727</v>
      </c>
      <c r="E186" t="s">
        <v>200</v>
      </c>
      <c r="L186" t="s">
        <v>52</v>
      </c>
      <c r="M186" s="1">
        <v>0</v>
      </c>
      <c r="N186" s="1">
        <v>0</v>
      </c>
      <c r="O186" t="s">
        <v>3728</v>
      </c>
      <c r="P186" t="s">
        <v>216</v>
      </c>
      <c r="Q186" t="s">
        <v>177</v>
      </c>
      <c r="S186" s="1">
        <v>0</v>
      </c>
      <c r="T186" t="s">
        <v>200</v>
      </c>
      <c r="Y186" t="s">
        <v>224</v>
      </c>
      <c r="AC186" t="s">
        <v>180</v>
      </c>
      <c r="AD186" t="s">
        <v>200</v>
      </c>
      <c r="AE186" t="s">
        <v>200</v>
      </c>
      <c r="AF186" t="s">
        <v>200</v>
      </c>
      <c r="AG186" t="s">
        <v>200</v>
      </c>
      <c r="AH186" t="s">
        <v>200</v>
      </c>
      <c r="AI186" t="s">
        <v>200</v>
      </c>
      <c r="AJ186" t="s">
        <v>200</v>
      </c>
      <c r="AK186" t="s">
        <v>200</v>
      </c>
      <c r="AL186" t="s">
        <v>42</v>
      </c>
      <c r="AM186" t="s">
        <v>182</v>
      </c>
      <c r="AN186" t="s">
        <v>184</v>
      </c>
      <c r="AO186" s="1">
        <v>0</v>
      </c>
      <c r="AP186" s="1">
        <v>0</v>
      </c>
      <c r="AQ186" s="1">
        <v>0</v>
      </c>
      <c r="AR186" s="1">
        <v>0</v>
      </c>
      <c r="AS186" s="1">
        <v>0</v>
      </c>
      <c r="AT186" t="s">
        <v>185</v>
      </c>
      <c r="AU186" s="1">
        <v>0</v>
      </c>
      <c r="AV186" s="1">
        <v>0</v>
      </c>
      <c r="AZ186" t="s">
        <v>207</v>
      </c>
      <c r="BF186" t="s">
        <v>49</v>
      </c>
      <c r="BG186" s="1">
        <v>0</v>
      </c>
      <c r="BH186" t="s">
        <v>464</v>
      </c>
      <c r="BK186" t="s">
        <v>191</v>
      </c>
      <c r="BM186" t="s">
        <v>191</v>
      </c>
      <c r="BO186" t="s">
        <v>218</v>
      </c>
    </row>
    <row r="187" spans="1:69" x14ac:dyDescent="0.25">
      <c r="A187" s="1">
        <v>30448517</v>
      </c>
      <c r="B187" t="s">
        <v>323</v>
      </c>
      <c r="C187" t="s">
        <v>39</v>
      </c>
      <c r="D187" t="s">
        <v>174</v>
      </c>
      <c r="E187" t="s">
        <v>175</v>
      </c>
      <c r="L187" t="s">
        <v>52</v>
      </c>
      <c r="M187" s="1">
        <v>0</v>
      </c>
      <c r="N187" s="1">
        <v>0</v>
      </c>
      <c r="O187" t="s">
        <v>174</v>
      </c>
      <c r="P187" t="s">
        <v>176</v>
      </c>
      <c r="Q187" t="s">
        <v>238</v>
      </c>
      <c r="S187" t="s">
        <v>178</v>
      </c>
      <c r="T187" t="s">
        <v>175</v>
      </c>
      <c r="Y187" t="s">
        <v>224</v>
      </c>
      <c r="AC187" t="s">
        <v>180</v>
      </c>
      <c r="AD187" t="s">
        <v>175</v>
      </c>
      <c r="AE187" t="s">
        <v>175</v>
      </c>
      <c r="AF187" t="s">
        <v>175</v>
      </c>
      <c r="AG187" t="s">
        <v>175</v>
      </c>
      <c r="AH187" t="s">
        <v>175</v>
      </c>
      <c r="AI187" t="s">
        <v>175</v>
      </c>
      <c r="AJ187" t="s">
        <v>175</v>
      </c>
      <c r="AK187" t="s">
        <v>175</v>
      </c>
      <c r="AL187" t="s">
        <v>42</v>
      </c>
      <c r="AM187" t="s">
        <v>184</v>
      </c>
      <c r="AN187" t="s">
        <v>201</v>
      </c>
      <c r="AO187" t="s">
        <v>182</v>
      </c>
      <c r="AP187" t="s">
        <v>185</v>
      </c>
      <c r="AQ187" t="s">
        <v>203</v>
      </c>
      <c r="AR187" t="s">
        <v>202</v>
      </c>
      <c r="AS187" t="s">
        <v>204</v>
      </c>
      <c r="AT187" t="s">
        <v>205</v>
      </c>
      <c r="AU187" t="s">
        <v>206</v>
      </c>
      <c r="AV187" t="s">
        <v>183</v>
      </c>
      <c r="AY187" t="s">
        <v>187</v>
      </c>
      <c r="BA187" t="s">
        <v>188</v>
      </c>
      <c r="BB187" t="s">
        <v>208</v>
      </c>
      <c r="BC187" t="s">
        <v>209</v>
      </c>
      <c r="BF187" t="s">
        <v>49</v>
      </c>
      <c r="BG187" s="1">
        <v>0</v>
      </c>
      <c r="BH187" t="s">
        <v>247</v>
      </c>
      <c r="BK187" t="s">
        <v>191</v>
      </c>
      <c r="BL187" t="s">
        <v>324</v>
      </c>
      <c r="BM187" t="s">
        <v>191</v>
      </c>
      <c r="BN187" t="s">
        <v>325</v>
      </c>
      <c r="BO187" t="s">
        <v>191</v>
      </c>
      <c r="BP187" t="s">
        <v>326</v>
      </c>
    </row>
    <row r="188" spans="1:69" x14ac:dyDescent="0.25">
      <c r="A188" s="1">
        <v>30448518</v>
      </c>
      <c r="B188" t="s">
        <v>1039</v>
      </c>
      <c r="C188" t="s">
        <v>39</v>
      </c>
      <c r="D188" t="s">
        <v>942</v>
      </c>
      <c r="E188" t="s">
        <v>175</v>
      </c>
      <c r="L188" t="s">
        <v>52</v>
      </c>
      <c r="M188" s="1">
        <v>0</v>
      </c>
      <c r="N188" s="1">
        <v>0</v>
      </c>
      <c r="O188" t="s">
        <v>942</v>
      </c>
      <c r="P188" t="s">
        <v>176</v>
      </c>
      <c r="Q188" t="s">
        <v>177</v>
      </c>
      <c r="S188" t="s">
        <v>178</v>
      </c>
      <c r="T188" t="s">
        <v>175</v>
      </c>
      <c r="V188" t="s">
        <v>397</v>
      </c>
      <c r="X188" t="s">
        <v>179</v>
      </c>
      <c r="Y188" t="s">
        <v>224</v>
      </c>
      <c r="AC188" t="s">
        <v>180</v>
      </c>
      <c r="AD188" t="s">
        <v>200</v>
      </c>
      <c r="AE188" t="s">
        <v>200</v>
      </c>
      <c r="AF188" t="s">
        <v>200</v>
      </c>
      <c r="AG188" t="s">
        <v>181</v>
      </c>
      <c r="AH188" t="s">
        <v>200</v>
      </c>
      <c r="AI188" t="s">
        <v>200</v>
      </c>
      <c r="AJ188" t="s">
        <v>175</v>
      </c>
      <c r="AK188" t="s">
        <v>200</v>
      </c>
      <c r="AL188" t="s">
        <v>42</v>
      </c>
      <c r="AM188" t="s">
        <v>182</v>
      </c>
      <c r="AN188" t="s">
        <v>204</v>
      </c>
      <c r="AO188" t="s">
        <v>183</v>
      </c>
      <c r="AP188" t="s">
        <v>201</v>
      </c>
      <c r="AQ188" t="s">
        <v>202</v>
      </c>
      <c r="AR188" t="s">
        <v>206</v>
      </c>
      <c r="AS188" t="s">
        <v>184</v>
      </c>
      <c r="AT188" t="s">
        <v>203</v>
      </c>
      <c r="AU188" t="s">
        <v>205</v>
      </c>
      <c r="AV188" t="s">
        <v>185</v>
      </c>
      <c r="AZ188" t="s">
        <v>207</v>
      </c>
      <c r="BF188" t="s">
        <v>232</v>
      </c>
      <c r="BG188" t="s">
        <v>315</v>
      </c>
      <c r="BH188" t="s">
        <v>211</v>
      </c>
      <c r="BK188" t="s">
        <v>191</v>
      </c>
      <c r="BM188" t="s">
        <v>191</v>
      </c>
      <c r="BO188" t="s">
        <v>191</v>
      </c>
    </row>
    <row r="189" spans="1:69" x14ac:dyDescent="0.25">
      <c r="A189" s="1">
        <v>30448519</v>
      </c>
      <c r="B189" t="s">
        <v>1040</v>
      </c>
      <c r="C189" t="s">
        <v>39</v>
      </c>
      <c r="D189" t="s">
        <v>942</v>
      </c>
      <c r="E189" t="s">
        <v>175</v>
      </c>
      <c r="L189" t="s">
        <v>52</v>
      </c>
      <c r="M189" s="1">
        <v>0</v>
      </c>
      <c r="N189" s="1">
        <v>0</v>
      </c>
      <c r="O189" t="s">
        <v>942</v>
      </c>
      <c r="P189" t="s">
        <v>176</v>
      </c>
      <c r="Q189" t="s">
        <v>196</v>
      </c>
      <c r="S189" t="s">
        <v>222</v>
      </c>
      <c r="T189" t="s">
        <v>175</v>
      </c>
      <c r="AA189" t="s">
        <v>273</v>
      </c>
      <c r="AB189" t="s">
        <v>1041</v>
      </c>
      <c r="AC189" t="s">
        <v>180</v>
      </c>
      <c r="AD189" t="s">
        <v>200</v>
      </c>
      <c r="AE189" t="s">
        <v>200</v>
      </c>
      <c r="AF189" t="s">
        <v>230</v>
      </c>
      <c r="AG189" t="s">
        <v>230</v>
      </c>
      <c r="AH189" t="s">
        <v>200</v>
      </c>
      <c r="AI189" t="s">
        <v>200</v>
      </c>
      <c r="AJ189" t="s">
        <v>200</v>
      </c>
      <c r="AK189" t="s">
        <v>200</v>
      </c>
      <c r="AL189" t="s">
        <v>42</v>
      </c>
      <c r="AM189" t="s">
        <v>206</v>
      </c>
      <c r="AN189" t="s">
        <v>183</v>
      </c>
      <c r="AO189" t="s">
        <v>185</v>
      </c>
      <c r="AP189" t="s">
        <v>184</v>
      </c>
      <c r="AQ189" t="s">
        <v>204</v>
      </c>
      <c r="AR189" t="s">
        <v>202</v>
      </c>
      <c r="AS189" t="s">
        <v>203</v>
      </c>
      <c r="AT189" t="s">
        <v>182</v>
      </c>
      <c r="AU189" t="s">
        <v>201</v>
      </c>
      <c r="AV189" t="s">
        <v>205</v>
      </c>
      <c r="AZ189" t="s">
        <v>207</v>
      </c>
      <c r="BF189" t="s">
        <v>210</v>
      </c>
      <c r="BG189" s="1">
        <v>0</v>
      </c>
      <c r="BH189" t="s">
        <v>247</v>
      </c>
      <c r="BK189" t="s">
        <v>191</v>
      </c>
      <c r="BL189" t="s">
        <v>1042</v>
      </c>
      <c r="BM189" t="s">
        <v>191</v>
      </c>
      <c r="BN189" t="s">
        <v>1043</v>
      </c>
      <c r="BO189" t="s">
        <v>191</v>
      </c>
      <c r="BP189" t="s">
        <v>1044</v>
      </c>
    </row>
    <row r="190" spans="1:69" x14ac:dyDescent="0.25">
      <c r="A190" s="1">
        <v>30448520</v>
      </c>
      <c r="B190" t="s">
        <v>3186</v>
      </c>
      <c r="C190" t="s">
        <v>39</v>
      </c>
      <c r="D190" t="s">
        <v>3138</v>
      </c>
      <c r="E190" t="s">
        <v>195</v>
      </c>
      <c r="L190" t="s">
        <v>52</v>
      </c>
      <c r="M190" s="1">
        <v>0</v>
      </c>
      <c r="N190" s="1">
        <v>0</v>
      </c>
      <c r="O190" t="s">
        <v>3139</v>
      </c>
      <c r="P190" t="s">
        <v>176</v>
      </c>
      <c r="Q190" t="s">
        <v>238</v>
      </c>
      <c r="S190" t="s">
        <v>178</v>
      </c>
      <c r="T190" t="s">
        <v>197</v>
      </c>
      <c r="U190" t="s">
        <v>3187</v>
      </c>
      <c r="AA190" t="s">
        <v>273</v>
      </c>
      <c r="AB190" t="s">
        <v>3188</v>
      </c>
      <c r="AC190" t="s">
        <v>225</v>
      </c>
      <c r="AD190" t="s">
        <v>181</v>
      </c>
      <c r="AE190" t="s">
        <v>181</v>
      </c>
      <c r="AF190" t="s">
        <v>181</v>
      </c>
      <c r="AG190" t="s">
        <v>181</v>
      </c>
      <c r="AH190" t="s">
        <v>181</v>
      </c>
      <c r="AI190" t="s">
        <v>181</v>
      </c>
      <c r="AJ190" t="s">
        <v>181</v>
      </c>
      <c r="AK190" t="s">
        <v>181</v>
      </c>
      <c r="AL190" t="s">
        <v>42</v>
      </c>
      <c r="AM190" t="s">
        <v>183</v>
      </c>
      <c r="AN190" t="s">
        <v>185</v>
      </c>
      <c r="AO190" t="s">
        <v>201</v>
      </c>
      <c r="AP190" t="s">
        <v>206</v>
      </c>
      <c r="AQ190" s="1">
        <v>0</v>
      </c>
      <c r="AR190" s="1">
        <v>0</v>
      </c>
      <c r="AS190" s="1">
        <v>0</v>
      </c>
      <c r="AT190" t="s">
        <v>182</v>
      </c>
      <c r="AU190" t="s">
        <v>184</v>
      </c>
      <c r="AV190" s="1">
        <v>0</v>
      </c>
      <c r="BF190" t="s">
        <v>210</v>
      </c>
      <c r="BG190" s="1">
        <v>0</v>
      </c>
      <c r="BH190" t="s">
        <v>211</v>
      </c>
      <c r="BK190" t="s">
        <v>191</v>
      </c>
      <c r="BL190" t="s">
        <v>3189</v>
      </c>
      <c r="BM190" s="1">
        <v>0</v>
      </c>
      <c r="BO190" t="s">
        <v>218</v>
      </c>
      <c r="BQ190" t="s">
        <v>3190</v>
      </c>
    </row>
    <row r="191" spans="1:69" x14ac:dyDescent="0.25">
      <c r="A191" s="1">
        <v>30448521</v>
      </c>
      <c r="B191" t="s">
        <v>3828</v>
      </c>
      <c r="C191" t="s">
        <v>39</v>
      </c>
      <c r="D191" t="s">
        <v>3727</v>
      </c>
      <c r="E191" t="s">
        <v>200</v>
      </c>
      <c r="L191" t="s">
        <v>52</v>
      </c>
      <c r="M191" s="1">
        <v>0</v>
      </c>
      <c r="N191" s="1">
        <v>0</v>
      </c>
      <c r="O191" t="s">
        <v>3728</v>
      </c>
      <c r="P191" t="s">
        <v>176</v>
      </c>
      <c r="Q191" t="s">
        <v>196</v>
      </c>
      <c r="S191" t="s">
        <v>178</v>
      </c>
      <c r="T191" t="s">
        <v>200</v>
      </c>
      <c r="W191" t="s">
        <v>262</v>
      </c>
      <c r="AC191" t="s">
        <v>180</v>
      </c>
      <c r="AD191" t="s">
        <v>200</v>
      </c>
      <c r="AE191" t="s">
        <v>200</v>
      </c>
      <c r="AF191" t="s">
        <v>200</v>
      </c>
      <c r="AG191" t="s">
        <v>175</v>
      </c>
      <c r="AH191" s="1">
        <v>0</v>
      </c>
      <c r="AI191" t="s">
        <v>175</v>
      </c>
      <c r="AJ191" t="s">
        <v>175</v>
      </c>
      <c r="AK191" t="s">
        <v>175</v>
      </c>
      <c r="AL191" t="s">
        <v>52</v>
      </c>
      <c r="AM191" s="1">
        <v>0</v>
      </c>
      <c r="AN191" s="1">
        <v>0</v>
      </c>
      <c r="AO191" s="1">
        <v>0</v>
      </c>
      <c r="AP191" s="1">
        <v>0</v>
      </c>
      <c r="AQ191" s="1">
        <v>0</v>
      </c>
      <c r="AR191" s="1">
        <v>0</v>
      </c>
      <c r="AS191" s="1">
        <v>0</v>
      </c>
      <c r="AT191" s="1">
        <v>0</v>
      </c>
      <c r="AU191" s="1">
        <v>0</v>
      </c>
      <c r="AV191" s="1">
        <v>0</v>
      </c>
      <c r="BF191" s="1">
        <v>0</v>
      </c>
      <c r="BG191" s="1">
        <v>0</v>
      </c>
      <c r="BH191" s="1">
        <v>0</v>
      </c>
      <c r="BK191" s="1">
        <v>0</v>
      </c>
      <c r="BM191" s="1">
        <v>0</v>
      </c>
      <c r="BO191" s="1">
        <v>0</v>
      </c>
    </row>
    <row r="192" spans="1:69" x14ac:dyDescent="0.25">
      <c r="A192" s="1">
        <v>30448522</v>
      </c>
      <c r="B192" t="s">
        <v>3191</v>
      </c>
      <c r="C192" t="s">
        <v>39</v>
      </c>
      <c r="D192" t="s">
        <v>3138</v>
      </c>
      <c r="E192" t="s">
        <v>175</v>
      </c>
      <c r="L192" t="s">
        <v>52</v>
      </c>
      <c r="M192" s="1">
        <v>0</v>
      </c>
      <c r="N192" s="1">
        <v>0</v>
      </c>
      <c r="O192" t="s">
        <v>3139</v>
      </c>
      <c r="P192" t="s">
        <v>176</v>
      </c>
      <c r="Q192" t="s">
        <v>238</v>
      </c>
      <c r="S192" t="s">
        <v>178</v>
      </c>
      <c r="T192" t="s">
        <v>175</v>
      </c>
      <c r="X192" t="s">
        <v>179</v>
      </c>
      <c r="AC192" t="s">
        <v>180</v>
      </c>
      <c r="AD192" t="s">
        <v>175</v>
      </c>
      <c r="AE192" t="s">
        <v>175</v>
      </c>
      <c r="AF192" t="s">
        <v>175</v>
      </c>
      <c r="AG192" t="s">
        <v>175</v>
      </c>
      <c r="AH192" t="s">
        <v>175</v>
      </c>
      <c r="AI192" t="s">
        <v>175</v>
      </c>
      <c r="AJ192" t="s">
        <v>175</v>
      </c>
      <c r="AK192" t="s">
        <v>175</v>
      </c>
      <c r="AL192" t="s">
        <v>42</v>
      </c>
      <c r="AM192" t="s">
        <v>182</v>
      </c>
      <c r="AN192" t="s">
        <v>205</v>
      </c>
      <c r="AO192" t="s">
        <v>184</v>
      </c>
      <c r="AP192" t="s">
        <v>185</v>
      </c>
      <c r="AQ192" t="s">
        <v>201</v>
      </c>
      <c r="AR192" t="s">
        <v>183</v>
      </c>
      <c r="AS192" t="s">
        <v>203</v>
      </c>
      <c r="AT192" t="s">
        <v>204</v>
      </c>
      <c r="AU192" t="s">
        <v>202</v>
      </c>
      <c r="AV192" t="s">
        <v>206</v>
      </c>
      <c r="AX192" t="s">
        <v>186</v>
      </c>
      <c r="AY192" t="s">
        <v>187</v>
      </c>
      <c r="AZ192" t="s">
        <v>207</v>
      </c>
      <c r="BF192" t="s">
        <v>189</v>
      </c>
      <c r="BG192" s="1">
        <v>0</v>
      </c>
      <c r="BH192" t="s">
        <v>211</v>
      </c>
      <c r="BK192" t="s">
        <v>191</v>
      </c>
      <c r="BM192" t="s">
        <v>191</v>
      </c>
      <c r="BO192" t="s">
        <v>191</v>
      </c>
    </row>
    <row r="193" spans="1:69" x14ac:dyDescent="0.25">
      <c r="A193" s="1">
        <v>30448523</v>
      </c>
      <c r="B193" t="s">
        <v>3191</v>
      </c>
      <c r="C193" t="s">
        <v>39</v>
      </c>
      <c r="D193" t="s">
        <v>3138</v>
      </c>
      <c r="E193" t="s">
        <v>195</v>
      </c>
      <c r="L193" t="s">
        <v>52</v>
      </c>
      <c r="M193" s="1">
        <v>0</v>
      </c>
      <c r="N193" s="1">
        <v>0</v>
      </c>
      <c r="O193" t="s">
        <v>3139</v>
      </c>
      <c r="P193" t="s">
        <v>176</v>
      </c>
      <c r="Q193" t="s">
        <v>196</v>
      </c>
      <c r="S193" t="s">
        <v>222</v>
      </c>
      <c r="T193" t="s">
        <v>49</v>
      </c>
      <c r="Y193" t="s">
        <v>224</v>
      </c>
      <c r="AC193" t="s">
        <v>199</v>
      </c>
      <c r="AD193" t="s">
        <v>175</v>
      </c>
      <c r="AE193" t="s">
        <v>175</v>
      </c>
      <c r="AF193" t="s">
        <v>175</v>
      </c>
      <c r="AG193" t="s">
        <v>181</v>
      </c>
      <c r="AH193" t="s">
        <v>175</v>
      </c>
      <c r="AI193" t="s">
        <v>175</v>
      </c>
      <c r="AJ193" t="s">
        <v>175</v>
      </c>
      <c r="AK193" t="s">
        <v>175</v>
      </c>
      <c r="AL193" t="s">
        <v>42</v>
      </c>
      <c r="AM193" t="s">
        <v>184</v>
      </c>
      <c r="AN193" t="s">
        <v>201</v>
      </c>
      <c r="AO193" t="s">
        <v>183</v>
      </c>
      <c r="AP193" t="s">
        <v>202</v>
      </c>
      <c r="AQ193" t="s">
        <v>205</v>
      </c>
      <c r="AR193" t="s">
        <v>206</v>
      </c>
      <c r="AS193" t="s">
        <v>203</v>
      </c>
      <c r="AT193" t="s">
        <v>182</v>
      </c>
      <c r="AU193" t="s">
        <v>185</v>
      </c>
      <c r="AV193" t="s">
        <v>204</v>
      </c>
      <c r="AX193" t="s">
        <v>186</v>
      </c>
      <c r="BA193" t="s">
        <v>188</v>
      </c>
      <c r="BC193" t="s">
        <v>209</v>
      </c>
      <c r="BF193" t="s">
        <v>232</v>
      </c>
      <c r="BG193" t="s">
        <v>233</v>
      </c>
      <c r="BH193" t="s">
        <v>211</v>
      </c>
      <c r="BK193" t="s">
        <v>191</v>
      </c>
      <c r="BL193" t="s">
        <v>3192</v>
      </c>
      <c r="BM193" t="s">
        <v>218</v>
      </c>
      <c r="BN193" t="s">
        <v>3193</v>
      </c>
      <c r="BO193" t="s">
        <v>191</v>
      </c>
    </row>
    <row r="194" spans="1:69" x14ac:dyDescent="0.25">
      <c r="A194" s="1">
        <v>30448524</v>
      </c>
      <c r="B194" t="s">
        <v>3829</v>
      </c>
      <c r="C194" t="s">
        <v>39</v>
      </c>
      <c r="D194" t="s">
        <v>3727</v>
      </c>
      <c r="E194" t="s">
        <v>175</v>
      </c>
      <c r="L194" t="s">
        <v>52</v>
      </c>
      <c r="M194" s="1">
        <v>0</v>
      </c>
      <c r="N194" s="1">
        <v>0</v>
      </c>
      <c r="O194" t="s">
        <v>3728</v>
      </c>
      <c r="P194" t="s">
        <v>216</v>
      </c>
      <c r="Q194" t="s">
        <v>196</v>
      </c>
      <c r="S194" s="1">
        <v>0</v>
      </c>
      <c r="T194" t="s">
        <v>175</v>
      </c>
      <c r="Y194" t="s">
        <v>224</v>
      </c>
      <c r="AC194" t="s">
        <v>199</v>
      </c>
      <c r="AD194" t="s">
        <v>175</v>
      </c>
      <c r="AE194" t="s">
        <v>175</v>
      </c>
      <c r="AF194" t="s">
        <v>175</v>
      </c>
      <c r="AG194" t="s">
        <v>181</v>
      </c>
      <c r="AH194" t="s">
        <v>200</v>
      </c>
      <c r="AI194" t="s">
        <v>175</v>
      </c>
      <c r="AJ194" t="s">
        <v>181</v>
      </c>
      <c r="AK194" t="s">
        <v>175</v>
      </c>
      <c r="AL194" t="s">
        <v>52</v>
      </c>
      <c r="AM194" t="s">
        <v>184</v>
      </c>
      <c r="AN194" t="s">
        <v>183</v>
      </c>
      <c r="AO194" t="s">
        <v>205</v>
      </c>
      <c r="AP194" t="s">
        <v>185</v>
      </c>
      <c r="AQ194" t="s">
        <v>203</v>
      </c>
      <c r="AR194" t="s">
        <v>202</v>
      </c>
      <c r="AS194" t="s">
        <v>182</v>
      </c>
      <c r="AT194" t="s">
        <v>206</v>
      </c>
      <c r="AU194" t="s">
        <v>201</v>
      </c>
      <c r="AV194" t="s">
        <v>204</v>
      </c>
      <c r="AX194" t="s">
        <v>186</v>
      </c>
      <c r="BA194" t="s">
        <v>188</v>
      </c>
      <c r="BC194" t="s">
        <v>209</v>
      </c>
      <c r="BF194" t="s">
        <v>292</v>
      </c>
      <c r="BG194" t="s">
        <v>233</v>
      </c>
      <c r="BH194" t="s">
        <v>211</v>
      </c>
      <c r="BK194" t="s">
        <v>191</v>
      </c>
      <c r="BL194" t="s">
        <v>3830</v>
      </c>
      <c r="BM194" t="s">
        <v>191</v>
      </c>
      <c r="BN194" t="s">
        <v>3831</v>
      </c>
      <c r="BO194" t="s">
        <v>191</v>
      </c>
      <c r="BP194" t="s">
        <v>1237</v>
      </c>
    </row>
    <row r="195" spans="1:69" x14ac:dyDescent="0.25">
      <c r="A195" s="1">
        <v>30448526</v>
      </c>
      <c r="B195" t="s">
        <v>327</v>
      </c>
      <c r="C195" t="s">
        <v>39</v>
      </c>
      <c r="D195" t="s">
        <v>174</v>
      </c>
      <c r="E195" t="s">
        <v>200</v>
      </c>
      <c r="L195" t="s">
        <v>52</v>
      </c>
      <c r="M195" s="1">
        <v>0</v>
      </c>
      <c r="N195" s="1">
        <v>0</v>
      </c>
      <c r="O195" t="s">
        <v>174</v>
      </c>
      <c r="P195" t="s">
        <v>216</v>
      </c>
      <c r="Q195" t="s">
        <v>328</v>
      </c>
      <c r="S195" s="1">
        <v>0</v>
      </c>
      <c r="T195" t="s">
        <v>200</v>
      </c>
      <c r="Y195" t="s">
        <v>224</v>
      </c>
      <c r="AC195" t="s">
        <v>180</v>
      </c>
      <c r="AD195" t="s">
        <v>200</v>
      </c>
      <c r="AE195" t="s">
        <v>200</v>
      </c>
      <c r="AF195" t="s">
        <v>200</v>
      </c>
      <c r="AG195" t="s">
        <v>200</v>
      </c>
      <c r="AH195" t="s">
        <v>200</v>
      </c>
      <c r="AI195" t="s">
        <v>200</v>
      </c>
      <c r="AJ195" t="s">
        <v>200</v>
      </c>
      <c r="AK195" t="s">
        <v>200</v>
      </c>
      <c r="AL195" t="s">
        <v>42</v>
      </c>
      <c r="AM195" t="s">
        <v>182</v>
      </c>
      <c r="AN195" t="s">
        <v>205</v>
      </c>
      <c r="AO195" t="s">
        <v>201</v>
      </c>
      <c r="AP195" t="s">
        <v>203</v>
      </c>
      <c r="AQ195" t="s">
        <v>183</v>
      </c>
      <c r="AR195" t="s">
        <v>184</v>
      </c>
      <c r="AS195" t="s">
        <v>202</v>
      </c>
      <c r="AT195" t="s">
        <v>204</v>
      </c>
      <c r="AU195" t="s">
        <v>206</v>
      </c>
      <c r="AV195" t="s">
        <v>185</v>
      </c>
      <c r="AY195" t="s">
        <v>187</v>
      </c>
      <c r="AZ195" t="s">
        <v>207</v>
      </c>
      <c r="BA195" t="s">
        <v>188</v>
      </c>
      <c r="BF195" t="s">
        <v>292</v>
      </c>
      <c r="BG195" t="s">
        <v>301</v>
      </c>
      <c r="BH195" t="s">
        <v>302</v>
      </c>
      <c r="BK195" t="s">
        <v>191</v>
      </c>
      <c r="BM195" t="s">
        <v>218</v>
      </c>
      <c r="BO195" t="s">
        <v>218</v>
      </c>
    </row>
    <row r="196" spans="1:69" x14ac:dyDescent="0.25">
      <c r="A196" s="1">
        <v>30448529</v>
      </c>
      <c r="B196" t="s">
        <v>329</v>
      </c>
      <c r="C196" t="s">
        <v>39</v>
      </c>
      <c r="D196" t="s">
        <v>174</v>
      </c>
      <c r="E196" t="s">
        <v>216</v>
      </c>
      <c r="L196" t="s">
        <v>52</v>
      </c>
      <c r="M196" s="1">
        <v>0</v>
      </c>
      <c r="N196" s="1">
        <v>0</v>
      </c>
      <c r="O196" t="s">
        <v>174</v>
      </c>
      <c r="P196" t="s">
        <v>216</v>
      </c>
      <c r="Q196" t="s">
        <v>196</v>
      </c>
      <c r="S196" s="1">
        <v>0</v>
      </c>
      <c r="T196" t="s">
        <v>197</v>
      </c>
      <c r="U196" t="s">
        <v>330</v>
      </c>
      <c r="X196" t="s">
        <v>179</v>
      </c>
      <c r="AC196" t="s">
        <v>180</v>
      </c>
      <c r="AD196" t="s">
        <v>175</v>
      </c>
      <c r="AE196" t="s">
        <v>181</v>
      </c>
      <c r="AF196" t="s">
        <v>230</v>
      </c>
      <c r="AG196" t="s">
        <v>181</v>
      </c>
      <c r="AH196" t="s">
        <v>175</v>
      </c>
      <c r="AI196" t="s">
        <v>175</v>
      </c>
      <c r="AJ196" t="s">
        <v>175</v>
      </c>
      <c r="AK196" t="s">
        <v>181</v>
      </c>
      <c r="AL196" t="s">
        <v>52</v>
      </c>
      <c r="AM196" t="s">
        <v>183</v>
      </c>
      <c r="AN196" t="s">
        <v>206</v>
      </c>
      <c r="AO196" t="s">
        <v>185</v>
      </c>
      <c r="AP196" t="s">
        <v>184</v>
      </c>
      <c r="AQ196" t="s">
        <v>203</v>
      </c>
      <c r="AR196" t="s">
        <v>202</v>
      </c>
      <c r="AS196" t="s">
        <v>182</v>
      </c>
      <c r="AT196" t="s">
        <v>205</v>
      </c>
      <c r="AU196" t="s">
        <v>204</v>
      </c>
      <c r="AV196" t="s">
        <v>201</v>
      </c>
      <c r="AW196" t="s">
        <v>331</v>
      </c>
      <c r="AX196" t="s">
        <v>186</v>
      </c>
      <c r="AY196" t="s">
        <v>187</v>
      </c>
      <c r="AZ196" t="s">
        <v>207</v>
      </c>
      <c r="BB196" t="s">
        <v>208</v>
      </c>
      <c r="BF196" t="s">
        <v>210</v>
      </c>
      <c r="BG196" s="1">
        <v>0</v>
      </c>
      <c r="BH196" t="s">
        <v>211</v>
      </c>
      <c r="BK196" t="s">
        <v>191</v>
      </c>
      <c r="BL196" t="s">
        <v>332</v>
      </c>
      <c r="BM196" t="s">
        <v>191</v>
      </c>
      <c r="BN196" t="s">
        <v>333</v>
      </c>
      <c r="BO196" t="s">
        <v>191</v>
      </c>
      <c r="BP196" t="s">
        <v>334</v>
      </c>
      <c r="BQ196" t="s">
        <v>335</v>
      </c>
    </row>
    <row r="197" spans="1:69" x14ac:dyDescent="0.25">
      <c r="A197" s="1">
        <v>30448532</v>
      </c>
      <c r="B197" t="s">
        <v>3832</v>
      </c>
      <c r="C197" t="s">
        <v>39</v>
      </c>
      <c r="D197" t="s">
        <v>3727</v>
      </c>
      <c r="E197" t="s">
        <v>175</v>
      </c>
      <c r="L197" t="s">
        <v>52</v>
      </c>
      <c r="M197" s="1">
        <v>0</v>
      </c>
      <c r="N197" s="1">
        <v>0</v>
      </c>
      <c r="O197" t="s">
        <v>3728</v>
      </c>
      <c r="P197" t="s">
        <v>176</v>
      </c>
      <c r="Q197" t="s">
        <v>238</v>
      </c>
      <c r="S197" t="s">
        <v>178</v>
      </c>
      <c r="T197" t="s">
        <v>175</v>
      </c>
      <c r="X197" t="s">
        <v>179</v>
      </c>
      <c r="AC197" t="s">
        <v>199</v>
      </c>
      <c r="AD197" t="s">
        <v>175</v>
      </c>
      <c r="AE197" t="s">
        <v>175</v>
      </c>
      <c r="AF197" t="s">
        <v>181</v>
      </c>
      <c r="AG197" t="s">
        <v>181</v>
      </c>
      <c r="AH197" t="s">
        <v>175</v>
      </c>
      <c r="AI197" t="s">
        <v>175</v>
      </c>
      <c r="AJ197" t="s">
        <v>181</v>
      </c>
      <c r="AK197" t="s">
        <v>181</v>
      </c>
      <c r="AL197" t="s">
        <v>42</v>
      </c>
      <c r="AM197" t="s">
        <v>185</v>
      </c>
      <c r="AN197" t="s">
        <v>184</v>
      </c>
      <c r="AO197" t="s">
        <v>201</v>
      </c>
      <c r="AP197" t="s">
        <v>204</v>
      </c>
      <c r="AQ197" t="s">
        <v>206</v>
      </c>
      <c r="AR197" t="s">
        <v>205</v>
      </c>
      <c r="AS197" t="s">
        <v>202</v>
      </c>
      <c r="AT197" t="s">
        <v>182</v>
      </c>
      <c r="AU197" t="s">
        <v>183</v>
      </c>
      <c r="AV197" t="s">
        <v>203</v>
      </c>
      <c r="AX197" t="s">
        <v>186</v>
      </c>
      <c r="AZ197" t="s">
        <v>207</v>
      </c>
      <c r="BB197" t="s">
        <v>208</v>
      </c>
      <c r="BF197" t="s">
        <v>210</v>
      </c>
      <c r="BG197" s="1">
        <v>0</v>
      </c>
      <c r="BH197" t="s">
        <v>247</v>
      </c>
      <c r="BK197" t="s">
        <v>191</v>
      </c>
      <c r="BM197" t="s">
        <v>191</v>
      </c>
      <c r="BO197" t="s">
        <v>191</v>
      </c>
    </row>
    <row r="198" spans="1:69" x14ac:dyDescent="0.25">
      <c r="A198" s="1">
        <v>30448536</v>
      </c>
      <c r="B198" t="s">
        <v>1725</v>
      </c>
      <c r="C198" t="s">
        <v>39</v>
      </c>
      <c r="D198" t="s">
        <v>1616</v>
      </c>
      <c r="E198" t="s">
        <v>175</v>
      </c>
      <c r="L198" t="s">
        <v>52</v>
      </c>
      <c r="M198" s="1">
        <v>0</v>
      </c>
      <c r="N198" s="1">
        <v>0</v>
      </c>
      <c r="O198" t="s">
        <v>1616</v>
      </c>
      <c r="P198" t="s">
        <v>176</v>
      </c>
      <c r="Q198" t="s">
        <v>196</v>
      </c>
      <c r="S198" t="s">
        <v>222</v>
      </c>
      <c r="T198" t="s">
        <v>175</v>
      </c>
      <c r="Y198" t="s">
        <v>224</v>
      </c>
      <c r="AC198" t="s">
        <v>180</v>
      </c>
      <c r="AD198" t="s">
        <v>175</v>
      </c>
      <c r="AE198" t="s">
        <v>200</v>
      </c>
      <c r="AF198" t="s">
        <v>200</v>
      </c>
      <c r="AG198" t="s">
        <v>175</v>
      </c>
      <c r="AH198" t="s">
        <v>200</v>
      </c>
      <c r="AI198" t="s">
        <v>175</v>
      </c>
      <c r="AJ198" t="s">
        <v>175</v>
      </c>
      <c r="AK198" t="s">
        <v>175</v>
      </c>
      <c r="AL198" t="s">
        <v>42</v>
      </c>
      <c r="AM198" t="s">
        <v>205</v>
      </c>
      <c r="AN198" t="s">
        <v>182</v>
      </c>
      <c r="AO198" t="s">
        <v>185</v>
      </c>
      <c r="AP198" t="s">
        <v>184</v>
      </c>
      <c r="AQ198" t="s">
        <v>202</v>
      </c>
      <c r="AR198" t="s">
        <v>203</v>
      </c>
      <c r="AS198" t="s">
        <v>206</v>
      </c>
      <c r="AT198" t="s">
        <v>201</v>
      </c>
      <c r="AU198" t="s">
        <v>183</v>
      </c>
      <c r="AV198" t="s">
        <v>204</v>
      </c>
      <c r="AY198" t="s">
        <v>187</v>
      </c>
      <c r="BB198" t="s">
        <v>208</v>
      </c>
      <c r="BF198" t="s">
        <v>210</v>
      </c>
      <c r="BG198" s="1">
        <v>0</v>
      </c>
      <c r="BH198" t="s">
        <v>247</v>
      </c>
      <c r="BK198" t="s">
        <v>191</v>
      </c>
      <c r="BM198" t="s">
        <v>191</v>
      </c>
      <c r="BO198" t="s">
        <v>191</v>
      </c>
    </row>
    <row r="199" spans="1:69" x14ac:dyDescent="0.25">
      <c r="A199" s="1">
        <v>30448537</v>
      </c>
      <c r="B199" t="s">
        <v>1045</v>
      </c>
      <c r="C199" t="s">
        <v>39</v>
      </c>
      <c r="D199" t="s">
        <v>942</v>
      </c>
      <c r="E199" t="s">
        <v>200</v>
      </c>
      <c r="L199" t="s">
        <v>52</v>
      </c>
      <c r="M199" s="1">
        <v>0</v>
      </c>
      <c r="N199" s="1">
        <v>0</v>
      </c>
      <c r="O199" t="s">
        <v>942</v>
      </c>
      <c r="P199" t="s">
        <v>176</v>
      </c>
      <c r="Q199" t="s">
        <v>196</v>
      </c>
      <c r="S199" t="s">
        <v>349</v>
      </c>
      <c r="T199" t="s">
        <v>200</v>
      </c>
      <c r="Y199" t="s">
        <v>224</v>
      </c>
      <c r="AC199" t="s">
        <v>199</v>
      </c>
      <c r="AD199" t="s">
        <v>200</v>
      </c>
      <c r="AE199" t="s">
        <v>200</v>
      </c>
      <c r="AF199" t="s">
        <v>200</v>
      </c>
      <c r="AG199" t="s">
        <v>200</v>
      </c>
      <c r="AH199" t="s">
        <v>200</v>
      </c>
      <c r="AI199" t="s">
        <v>200</v>
      </c>
      <c r="AJ199" t="s">
        <v>175</v>
      </c>
      <c r="AK199" t="s">
        <v>200</v>
      </c>
      <c r="AL199" t="s">
        <v>49</v>
      </c>
      <c r="AM199" t="s">
        <v>201</v>
      </c>
      <c r="AN199" t="s">
        <v>206</v>
      </c>
      <c r="AO199" t="s">
        <v>203</v>
      </c>
      <c r="AP199" t="s">
        <v>183</v>
      </c>
      <c r="AQ199" t="s">
        <v>185</v>
      </c>
      <c r="AR199" t="s">
        <v>184</v>
      </c>
      <c r="AS199" t="s">
        <v>202</v>
      </c>
      <c r="AT199" t="s">
        <v>205</v>
      </c>
      <c r="AU199" t="s">
        <v>204</v>
      </c>
      <c r="AV199" t="s">
        <v>182</v>
      </c>
      <c r="AY199" t="s">
        <v>187</v>
      </c>
      <c r="AZ199" t="s">
        <v>207</v>
      </c>
      <c r="BC199" t="s">
        <v>209</v>
      </c>
      <c r="BF199" t="s">
        <v>210</v>
      </c>
      <c r="BG199" s="1">
        <v>0</v>
      </c>
      <c r="BH199" t="s">
        <v>211</v>
      </c>
      <c r="BK199" t="s">
        <v>191</v>
      </c>
      <c r="BL199" t="s">
        <v>1046</v>
      </c>
      <c r="BM199" t="s">
        <v>191</v>
      </c>
      <c r="BN199" t="s">
        <v>367</v>
      </c>
      <c r="BO199" t="s">
        <v>191</v>
      </c>
      <c r="BP199" t="s">
        <v>254</v>
      </c>
      <c r="BQ199" t="s">
        <v>1047</v>
      </c>
    </row>
    <row r="200" spans="1:69" x14ac:dyDescent="0.25">
      <c r="A200" s="1">
        <v>30448539</v>
      </c>
      <c r="B200" t="s">
        <v>1048</v>
      </c>
      <c r="C200" t="s">
        <v>39</v>
      </c>
      <c r="D200" t="s">
        <v>942</v>
      </c>
      <c r="E200" t="s">
        <v>200</v>
      </c>
      <c r="L200" t="s">
        <v>52</v>
      </c>
      <c r="M200" s="1">
        <v>0</v>
      </c>
      <c r="N200" s="1">
        <v>0</v>
      </c>
      <c r="O200" t="s">
        <v>942</v>
      </c>
      <c r="P200" t="s">
        <v>176</v>
      </c>
      <c r="Q200" t="s">
        <v>196</v>
      </c>
      <c r="S200" t="s">
        <v>349</v>
      </c>
      <c r="T200" t="s">
        <v>200</v>
      </c>
      <c r="AC200" t="s">
        <v>180</v>
      </c>
      <c r="AD200" t="s">
        <v>175</v>
      </c>
      <c r="AE200" t="s">
        <v>175</v>
      </c>
      <c r="AF200" t="s">
        <v>175</v>
      </c>
      <c r="AG200" t="s">
        <v>175</v>
      </c>
      <c r="AH200" t="s">
        <v>175</v>
      </c>
      <c r="AI200" t="s">
        <v>175</v>
      </c>
      <c r="AJ200" t="s">
        <v>175</v>
      </c>
      <c r="AK200" t="s">
        <v>175</v>
      </c>
      <c r="AL200" t="s">
        <v>42</v>
      </c>
      <c r="AM200" t="s">
        <v>182</v>
      </c>
      <c r="AN200" t="s">
        <v>183</v>
      </c>
      <c r="AO200" t="s">
        <v>185</v>
      </c>
      <c r="AP200" t="s">
        <v>201</v>
      </c>
      <c r="AQ200" t="s">
        <v>204</v>
      </c>
      <c r="AR200" t="s">
        <v>202</v>
      </c>
      <c r="AS200" t="s">
        <v>203</v>
      </c>
      <c r="AT200" t="s">
        <v>184</v>
      </c>
      <c r="AU200" t="s">
        <v>205</v>
      </c>
      <c r="AV200" t="s">
        <v>206</v>
      </c>
      <c r="AX200" t="s">
        <v>186</v>
      </c>
      <c r="BA200" t="s">
        <v>188</v>
      </c>
      <c r="BF200" t="s">
        <v>210</v>
      </c>
      <c r="BG200" s="1">
        <v>0</v>
      </c>
      <c r="BH200" t="s">
        <v>211</v>
      </c>
      <c r="BK200" t="s">
        <v>191</v>
      </c>
      <c r="BL200" t="s">
        <v>1046</v>
      </c>
      <c r="BM200" t="s">
        <v>218</v>
      </c>
      <c r="BN200" t="s">
        <v>1049</v>
      </c>
      <c r="BO200" t="s">
        <v>218</v>
      </c>
      <c r="BP200" t="s">
        <v>1050</v>
      </c>
    </row>
    <row r="201" spans="1:69" x14ac:dyDescent="0.25">
      <c r="A201" s="1">
        <v>30448540</v>
      </c>
      <c r="B201" t="s">
        <v>47</v>
      </c>
      <c r="C201" t="s">
        <v>39</v>
      </c>
      <c r="L201" s="1">
        <v>0</v>
      </c>
      <c r="M201" s="1">
        <v>0</v>
      </c>
      <c r="N201" s="1">
        <v>0</v>
      </c>
      <c r="O201" s="1">
        <v>0</v>
      </c>
      <c r="P201" s="1">
        <v>0</v>
      </c>
      <c r="Q201" s="1">
        <v>0</v>
      </c>
      <c r="S201" s="1">
        <v>0</v>
      </c>
      <c r="T201" s="1">
        <v>0</v>
      </c>
      <c r="AC201" s="1">
        <v>0</v>
      </c>
      <c r="AD201" s="1">
        <v>0</v>
      </c>
      <c r="AE201" s="1">
        <v>0</v>
      </c>
      <c r="AF201" s="1">
        <v>0</v>
      </c>
      <c r="AG201" s="1">
        <v>0</v>
      </c>
      <c r="AH201" s="1">
        <v>0</v>
      </c>
      <c r="AI201" s="1">
        <v>0</v>
      </c>
      <c r="AJ201" s="1">
        <v>0</v>
      </c>
      <c r="AK201" s="1">
        <v>0</v>
      </c>
      <c r="AL201" s="1">
        <v>0</v>
      </c>
      <c r="AM201" s="1">
        <v>0</v>
      </c>
      <c r="AN201" s="1">
        <v>0</v>
      </c>
      <c r="AO201" s="1">
        <v>0</v>
      </c>
      <c r="AP201" s="1">
        <v>0</v>
      </c>
      <c r="AQ201" s="1">
        <v>0</v>
      </c>
      <c r="AR201" s="1">
        <v>0</v>
      </c>
      <c r="AS201" s="1">
        <v>0</v>
      </c>
      <c r="AT201" s="1">
        <v>0</v>
      </c>
      <c r="AU201" s="1">
        <v>0</v>
      </c>
      <c r="AV201" s="1">
        <v>0</v>
      </c>
      <c r="BF201" s="1">
        <v>0</v>
      </c>
      <c r="BG201" s="1">
        <v>0</v>
      </c>
      <c r="BH201" s="1">
        <v>0</v>
      </c>
      <c r="BK201" s="1">
        <v>0</v>
      </c>
      <c r="BM201" s="1">
        <v>0</v>
      </c>
      <c r="BO201" s="1">
        <v>0</v>
      </c>
    </row>
    <row r="202" spans="1:69" x14ac:dyDescent="0.25">
      <c r="A202" s="1">
        <v>30448541</v>
      </c>
      <c r="B202" t="s">
        <v>3833</v>
      </c>
      <c r="C202" t="s">
        <v>39</v>
      </c>
      <c r="D202" t="s">
        <v>3727</v>
      </c>
      <c r="E202" t="s">
        <v>200</v>
      </c>
      <c r="L202" t="s">
        <v>52</v>
      </c>
      <c r="M202" s="1">
        <v>0</v>
      </c>
      <c r="N202" s="1">
        <v>0</v>
      </c>
      <c r="O202" t="s">
        <v>3728</v>
      </c>
      <c r="P202" t="s">
        <v>176</v>
      </c>
      <c r="Q202" t="s">
        <v>196</v>
      </c>
      <c r="S202" t="s">
        <v>315</v>
      </c>
      <c r="T202" t="s">
        <v>200</v>
      </c>
      <c r="AC202" s="1">
        <v>0</v>
      </c>
      <c r="AD202" s="1">
        <v>0</v>
      </c>
      <c r="AE202" s="1">
        <v>0</v>
      </c>
      <c r="AF202" s="1">
        <v>0</v>
      </c>
      <c r="AG202" s="1">
        <v>0</v>
      </c>
      <c r="AH202" s="1">
        <v>0</v>
      </c>
      <c r="AI202" s="1">
        <v>0</v>
      </c>
      <c r="AJ202" s="1">
        <v>0</v>
      </c>
      <c r="AK202" s="1">
        <v>0</v>
      </c>
      <c r="AL202" s="1">
        <v>0</v>
      </c>
      <c r="AM202" s="1">
        <v>0</v>
      </c>
      <c r="AN202" s="1">
        <v>0</v>
      </c>
      <c r="AO202" s="1">
        <v>0</v>
      </c>
      <c r="AP202" s="1">
        <v>0</v>
      </c>
      <c r="AQ202" s="1">
        <v>0</v>
      </c>
      <c r="AR202" s="1">
        <v>0</v>
      </c>
      <c r="AS202" s="1">
        <v>0</v>
      </c>
      <c r="AT202" s="1">
        <v>0</v>
      </c>
      <c r="AU202" s="1">
        <v>0</v>
      </c>
      <c r="AV202" s="1">
        <v>0</v>
      </c>
      <c r="BF202" s="1">
        <v>0</v>
      </c>
      <c r="BG202" s="1">
        <v>0</v>
      </c>
      <c r="BH202" s="1">
        <v>0</v>
      </c>
      <c r="BK202" s="1">
        <v>0</v>
      </c>
      <c r="BM202" s="1">
        <v>0</v>
      </c>
      <c r="BO202" s="1">
        <v>0</v>
      </c>
    </row>
    <row r="203" spans="1:69" x14ac:dyDescent="0.25">
      <c r="A203" s="1">
        <v>30448542</v>
      </c>
      <c r="B203" t="s">
        <v>1726</v>
      </c>
      <c r="C203" t="s">
        <v>39</v>
      </c>
      <c r="D203" t="s">
        <v>1616</v>
      </c>
      <c r="E203" t="s">
        <v>175</v>
      </c>
      <c r="L203" t="s">
        <v>52</v>
      </c>
      <c r="M203" s="1">
        <v>0</v>
      </c>
      <c r="N203" s="1">
        <v>0</v>
      </c>
      <c r="O203" t="s">
        <v>1616</v>
      </c>
      <c r="P203" t="s">
        <v>216</v>
      </c>
      <c r="Q203" t="s">
        <v>322</v>
      </c>
      <c r="S203" s="1">
        <v>0</v>
      </c>
      <c r="T203" t="s">
        <v>175</v>
      </c>
      <c r="Y203" t="s">
        <v>224</v>
      </c>
      <c r="AC203" t="s">
        <v>180</v>
      </c>
      <c r="AD203" t="s">
        <v>200</v>
      </c>
      <c r="AE203" t="s">
        <v>200</v>
      </c>
      <c r="AF203" t="s">
        <v>200</v>
      </c>
      <c r="AG203" t="s">
        <v>200</v>
      </c>
      <c r="AH203" t="s">
        <v>200</v>
      </c>
      <c r="AI203" t="s">
        <v>200</v>
      </c>
      <c r="AJ203" t="s">
        <v>200</v>
      </c>
      <c r="AK203" t="s">
        <v>200</v>
      </c>
      <c r="AL203" t="s">
        <v>42</v>
      </c>
      <c r="AM203" t="s">
        <v>185</v>
      </c>
      <c r="AN203" t="s">
        <v>206</v>
      </c>
      <c r="AO203" t="s">
        <v>182</v>
      </c>
      <c r="AP203" t="s">
        <v>201</v>
      </c>
      <c r="AQ203" t="s">
        <v>202</v>
      </c>
      <c r="AR203" t="s">
        <v>203</v>
      </c>
      <c r="AS203" t="s">
        <v>183</v>
      </c>
      <c r="AT203" t="s">
        <v>184</v>
      </c>
      <c r="AU203" t="s">
        <v>205</v>
      </c>
      <c r="AV203" t="s">
        <v>204</v>
      </c>
      <c r="AW203" t="s">
        <v>1727</v>
      </c>
      <c r="AX203" t="s">
        <v>186</v>
      </c>
      <c r="AY203" t="s">
        <v>187</v>
      </c>
      <c r="AZ203" t="s">
        <v>207</v>
      </c>
      <c r="BC203" t="s">
        <v>209</v>
      </c>
      <c r="BF203" t="s">
        <v>210</v>
      </c>
      <c r="BG203" s="1">
        <v>0</v>
      </c>
      <c r="BH203" t="s">
        <v>211</v>
      </c>
      <c r="BK203" t="s">
        <v>191</v>
      </c>
      <c r="BL203" t="s">
        <v>1728</v>
      </c>
      <c r="BM203" t="s">
        <v>218</v>
      </c>
      <c r="BN203" t="s">
        <v>1729</v>
      </c>
      <c r="BO203" t="s">
        <v>218</v>
      </c>
      <c r="BP203" t="s">
        <v>611</v>
      </c>
    </row>
    <row r="204" spans="1:69" x14ac:dyDescent="0.25">
      <c r="A204" s="1">
        <v>30448543</v>
      </c>
      <c r="B204" t="s">
        <v>3834</v>
      </c>
      <c r="C204" t="s">
        <v>39</v>
      </c>
      <c r="D204" t="s">
        <v>3727</v>
      </c>
      <c r="E204" t="s">
        <v>200</v>
      </c>
      <c r="L204" t="s">
        <v>52</v>
      </c>
      <c r="M204" s="1">
        <v>0</v>
      </c>
      <c r="N204" s="1">
        <v>0</v>
      </c>
      <c r="O204" t="s">
        <v>3728</v>
      </c>
      <c r="P204" t="s">
        <v>176</v>
      </c>
      <c r="Q204" t="s">
        <v>177</v>
      </c>
      <c r="S204" t="s">
        <v>315</v>
      </c>
      <c r="T204" t="s">
        <v>200</v>
      </c>
      <c r="AA204" t="s">
        <v>273</v>
      </c>
      <c r="AC204" t="s">
        <v>225</v>
      </c>
      <c r="AD204" t="s">
        <v>299</v>
      </c>
      <c r="AE204" t="s">
        <v>299</v>
      </c>
      <c r="AF204" t="s">
        <v>299</v>
      </c>
      <c r="AG204" t="s">
        <v>299</v>
      </c>
      <c r="AH204" t="s">
        <v>299</v>
      </c>
      <c r="AI204" t="s">
        <v>299</v>
      </c>
      <c r="AJ204" t="s">
        <v>299</v>
      </c>
      <c r="AK204" t="s">
        <v>299</v>
      </c>
      <c r="AL204" t="s">
        <v>52</v>
      </c>
      <c r="AM204" t="s">
        <v>206</v>
      </c>
      <c r="AN204" t="s">
        <v>203</v>
      </c>
      <c r="AO204" t="s">
        <v>184</v>
      </c>
      <c r="AP204" t="s">
        <v>205</v>
      </c>
      <c r="AQ204" t="s">
        <v>183</v>
      </c>
      <c r="AR204" t="s">
        <v>182</v>
      </c>
      <c r="AS204" t="s">
        <v>185</v>
      </c>
      <c r="AT204" t="s">
        <v>202</v>
      </c>
      <c r="AU204" t="s">
        <v>204</v>
      </c>
      <c r="AV204" t="s">
        <v>201</v>
      </c>
      <c r="BC204" t="s">
        <v>209</v>
      </c>
      <c r="BF204" t="s">
        <v>210</v>
      </c>
      <c r="BG204" s="1">
        <v>0</v>
      </c>
      <c r="BH204" t="s">
        <v>211</v>
      </c>
      <c r="BK204" t="s">
        <v>191</v>
      </c>
      <c r="BM204" t="s">
        <v>218</v>
      </c>
      <c r="BO204" t="s">
        <v>218</v>
      </c>
    </row>
    <row r="205" spans="1:69" x14ac:dyDescent="0.25">
      <c r="A205" s="1">
        <v>30448544</v>
      </c>
      <c r="B205" t="s">
        <v>3835</v>
      </c>
      <c r="C205" t="s">
        <v>39</v>
      </c>
      <c r="D205" t="s">
        <v>3727</v>
      </c>
      <c r="E205" t="s">
        <v>200</v>
      </c>
      <c r="L205" t="s">
        <v>52</v>
      </c>
      <c r="M205" s="1">
        <v>0</v>
      </c>
      <c r="N205" s="1">
        <v>0</v>
      </c>
      <c r="O205" t="s">
        <v>3728</v>
      </c>
      <c r="P205" t="s">
        <v>216</v>
      </c>
      <c r="Q205" t="s">
        <v>322</v>
      </c>
      <c r="S205" s="1">
        <v>0</v>
      </c>
      <c r="T205" t="s">
        <v>200</v>
      </c>
      <c r="AC205" t="s">
        <v>180</v>
      </c>
      <c r="AD205" t="s">
        <v>175</v>
      </c>
      <c r="AE205" t="s">
        <v>181</v>
      </c>
      <c r="AF205" t="s">
        <v>175</v>
      </c>
      <c r="AG205" t="s">
        <v>181</v>
      </c>
      <c r="AH205" t="s">
        <v>200</v>
      </c>
      <c r="AI205" t="s">
        <v>200</v>
      </c>
      <c r="AJ205" t="s">
        <v>175</v>
      </c>
      <c r="AK205" t="s">
        <v>175</v>
      </c>
      <c r="AL205" t="s">
        <v>52</v>
      </c>
      <c r="AM205" t="s">
        <v>202</v>
      </c>
      <c r="AN205" t="s">
        <v>184</v>
      </c>
      <c r="AO205" t="s">
        <v>185</v>
      </c>
      <c r="AP205" t="s">
        <v>204</v>
      </c>
      <c r="AQ205" t="s">
        <v>206</v>
      </c>
      <c r="AR205" t="s">
        <v>205</v>
      </c>
      <c r="AS205" t="s">
        <v>203</v>
      </c>
      <c r="AT205" t="s">
        <v>182</v>
      </c>
      <c r="AU205" t="s">
        <v>183</v>
      </c>
      <c r="AV205" t="s">
        <v>201</v>
      </c>
      <c r="AX205" t="s">
        <v>186</v>
      </c>
      <c r="AY205" t="s">
        <v>187</v>
      </c>
      <c r="AZ205" t="s">
        <v>207</v>
      </c>
      <c r="BA205" t="s">
        <v>188</v>
      </c>
      <c r="BB205" t="s">
        <v>208</v>
      </c>
      <c r="BC205" t="s">
        <v>209</v>
      </c>
      <c r="BF205" t="s">
        <v>210</v>
      </c>
      <c r="BG205" s="1">
        <v>0</v>
      </c>
      <c r="BH205" t="s">
        <v>247</v>
      </c>
      <c r="BK205" t="s">
        <v>191</v>
      </c>
      <c r="BL205" t="s">
        <v>3836</v>
      </c>
      <c r="BM205" t="s">
        <v>191</v>
      </c>
      <c r="BN205" t="s">
        <v>3837</v>
      </c>
      <c r="BO205" t="s">
        <v>191</v>
      </c>
      <c r="BP205" t="s">
        <v>3838</v>
      </c>
      <c r="BQ205" t="s">
        <v>3839</v>
      </c>
    </row>
    <row r="206" spans="1:69" x14ac:dyDescent="0.25">
      <c r="A206" s="1">
        <v>30448545</v>
      </c>
      <c r="B206" t="s">
        <v>336</v>
      </c>
      <c r="C206" t="s">
        <v>39</v>
      </c>
      <c r="D206" t="s">
        <v>174</v>
      </c>
      <c r="E206" t="s">
        <v>175</v>
      </c>
      <c r="L206" t="s">
        <v>52</v>
      </c>
      <c r="M206" s="1">
        <v>0</v>
      </c>
      <c r="N206" s="1">
        <v>0</v>
      </c>
      <c r="O206" t="s">
        <v>174</v>
      </c>
      <c r="P206" t="s">
        <v>176</v>
      </c>
      <c r="Q206" t="s">
        <v>196</v>
      </c>
      <c r="S206" t="s">
        <v>315</v>
      </c>
      <c r="T206" t="s">
        <v>175</v>
      </c>
      <c r="Y206" t="s">
        <v>224</v>
      </c>
      <c r="AC206" t="s">
        <v>225</v>
      </c>
      <c r="AD206" t="s">
        <v>175</v>
      </c>
      <c r="AE206" t="s">
        <v>200</v>
      </c>
      <c r="AF206" t="s">
        <v>175</v>
      </c>
      <c r="AG206" t="s">
        <v>175</v>
      </c>
      <c r="AH206" t="s">
        <v>200</v>
      </c>
      <c r="AI206" t="s">
        <v>200</v>
      </c>
      <c r="AJ206" t="s">
        <v>175</v>
      </c>
      <c r="AK206" t="s">
        <v>175</v>
      </c>
      <c r="AL206" t="s">
        <v>49</v>
      </c>
      <c r="AM206" t="s">
        <v>203</v>
      </c>
      <c r="AN206" t="s">
        <v>185</v>
      </c>
      <c r="AO206" t="s">
        <v>183</v>
      </c>
      <c r="AP206" t="s">
        <v>204</v>
      </c>
      <c r="AQ206" t="s">
        <v>206</v>
      </c>
      <c r="AR206" t="s">
        <v>205</v>
      </c>
      <c r="AS206" t="s">
        <v>201</v>
      </c>
      <c r="AT206" t="s">
        <v>184</v>
      </c>
      <c r="AU206" t="s">
        <v>182</v>
      </c>
      <c r="AV206" t="s">
        <v>202</v>
      </c>
      <c r="AX206" t="s">
        <v>186</v>
      </c>
      <c r="BF206" t="s">
        <v>292</v>
      </c>
      <c r="BG206" t="s">
        <v>233</v>
      </c>
      <c r="BH206" t="s">
        <v>211</v>
      </c>
      <c r="BK206" t="s">
        <v>191</v>
      </c>
      <c r="BL206" t="s">
        <v>337</v>
      </c>
      <c r="BM206" t="s">
        <v>191</v>
      </c>
      <c r="BN206" t="s">
        <v>338</v>
      </c>
      <c r="BO206" s="1">
        <v>0</v>
      </c>
      <c r="BP206" t="s">
        <v>339</v>
      </c>
    </row>
    <row r="207" spans="1:69" x14ac:dyDescent="0.25">
      <c r="A207" s="1">
        <v>30448547</v>
      </c>
      <c r="B207" t="s">
        <v>1051</v>
      </c>
      <c r="C207" t="s">
        <v>39</v>
      </c>
      <c r="D207" t="s">
        <v>942</v>
      </c>
      <c r="E207" t="s">
        <v>195</v>
      </c>
      <c r="L207" t="s">
        <v>52</v>
      </c>
      <c r="M207" s="1">
        <v>0</v>
      </c>
      <c r="N207" s="1">
        <v>0</v>
      </c>
      <c r="O207" t="s">
        <v>942</v>
      </c>
      <c r="P207" t="s">
        <v>176</v>
      </c>
      <c r="Q207" t="s">
        <v>196</v>
      </c>
      <c r="S207" t="s">
        <v>178</v>
      </c>
      <c r="T207" t="s">
        <v>197</v>
      </c>
      <c r="AC207" s="1">
        <v>0</v>
      </c>
      <c r="AD207" s="1">
        <v>0</v>
      </c>
      <c r="AE207" s="1">
        <v>0</v>
      </c>
      <c r="AF207" s="1">
        <v>0</v>
      </c>
      <c r="AG207" s="1">
        <v>0</v>
      </c>
      <c r="AH207" s="1">
        <v>0</v>
      </c>
      <c r="AI207" s="1">
        <v>0</v>
      </c>
      <c r="AJ207" s="1">
        <v>0</v>
      </c>
      <c r="AK207" s="1">
        <v>0</v>
      </c>
      <c r="AL207" s="1">
        <v>0</v>
      </c>
      <c r="AM207" s="1">
        <v>0</v>
      </c>
      <c r="AN207" s="1">
        <v>0</v>
      </c>
      <c r="AO207" s="1">
        <v>0</v>
      </c>
      <c r="AP207" s="1">
        <v>0</v>
      </c>
      <c r="AQ207" s="1">
        <v>0</v>
      </c>
      <c r="AR207" s="1">
        <v>0</v>
      </c>
      <c r="AS207" s="1">
        <v>0</v>
      </c>
      <c r="AT207" s="1">
        <v>0</v>
      </c>
      <c r="AU207" s="1">
        <v>0</v>
      </c>
      <c r="AV207" s="1">
        <v>0</v>
      </c>
      <c r="BF207" s="1">
        <v>0</v>
      </c>
      <c r="BG207" s="1">
        <v>0</v>
      </c>
      <c r="BH207" s="1">
        <v>0</v>
      </c>
      <c r="BK207" s="1">
        <v>0</v>
      </c>
      <c r="BM207" s="1">
        <v>0</v>
      </c>
      <c r="BO207" s="1">
        <v>0</v>
      </c>
    </row>
    <row r="208" spans="1:69" x14ac:dyDescent="0.25">
      <c r="A208" s="1">
        <v>30448548</v>
      </c>
      <c r="B208" t="s">
        <v>2585</v>
      </c>
      <c r="C208" t="s">
        <v>39</v>
      </c>
      <c r="D208" t="s">
        <v>2512</v>
      </c>
      <c r="E208" t="s">
        <v>216</v>
      </c>
      <c r="L208" t="s">
        <v>52</v>
      </c>
      <c r="M208" s="1">
        <v>0</v>
      </c>
      <c r="N208" s="1">
        <v>0</v>
      </c>
      <c r="O208" t="s">
        <v>2512</v>
      </c>
      <c r="P208" t="s">
        <v>216</v>
      </c>
      <c r="Q208" t="s">
        <v>322</v>
      </c>
      <c r="S208" s="1">
        <v>0</v>
      </c>
      <c r="T208" t="s">
        <v>297</v>
      </c>
      <c r="U208" t="s">
        <v>2586</v>
      </c>
      <c r="Y208" t="s">
        <v>224</v>
      </c>
      <c r="AA208" t="s">
        <v>273</v>
      </c>
      <c r="AB208" t="s">
        <v>2587</v>
      </c>
      <c r="AC208" t="s">
        <v>199</v>
      </c>
      <c r="AD208" t="s">
        <v>181</v>
      </c>
      <c r="AE208" t="s">
        <v>181</v>
      </c>
      <c r="AF208" t="s">
        <v>230</v>
      </c>
      <c r="AG208" t="s">
        <v>175</v>
      </c>
      <c r="AH208" t="s">
        <v>175</v>
      </c>
      <c r="AI208" t="s">
        <v>175</v>
      </c>
      <c r="AJ208" t="s">
        <v>175</v>
      </c>
      <c r="AK208" t="s">
        <v>175</v>
      </c>
      <c r="AL208" t="s">
        <v>42</v>
      </c>
      <c r="AM208" s="1">
        <v>0</v>
      </c>
      <c r="AN208" t="s">
        <v>201</v>
      </c>
      <c r="AO208" t="s">
        <v>182</v>
      </c>
      <c r="AP208" t="s">
        <v>185</v>
      </c>
      <c r="AQ208" s="1">
        <v>0</v>
      </c>
      <c r="AR208" s="1">
        <v>0</v>
      </c>
      <c r="AS208" s="1">
        <v>0</v>
      </c>
      <c r="AT208" t="s">
        <v>184</v>
      </c>
      <c r="AU208" t="s">
        <v>183</v>
      </c>
      <c r="AV208" s="1">
        <v>0</v>
      </c>
      <c r="BC208" t="s">
        <v>209</v>
      </c>
      <c r="BF208" t="s">
        <v>292</v>
      </c>
      <c r="BG208" t="s">
        <v>233</v>
      </c>
      <c r="BH208" t="s">
        <v>302</v>
      </c>
      <c r="BI208" t="s">
        <v>2588</v>
      </c>
      <c r="BK208" t="s">
        <v>191</v>
      </c>
      <c r="BL208" t="s">
        <v>1093</v>
      </c>
      <c r="BM208" t="s">
        <v>191</v>
      </c>
      <c r="BN208" t="s">
        <v>2589</v>
      </c>
      <c r="BO208" t="s">
        <v>191</v>
      </c>
      <c r="BP208" t="s">
        <v>2590</v>
      </c>
      <c r="BQ208" t="s">
        <v>2591</v>
      </c>
    </row>
    <row r="209" spans="1:69" x14ac:dyDescent="0.25">
      <c r="A209" s="1">
        <v>30448549</v>
      </c>
      <c r="B209" t="s">
        <v>1730</v>
      </c>
      <c r="C209" t="s">
        <v>39</v>
      </c>
      <c r="D209" t="s">
        <v>1616</v>
      </c>
      <c r="E209" t="s">
        <v>175</v>
      </c>
      <c r="L209" t="s">
        <v>52</v>
      </c>
      <c r="M209" s="1">
        <v>0</v>
      </c>
      <c r="N209" s="1">
        <v>0</v>
      </c>
      <c r="O209" t="s">
        <v>1616</v>
      </c>
      <c r="P209" t="s">
        <v>176</v>
      </c>
      <c r="Q209" t="s">
        <v>238</v>
      </c>
      <c r="S209" t="s">
        <v>178</v>
      </c>
      <c r="T209" t="s">
        <v>175</v>
      </c>
      <c r="X209" t="s">
        <v>179</v>
      </c>
      <c r="Y209" t="s">
        <v>224</v>
      </c>
      <c r="AC209" t="s">
        <v>180</v>
      </c>
      <c r="AD209" t="s">
        <v>200</v>
      </c>
      <c r="AE209" t="s">
        <v>175</v>
      </c>
      <c r="AF209" t="s">
        <v>175</v>
      </c>
      <c r="AG209" t="s">
        <v>181</v>
      </c>
      <c r="AH209" t="s">
        <v>181</v>
      </c>
      <c r="AI209" t="s">
        <v>175</v>
      </c>
      <c r="AJ209" t="s">
        <v>181</v>
      </c>
      <c r="AK209" t="s">
        <v>175</v>
      </c>
      <c r="AL209" t="s">
        <v>52</v>
      </c>
      <c r="AM209" t="s">
        <v>185</v>
      </c>
      <c r="AN209" t="s">
        <v>184</v>
      </c>
      <c r="AO209" s="1">
        <v>0</v>
      </c>
      <c r="AP209" s="1">
        <v>0</v>
      </c>
      <c r="AQ209" s="1">
        <v>0</v>
      </c>
      <c r="AR209" s="1">
        <v>0</v>
      </c>
      <c r="AS209" s="1">
        <v>0</v>
      </c>
      <c r="AT209" s="1">
        <v>0</v>
      </c>
      <c r="AU209" s="1">
        <v>0</v>
      </c>
      <c r="AV209" t="s">
        <v>182</v>
      </c>
      <c r="BA209" t="s">
        <v>188</v>
      </c>
      <c r="BC209" t="s">
        <v>209</v>
      </c>
      <c r="BF209" t="s">
        <v>292</v>
      </c>
      <c r="BG209" t="s">
        <v>233</v>
      </c>
      <c r="BH209" t="s">
        <v>247</v>
      </c>
      <c r="BK209" t="s">
        <v>191</v>
      </c>
      <c r="BL209" t="s">
        <v>1731</v>
      </c>
      <c r="BM209" t="s">
        <v>191</v>
      </c>
      <c r="BN209" t="s">
        <v>1732</v>
      </c>
      <c r="BO209" t="s">
        <v>191</v>
      </c>
      <c r="BP209" t="s">
        <v>1733</v>
      </c>
    </row>
    <row r="210" spans="1:69" x14ac:dyDescent="0.25">
      <c r="A210" s="1">
        <v>30448552</v>
      </c>
      <c r="B210" t="s">
        <v>1734</v>
      </c>
      <c r="C210" t="s">
        <v>39</v>
      </c>
      <c r="D210" t="s">
        <v>1616</v>
      </c>
      <c r="E210" t="s">
        <v>216</v>
      </c>
      <c r="L210" t="s">
        <v>52</v>
      </c>
      <c r="M210" s="1">
        <v>0</v>
      </c>
      <c r="N210" s="1">
        <v>0</v>
      </c>
      <c r="O210" t="s">
        <v>1616</v>
      </c>
      <c r="P210" t="s">
        <v>216</v>
      </c>
      <c r="Q210" t="s">
        <v>196</v>
      </c>
      <c r="S210" s="1">
        <v>0</v>
      </c>
      <c r="T210" t="s">
        <v>297</v>
      </c>
      <c r="U210" t="s">
        <v>1735</v>
      </c>
      <c r="AA210" t="s">
        <v>273</v>
      </c>
      <c r="AB210" t="s">
        <v>1736</v>
      </c>
      <c r="AC210" t="s">
        <v>199</v>
      </c>
      <c r="AD210" t="s">
        <v>181</v>
      </c>
      <c r="AE210" t="s">
        <v>230</v>
      </c>
      <c r="AF210" t="s">
        <v>181</v>
      </c>
      <c r="AG210" t="s">
        <v>230</v>
      </c>
      <c r="AH210" t="s">
        <v>175</v>
      </c>
      <c r="AI210" t="s">
        <v>175</v>
      </c>
      <c r="AJ210" t="s">
        <v>175</v>
      </c>
      <c r="AK210" t="s">
        <v>175</v>
      </c>
      <c r="AL210" t="s">
        <v>52</v>
      </c>
      <c r="AM210" t="s">
        <v>183</v>
      </c>
      <c r="AN210" t="s">
        <v>206</v>
      </c>
      <c r="AO210" t="s">
        <v>185</v>
      </c>
      <c r="AP210" t="s">
        <v>184</v>
      </c>
      <c r="AQ210" t="s">
        <v>182</v>
      </c>
      <c r="AR210" t="s">
        <v>203</v>
      </c>
      <c r="AS210" t="s">
        <v>201</v>
      </c>
      <c r="AT210" t="s">
        <v>204</v>
      </c>
      <c r="AU210" t="s">
        <v>205</v>
      </c>
      <c r="AV210" t="s">
        <v>202</v>
      </c>
      <c r="AW210" t="s">
        <v>1737</v>
      </c>
      <c r="AX210" t="s">
        <v>186</v>
      </c>
      <c r="AY210" t="s">
        <v>187</v>
      </c>
      <c r="AZ210" t="s">
        <v>207</v>
      </c>
      <c r="BC210" t="s">
        <v>209</v>
      </c>
      <c r="BF210" t="s">
        <v>49</v>
      </c>
      <c r="BG210" s="1">
        <v>0</v>
      </c>
      <c r="BH210" t="s">
        <v>190</v>
      </c>
      <c r="BK210" t="s">
        <v>191</v>
      </c>
      <c r="BL210" t="s">
        <v>1738</v>
      </c>
      <c r="BM210" t="s">
        <v>218</v>
      </c>
      <c r="BN210" t="s">
        <v>1739</v>
      </c>
      <c r="BO210" t="s">
        <v>218</v>
      </c>
      <c r="BP210" t="s">
        <v>1740</v>
      </c>
      <c r="BQ210" t="s">
        <v>1741</v>
      </c>
    </row>
    <row r="211" spans="1:69" x14ac:dyDescent="0.25">
      <c r="A211" s="1">
        <v>30448553</v>
      </c>
      <c r="B211" t="s">
        <v>3840</v>
      </c>
      <c r="C211" t="s">
        <v>39</v>
      </c>
      <c r="D211" t="s">
        <v>3727</v>
      </c>
      <c r="E211" t="s">
        <v>175</v>
      </c>
      <c r="L211" t="s">
        <v>52</v>
      </c>
      <c r="M211" s="1">
        <v>0</v>
      </c>
      <c r="N211" s="1">
        <v>0</v>
      </c>
      <c r="O211" t="s">
        <v>3728</v>
      </c>
      <c r="P211" t="s">
        <v>176</v>
      </c>
      <c r="Q211" t="s">
        <v>238</v>
      </c>
      <c r="S211" t="s">
        <v>178</v>
      </c>
      <c r="T211" t="s">
        <v>175</v>
      </c>
      <c r="AA211" t="s">
        <v>273</v>
      </c>
      <c r="AB211" t="s">
        <v>3841</v>
      </c>
      <c r="AC211" t="s">
        <v>609</v>
      </c>
      <c r="AD211" t="s">
        <v>299</v>
      </c>
      <c r="AE211" t="s">
        <v>299</v>
      </c>
      <c r="AF211" t="s">
        <v>299</v>
      </c>
      <c r="AG211" t="s">
        <v>299</v>
      </c>
      <c r="AH211" t="s">
        <v>299</v>
      </c>
      <c r="AI211" t="s">
        <v>299</v>
      </c>
      <c r="AJ211" t="s">
        <v>299</v>
      </c>
      <c r="AK211" t="s">
        <v>299</v>
      </c>
      <c r="AL211" t="s">
        <v>42</v>
      </c>
      <c r="AM211" t="s">
        <v>184</v>
      </c>
      <c r="AN211" t="s">
        <v>183</v>
      </c>
      <c r="AO211" t="s">
        <v>201</v>
      </c>
      <c r="AP211" t="s">
        <v>185</v>
      </c>
      <c r="AQ211" t="s">
        <v>202</v>
      </c>
      <c r="AR211" t="s">
        <v>203</v>
      </c>
      <c r="AS211" t="s">
        <v>182</v>
      </c>
      <c r="AT211" t="s">
        <v>205</v>
      </c>
      <c r="AU211" t="s">
        <v>206</v>
      </c>
      <c r="AV211" t="s">
        <v>204</v>
      </c>
      <c r="AX211" t="s">
        <v>186</v>
      </c>
      <c r="BA211" t="s">
        <v>188</v>
      </c>
      <c r="BB211" t="s">
        <v>208</v>
      </c>
      <c r="BC211" t="s">
        <v>209</v>
      </c>
      <c r="BF211" t="s">
        <v>210</v>
      </c>
      <c r="BG211" s="1">
        <v>0</v>
      </c>
      <c r="BH211" t="s">
        <v>211</v>
      </c>
      <c r="BK211" t="s">
        <v>191</v>
      </c>
      <c r="BL211" t="s">
        <v>3842</v>
      </c>
      <c r="BM211" t="s">
        <v>191</v>
      </c>
      <c r="BN211" t="s">
        <v>3843</v>
      </c>
      <c r="BO211" t="s">
        <v>191</v>
      </c>
      <c r="BP211" t="s">
        <v>254</v>
      </c>
      <c r="BQ211" t="s">
        <v>3844</v>
      </c>
    </row>
    <row r="212" spans="1:69" x14ac:dyDescent="0.25">
      <c r="A212" s="1">
        <v>30448554</v>
      </c>
      <c r="B212" t="s">
        <v>2592</v>
      </c>
      <c r="C212" t="s">
        <v>39</v>
      </c>
      <c r="D212" t="s">
        <v>2512</v>
      </c>
      <c r="E212" t="s">
        <v>216</v>
      </c>
      <c r="L212" t="s">
        <v>52</v>
      </c>
      <c r="M212" s="1">
        <v>0</v>
      </c>
      <c r="N212" s="1">
        <v>0</v>
      </c>
      <c r="O212" t="s">
        <v>2512</v>
      </c>
      <c r="P212" t="s">
        <v>216</v>
      </c>
      <c r="Q212" t="s">
        <v>322</v>
      </c>
      <c r="S212" s="1">
        <v>0</v>
      </c>
      <c r="T212" t="s">
        <v>297</v>
      </c>
      <c r="U212" t="s">
        <v>2593</v>
      </c>
      <c r="Z212" t="s">
        <v>244</v>
      </c>
      <c r="AC212" t="s">
        <v>199</v>
      </c>
      <c r="AD212" t="s">
        <v>175</v>
      </c>
      <c r="AE212" t="s">
        <v>230</v>
      </c>
      <c r="AF212" t="s">
        <v>230</v>
      </c>
      <c r="AG212" t="s">
        <v>230</v>
      </c>
      <c r="AH212" t="s">
        <v>175</v>
      </c>
      <c r="AI212" t="s">
        <v>175</v>
      </c>
      <c r="AJ212" t="s">
        <v>175</v>
      </c>
      <c r="AK212" t="s">
        <v>181</v>
      </c>
      <c r="AL212" t="s">
        <v>52</v>
      </c>
      <c r="AM212" t="s">
        <v>184</v>
      </c>
      <c r="AN212" t="s">
        <v>206</v>
      </c>
      <c r="AO212" t="s">
        <v>183</v>
      </c>
      <c r="AP212" t="s">
        <v>185</v>
      </c>
      <c r="AQ212" t="s">
        <v>202</v>
      </c>
      <c r="AR212" t="s">
        <v>203</v>
      </c>
      <c r="AS212" t="s">
        <v>201</v>
      </c>
      <c r="AT212" t="s">
        <v>204</v>
      </c>
      <c r="AU212" t="s">
        <v>182</v>
      </c>
      <c r="AV212" t="s">
        <v>205</v>
      </c>
      <c r="AW212" t="s">
        <v>2594</v>
      </c>
      <c r="AY212" t="s">
        <v>187</v>
      </c>
      <c r="AZ212" t="s">
        <v>207</v>
      </c>
      <c r="BF212" t="s">
        <v>210</v>
      </c>
      <c r="BG212" s="1">
        <v>0</v>
      </c>
      <c r="BH212" t="s">
        <v>211</v>
      </c>
      <c r="BK212" t="s">
        <v>191</v>
      </c>
      <c r="BM212" t="s">
        <v>191</v>
      </c>
      <c r="BO212" t="s">
        <v>191</v>
      </c>
    </row>
    <row r="213" spans="1:69" x14ac:dyDescent="0.25">
      <c r="A213" s="1">
        <v>30448555</v>
      </c>
      <c r="B213" t="s">
        <v>3194</v>
      </c>
      <c r="C213" t="s">
        <v>39</v>
      </c>
      <c r="D213" t="s">
        <v>3138</v>
      </c>
      <c r="E213" t="s">
        <v>175</v>
      </c>
      <c r="L213" t="s">
        <v>52</v>
      </c>
      <c r="M213" s="1">
        <v>0</v>
      </c>
      <c r="N213" s="1">
        <v>0</v>
      </c>
      <c r="O213" t="s">
        <v>3139</v>
      </c>
      <c r="P213" t="s">
        <v>176</v>
      </c>
      <c r="Q213" t="s">
        <v>238</v>
      </c>
      <c r="S213" t="s">
        <v>178</v>
      </c>
      <c r="T213" t="s">
        <v>175</v>
      </c>
      <c r="Y213" t="s">
        <v>224</v>
      </c>
      <c r="AC213" t="s">
        <v>199</v>
      </c>
      <c r="AD213" t="s">
        <v>175</v>
      </c>
      <c r="AE213" t="s">
        <v>175</v>
      </c>
      <c r="AF213" t="s">
        <v>175</v>
      </c>
      <c r="AG213" t="s">
        <v>175</v>
      </c>
      <c r="AH213" t="s">
        <v>200</v>
      </c>
      <c r="AI213" t="s">
        <v>175</v>
      </c>
      <c r="AJ213" t="s">
        <v>200</v>
      </c>
      <c r="AK213" t="s">
        <v>175</v>
      </c>
      <c r="AL213" t="s">
        <v>52</v>
      </c>
      <c r="AM213" t="s">
        <v>183</v>
      </c>
      <c r="AN213" t="s">
        <v>184</v>
      </c>
      <c r="AO213" t="s">
        <v>201</v>
      </c>
      <c r="AP213" t="s">
        <v>205</v>
      </c>
      <c r="AQ213" t="s">
        <v>203</v>
      </c>
      <c r="AR213" t="s">
        <v>202</v>
      </c>
      <c r="AS213" t="s">
        <v>206</v>
      </c>
      <c r="AT213" t="s">
        <v>185</v>
      </c>
      <c r="AU213" t="s">
        <v>204</v>
      </c>
      <c r="AV213" t="s">
        <v>182</v>
      </c>
      <c r="AW213" t="s">
        <v>3195</v>
      </c>
      <c r="AX213" t="s">
        <v>186</v>
      </c>
      <c r="AY213" t="s">
        <v>187</v>
      </c>
      <c r="AZ213" t="s">
        <v>207</v>
      </c>
      <c r="BA213" t="s">
        <v>188</v>
      </c>
      <c r="BB213" t="s">
        <v>208</v>
      </c>
      <c r="BC213" t="s">
        <v>209</v>
      </c>
      <c r="BF213" t="s">
        <v>232</v>
      </c>
      <c r="BG213" t="s">
        <v>276</v>
      </c>
      <c r="BH213" t="s">
        <v>211</v>
      </c>
      <c r="BK213" t="s">
        <v>191</v>
      </c>
      <c r="BL213" t="s">
        <v>3196</v>
      </c>
      <c r="BM213" t="s">
        <v>191</v>
      </c>
      <c r="BN213" t="s">
        <v>3196</v>
      </c>
      <c r="BO213" t="s">
        <v>191</v>
      </c>
      <c r="BP213" t="s">
        <v>401</v>
      </c>
      <c r="BQ213" t="s">
        <v>3197</v>
      </c>
    </row>
    <row r="214" spans="1:69" x14ac:dyDescent="0.25">
      <c r="A214" s="1">
        <v>30448556</v>
      </c>
      <c r="B214" t="s">
        <v>340</v>
      </c>
      <c r="C214" t="s">
        <v>39</v>
      </c>
      <c r="D214" t="s">
        <v>174</v>
      </c>
      <c r="E214" t="s">
        <v>175</v>
      </c>
      <c r="L214" t="s">
        <v>52</v>
      </c>
      <c r="M214" s="1">
        <v>0</v>
      </c>
      <c r="N214" s="1">
        <v>0</v>
      </c>
      <c r="O214" t="s">
        <v>174</v>
      </c>
      <c r="P214" t="s">
        <v>176</v>
      </c>
      <c r="Q214" t="s">
        <v>238</v>
      </c>
      <c r="S214" t="s">
        <v>178</v>
      </c>
      <c r="T214" t="s">
        <v>175</v>
      </c>
      <c r="Y214" t="s">
        <v>224</v>
      </c>
      <c r="AC214" t="s">
        <v>180</v>
      </c>
      <c r="AD214" t="s">
        <v>175</v>
      </c>
      <c r="AE214" t="s">
        <v>175</v>
      </c>
      <c r="AF214" t="s">
        <v>175</v>
      </c>
      <c r="AG214" t="s">
        <v>175</v>
      </c>
      <c r="AH214" t="s">
        <v>175</v>
      </c>
      <c r="AI214" t="s">
        <v>175</v>
      </c>
      <c r="AJ214" t="s">
        <v>175</v>
      </c>
      <c r="AK214" t="s">
        <v>175</v>
      </c>
      <c r="AL214" t="s">
        <v>52</v>
      </c>
      <c r="AM214" t="s">
        <v>201</v>
      </c>
      <c r="AN214" t="s">
        <v>203</v>
      </c>
      <c r="AO214" t="s">
        <v>185</v>
      </c>
      <c r="AP214" t="s">
        <v>206</v>
      </c>
      <c r="AQ214" t="s">
        <v>184</v>
      </c>
      <c r="AR214" t="s">
        <v>183</v>
      </c>
      <c r="AS214" t="s">
        <v>182</v>
      </c>
      <c r="AT214" t="s">
        <v>202</v>
      </c>
      <c r="AU214" t="s">
        <v>204</v>
      </c>
      <c r="AV214" t="s">
        <v>205</v>
      </c>
      <c r="AX214" t="s">
        <v>186</v>
      </c>
      <c r="AY214" t="s">
        <v>187</v>
      </c>
      <c r="AZ214" t="s">
        <v>207</v>
      </c>
      <c r="BA214" t="s">
        <v>188</v>
      </c>
      <c r="BB214" t="s">
        <v>208</v>
      </c>
      <c r="BC214" t="s">
        <v>209</v>
      </c>
      <c r="BF214" t="s">
        <v>292</v>
      </c>
      <c r="BG214" t="s">
        <v>301</v>
      </c>
      <c r="BH214" t="s">
        <v>211</v>
      </c>
      <c r="BK214" t="s">
        <v>218</v>
      </c>
      <c r="BL214" t="s">
        <v>341</v>
      </c>
      <c r="BM214" t="s">
        <v>191</v>
      </c>
      <c r="BN214" t="s">
        <v>342</v>
      </c>
      <c r="BO214" t="s">
        <v>191</v>
      </c>
    </row>
    <row r="215" spans="1:69" x14ac:dyDescent="0.25">
      <c r="A215" s="1">
        <v>30448558</v>
      </c>
      <c r="B215" t="s">
        <v>1052</v>
      </c>
      <c r="C215" t="s">
        <v>39</v>
      </c>
      <c r="D215" t="s">
        <v>942</v>
      </c>
      <c r="E215" t="s">
        <v>175</v>
      </c>
      <c r="L215" t="s">
        <v>52</v>
      </c>
      <c r="M215" s="1">
        <v>0</v>
      </c>
      <c r="N215" s="1">
        <v>0</v>
      </c>
      <c r="O215" t="s">
        <v>942</v>
      </c>
      <c r="P215" t="s">
        <v>176</v>
      </c>
      <c r="Q215" t="s">
        <v>238</v>
      </c>
      <c r="S215" t="s">
        <v>178</v>
      </c>
      <c r="T215" t="s">
        <v>175</v>
      </c>
      <c r="Y215" t="s">
        <v>224</v>
      </c>
      <c r="AC215" t="s">
        <v>199</v>
      </c>
      <c r="AD215" t="s">
        <v>175</v>
      </c>
      <c r="AE215" t="s">
        <v>175</v>
      </c>
      <c r="AF215" t="s">
        <v>175</v>
      </c>
      <c r="AG215" t="s">
        <v>175</v>
      </c>
      <c r="AH215" t="s">
        <v>175</v>
      </c>
      <c r="AI215" t="s">
        <v>175</v>
      </c>
      <c r="AJ215" t="s">
        <v>175</v>
      </c>
      <c r="AK215" t="s">
        <v>175</v>
      </c>
      <c r="AL215" t="s">
        <v>42</v>
      </c>
      <c r="AM215" t="s">
        <v>201</v>
      </c>
      <c r="AN215" t="s">
        <v>204</v>
      </c>
      <c r="AO215" t="s">
        <v>182</v>
      </c>
      <c r="AP215" t="s">
        <v>184</v>
      </c>
      <c r="AQ215" t="s">
        <v>185</v>
      </c>
      <c r="AR215" t="s">
        <v>183</v>
      </c>
      <c r="AS215" t="s">
        <v>203</v>
      </c>
      <c r="AT215" t="s">
        <v>202</v>
      </c>
      <c r="AU215" t="s">
        <v>205</v>
      </c>
      <c r="AV215" t="s">
        <v>206</v>
      </c>
      <c r="AX215" t="s">
        <v>186</v>
      </c>
      <c r="AY215" t="s">
        <v>187</v>
      </c>
      <c r="AZ215" t="s">
        <v>207</v>
      </c>
      <c r="BA215" t="s">
        <v>188</v>
      </c>
      <c r="BB215" t="s">
        <v>208</v>
      </c>
      <c r="BC215" t="s">
        <v>209</v>
      </c>
      <c r="BF215" s="1">
        <v>0</v>
      </c>
      <c r="BG215" s="1">
        <v>0</v>
      </c>
      <c r="BH215" s="1">
        <v>0</v>
      </c>
      <c r="BK215" t="s">
        <v>191</v>
      </c>
      <c r="BL215" t="s">
        <v>1053</v>
      </c>
      <c r="BM215" t="s">
        <v>191</v>
      </c>
      <c r="BN215" t="s">
        <v>1054</v>
      </c>
      <c r="BO215" s="1">
        <v>0</v>
      </c>
    </row>
    <row r="216" spans="1:69" x14ac:dyDescent="0.25">
      <c r="A216" s="1">
        <v>30448559</v>
      </c>
      <c r="B216" t="s">
        <v>48</v>
      </c>
      <c r="C216" t="s">
        <v>39</v>
      </c>
      <c r="L216" t="s">
        <v>42</v>
      </c>
      <c r="M216" t="s">
        <v>49</v>
      </c>
      <c r="N216" s="1">
        <v>0</v>
      </c>
      <c r="O216" s="1">
        <v>0</v>
      </c>
      <c r="P216" s="1">
        <v>0</v>
      </c>
      <c r="Q216" s="1">
        <v>0</v>
      </c>
      <c r="S216" s="1">
        <v>0</v>
      </c>
      <c r="T216" s="1">
        <v>0</v>
      </c>
      <c r="AC216" s="1">
        <v>0</v>
      </c>
      <c r="AD216" s="1">
        <v>0</v>
      </c>
      <c r="AE216" s="1">
        <v>0</v>
      </c>
      <c r="AF216" s="1">
        <v>0</v>
      </c>
      <c r="AG216" s="1">
        <v>0</v>
      </c>
      <c r="AH216" s="1">
        <v>0</v>
      </c>
      <c r="AI216" s="1">
        <v>0</v>
      </c>
      <c r="AJ216" s="1">
        <v>0</v>
      </c>
      <c r="AK216" s="1">
        <v>0</v>
      </c>
      <c r="AL216" s="1">
        <v>0</v>
      </c>
      <c r="AM216" s="1">
        <v>0</v>
      </c>
      <c r="AN216" s="1">
        <v>0</v>
      </c>
      <c r="AO216" s="1">
        <v>0</v>
      </c>
      <c r="AP216" s="1">
        <v>0</v>
      </c>
      <c r="AQ216" s="1">
        <v>0</v>
      </c>
      <c r="AR216" s="1">
        <v>0</v>
      </c>
      <c r="AS216" s="1">
        <v>0</v>
      </c>
      <c r="AT216" s="1">
        <v>0</v>
      </c>
      <c r="AU216" s="1">
        <v>0</v>
      </c>
      <c r="AV216" s="1">
        <v>0</v>
      </c>
      <c r="BF216" s="1">
        <v>0</v>
      </c>
      <c r="BG216" s="1">
        <v>0</v>
      </c>
      <c r="BH216" s="1">
        <v>0</v>
      </c>
      <c r="BK216" s="1">
        <v>0</v>
      </c>
      <c r="BM216" s="1">
        <v>0</v>
      </c>
      <c r="BO216" s="1">
        <v>0</v>
      </c>
    </row>
    <row r="217" spans="1:69" x14ac:dyDescent="0.25">
      <c r="A217" s="1">
        <v>30448560</v>
      </c>
      <c r="B217" t="s">
        <v>343</v>
      </c>
      <c r="C217" t="s">
        <v>39</v>
      </c>
      <c r="D217" t="s">
        <v>174</v>
      </c>
      <c r="E217" t="s">
        <v>200</v>
      </c>
      <c r="L217" t="s">
        <v>52</v>
      </c>
      <c r="M217" s="1">
        <v>0</v>
      </c>
      <c r="N217" s="1">
        <v>0</v>
      </c>
      <c r="O217" t="s">
        <v>174</v>
      </c>
      <c r="P217" t="s">
        <v>176</v>
      </c>
      <c r="Q217" t="s">
        <v>196</v>
      </c>
      <c r="S217" t="s">
        <v>222</v>
      </c>
      <c r="T217" t="s">
        <v>200</v>
      </c>
      <c r="X217" t="s">
        <v>179</v>
      </c>
      <c r="AC217" t="s">
        <v>180</v>
      </c>
      <c r="AD217" t="s">
        <v>175</v>
      </c>
      <c r="AE217" t="s">
        <v>175</v>
      </c>
      <c r="AF217" t="s">
        <v>175</v>
      </c>
      <c r="AG217" t="s">
        <v>200</v>
      </c>
      <c r="AH217" t="s">
        <v>200</v>
      </c>
      <c r="AI217" t="s">
        <v>200</v>
      </c>
      <c r="AJ217" t="s">
        <v>200</v>
      </c>
      <c r="AK217" t="s">
        <v>181</v>
      </c>
      <c r="AL217" t="s">
        <v>42</v>
      </c>
      <c r="AM217" t="s">
        <v>204</v>
      </c>
      <c r="AN217" t="s">
        <v>205</v>
      </c>
      <c r="AO217" t="s">
        <v>184</v>
      </c>
      <c r="AP217" t="s">
        <v>182</v>
      </c>
      <c r="AQ217" t="s">
        <v>183</v>
      </c>
      <c r="AR217" t="s">
        <v>185</v>
      </c>
      <c r="AS217" t="s">
        <v>203</v>
      </c>
      <c r="AT217" t="s">
        <v>201</v>
      </c>
      <c r="AU217" t="s">
        <v>206</v>
      </c>
      <c r="AV217" t="s">
        <v>202</v>
      </c>
      <c r="AX217" t="s">
        <v>186</v>
      </c>
      <c r="AY217" t="s">
        <v>187</v>
      </c>
      <c r="AZ217" t="s">
        <v>207</v>
      </c>
      <c r="BA217" t="s">
        <v>188</v>
      </c>
      <c r="BF217" t="s">
        <v>189</v>
      </c>
      <c r="BG217" s="1">
        <v>0</v>
      </c>
      <c r="BH217" t="s">
        <v>211</v>
      </c>
      <c r="BK217" t="s">
        <v>191</v>
      </c>
      <c r="BM217" t="s">
        <v>191</v>
      </c>
      <c r="BO217" t="s">
        <v>191</v>
      </c>
    </row>
    <row r="218" spans="1:69" x14ac:dyDescent="0.25">
      <c r="A218" s="1">
        <v>30448561</v>
      </c>
      <c r="B218" t="s">
        <v>3845</v>
      </c>
      <c r="C218" t="s">
        <v>39</v>
      </c>
      <c r="D218" t="s">
        <v>3727</v>
      </c>
      <c r="E218" t="s">
        <v>195</v>
      </c>
      <c r="L218" t="s">
        <v>52</v>
      </c>
      <c r="M218" s="1">
        <v>0</v>
      </c>
      <c r="N218" s="1">
        <v>0</v>
      </c>
      <c r="O218" t="s">
        <v>3728</v>
      </c>
      <c r="P218" t="s">
        <v>176</v>
      </c>
      <c r="Q218" t="s">
        <v>196</v>
      </c>
      <c r="S218" t="s">
        <v>349</v>
      </c>
      <c r="T218" s="1">
        <v>0</v>
      </c>
      <c r="AC218" s="1">
        <v>0</v>
      </c>
      <c r="AD218" s="1">
        <v>0</v>
      </c>
      <c r="AE218" s="1">
        <v>0</v>
      </c>
      <c r="AF218" s="1">
        <v>0</v>
      </c>
      <c r="AG218" s="1">
        <v>0</v>
      </c>
      <c r="AH218" s="1">
        <v>0</v>
      </c>
      <c r="AI218" s="1">
        <v>0</v>
      </c>
      <c r="AJ218" s="1">
        <v>0</v>
      </c>
      <c r="AK218" s="1">
        <v>0</v>
      </c>
      <c r="AL218" s="1">
        <v>0</v>
      </c>
      <c r="AM218" s="1">
        <v>0</v>
      </c>
      <c r="AN218" s="1">
        <v>0</v>
      </c>
      <c r="AO218" s="1">
        <v>0</v>
      </c>
      <c r="AP218" s="1">
        <v>0</v>
      </c>
      <c r="AQ218" s="1">
        <v>0</v>
      </c>
      <c r="AR218" s="1">
        <v>0</v>
      </c>
      <c r="AS218" s="1">
        <v>0</v>
      </c>
      <c r="AT218" s="1">
        <v>0</v>
      </c>
      <c r="AU218" s="1">
        <v>0</v>
      </c>
      <c r="AV218" s="1">
        <v>0</v>
      </c>
      <c r="BF218" s="1">
        <v>0</v>
      </c>
      <c r="BG218" s="1">
        <v>0</v>
      </c>
      <c r="BH218" s="1">
        <v>0</v>
      </c>
      <c r="BK218" s="1">
        <v>0</v>
      </c>
      <c r="BM218" s="1">
        <v>0</v>
      </c>
      <c r="BO218" s="1">
        <v>0</v>
      </c>
    </row>
    <row r="219" spans="1:69" x14ac:dyDescent="0.25">
      <c r="A219" s="1">
        <v>30448562</v>
      </c>
      <c r="B219" t="s">
        <v>344</v>
      </c>
      <c r="C219" t="s">
        <v>39</v>
      </c>
      <c r="D219" t="s">
        <v>174</v>
      </c>
      <c r="E219" t="s">
        <v>200</v>
      </c>
      <c r="L219" t="s">
        <v>52</v>
      </c>
      <c r="M219" s="1">
        <v>0</v>
      </c>
      <c r="N219" s="1">
        <v>0</v>
      </c>
      <c r="O219" t="s">
        <v>174</v>
      </c>
      <c r="P219" t="s">
        <v>216</v>
      </c>
      <c r="Q219" t="s">
        <v>258</v>
      </c>
      <c r="S219" s="1">
        <v>0</v>
      </c>
      <c r="T219" t="s">
        <v>200</v>
      </c>
      <c r="W219" t="s">
        <v>262</v>
      </c>
      <c r="AC219" t="s">
        <v>180</v>
      </c>
      <c r="AD219" t="s">
        <v>200</v>
      </c>
      <c r="AE219" t="s">
        <v>200</v>
      </c>
      <c r="AF219" t="s">
        <v>175</v>
      </c>
      <c r="AG219" t="s">
        <v>175</v>
      </c>
      <c r="AH219" t="s">
        <v>200</v>
      </c>
      <c r="AI219" t="s">
        <v>200</v>
      </c>
      <c r="AJ219" t="s">
        <v>200</v>
      </c>
      <c r="AK219" t="s">
        <v>175</v>
      </c>
      <c r="AL219" t="s">
        <v>52</v>
      </c>
      <c r="AM219" t="s">
        <v>182</v>
      </c>
      <c r="AN219" t="s">
        <v>183</v>
      </c>
      <c r="AO219" t="s">
        <v>201</v>
      </c>
      <c r="AP219" t="s">
        <v>203</v>
      </c>
      <c r="AQ219" t="s">
        <v>184</v>
      </c>
      <c r="AR219" t="s">
        <v>205</v>
      </c>
      <c r="AS219" t="s">
        <v>185</v>
      </c>
      <c r="AT219" t="s">
        <v>206</v>
      </c>
      <c r="AU219" t="s">
        <v>202</v>
      </c>
      <c r="AV219" t="s">
        <v>204</v>
      </c>
      <c r="AZ219" t="s">
        <v>207</v>
      </c>
      <c r="BA219" t="s">
        <v>188</v>
      </c>
      <c r="BC219" t="s">
        <v>209</v>
      </c>
      <c r="BF219" t="s">
        <v>210</v>
      </c>
      <c r="BG219" s="1">
        <v>0</v>
      </c>
      <c r="BH219" t="s">
        <v>211</v>
      </c>
      <c r="BK219" t="s">
        <v>191</v>
      </c>
      <c r="BL219" t="s">
        <v>345</v>
      </c>
      <c r="BM219" t="s">
        <v>191</v>
      </c>
      <c r="BN219" t="s">
        <v>346</v>
      </c>
      <c r="BO219" t="s">
        <v>191</v>
      </c>
      <c r="BP219" t="s">
        <v>347</v>
      </c>
    </row>
    <row r="220" spans="1:69" x14ac:dyDescent="0.25">
      <c r="A220" s="1">
        <v>30448564</v>
      </c>
      <c r="B220" t="s">
        <v>2595</v>
      </c>
      <c r="C220" t="s">
        <v>39</v>
      </c>
      <c r="D220" t="s">
        <v>2512</v>
      </c>
      <c r="E220" t="s">
        <v>200</v>
      </c>
      <c r="L220" t="s">
        <v>52</v>
      </c>
      <c r="M220" s="1">
        <v>0</v>
      </c>
      <c r="N220" s="1">
        <v>0</v>
      </c>
      <c r="O220" t="s">
        <v>2512</v>
      </c>
      <c r="P220" t="s">
        <v>176</v>
      </c>
      <c r="Q220" t="s">
        <v>177</v>
      </c>
      <c r="S220" t="s">
        <v>178</v>
      </c>
      <c r="T220" t="s">
        <v>200</v>
      </c>
      <c r="AC220" t="s">
        <v>199</v>
      </c>
      <c r="AD220" t="s">
        <v>200</v>
      </c>
      <c r="AE220" t="s">
        <v>200</v>
      </c>
      <c r="AF220" t="s">
        <v>200</v>
      </c>
      <c r="AG220" t="s">
        <v>200</v>
      </c>
      <c r="AH220" t="s">
        <v>200</v>
      </c>
      <c r="AI220" t="s">
        <v>200</v>
      </c>
      <c r="AJ220" t="s">
        <v>200</v>
      </c>
      <c r="AK220" t="s">
        <v>200</v>
      </c>
      <c r="AL220" t="s">
        <v>42</v>
      </c>
      <c r="AM220" t="s">
        <v>182</v>
      </c>
      <c r="AN220" t="s">
        <v>202</v>
      </c>
      <c r="AO220" t="s">
        <v>206</v>
      </c>
      <c r="AP220" t="s">
        <v>183</v>
      </c>
      <c r="AQ220" t="s">
        <v>185</v>
      </c>
      <c r="AR220" t="s">
        <v>184</v>
      </c>
      <c r="AS220" t="s">
        <v>203</v>
      </c>
      <c r="AT220" t="s">
        <v>204</v>
      </c>
      <c r="AU220" t="s">
        <v>205</v>
      </c>
      <c r="AV220" t="s">
        <v>201</v>
      </c>
      <c r="BF220" t="s">
        <v>210</v>
      </c>
      <c r="BG220" s="1">
        <v>0</v>
      </c>
      <c r="BH220" t="s">
        <v>247</v>
      </c>
      <c r="BK220" t="s">
        <v>191</v>
      </c>
      <c r="BM220" t="s">
        <v>191</v>
      </c>
      <c r="BO220" t="s">
        <v>191</v>
      </c>
    </row>
    <row r="221" spans="1:69" x14ac:dyDescent="0.25">
      <c r="A221" s="1">
        <v>30448566</v>
      </c>
      <c r="B221" t="s">
        <v>50</v>
      </c>
      <c r="C221" t="s">
        <v>39</v>
      </c>
      <c r="L221" s="1">
        <v>0</v>
      </c>
      <c r="M221" s="1">
        <v>0</v>
      </c>
      <c r="N221" s="1">
        <v>0</v>
      </c>
      <c r="O221" s="1">
        <v>0</v>
      </c>
      <c r="P221" s="1">
        <v>0</v>
      </c>
      <c r="Q221" s="1">
        <v>0</v>
      </c>
      <c r="S221" s="1">
        <v>0</v>
      </c>
      <c r="T221" s="1">
        <v>0</v>
      </c>
      <c r="AC221" s="1">
        <v>0</v>
      </c>
      <c r="AD221" s="1">
        <v>0</v>
      </c>
      <c r="AE221" s="1">
        <v>0</v>
      </c>
      <c r="AF221" s="1">
        <v>0</v>
      </c>
      <c r="AG221" s="1">
        <v>0</v>
      </c>
      <c r="AH221" s="1">
        <v>0</v>
      </c>
      <c r="AI221" s="1">
        <v>0</v>
      </c>
      <c r="AJ221" s="1">
        <v>0</v>
      </c>
      <c r="AK221" s="1">
        <v>0</v>
      </c>
      <c r="AL221" s="1">
        <v>0</v>
      </c>
      <c r="AM221" s="1">
        <v>0</v>
      </c>
      <c r="AN221" s="1">
        <v>0</v>
      </c>
      <c r="AO221" s="1">
        <v>0</v>
      </c>
      <c r="AP221" s="1">
        <v>0</v>
      </c>
      <c r="AQ221" s="1">
        <v>0</v>
      </c>
      <c r="AR221" s="1">
        <v>0</v>
      </c>
      <c r="AS221" s="1">
        <v>0</v>
      </c>
      <c r="AT221" s="1">
        <v>0</v>
      </c>
      <c r="AU221" s="1">
        <v>0</v>
      </c>
      <c r="AV221" s="1">
        <v>0</v>
      </c>
      <c r="BF221" s="1">
        <v>0</v>
      </c>
      <c r="BG221" s="1">
        <v>0</v>
      </c>
      <c r="BH221" s="1">
        <v>0</v>
      </c>
      <c r="BK221" s="1">
        <v>0</v>
      </c>
      <c r="BM221" s="1">
        <v>0</v>
      </c>
      <c r="BO221" s="1">
        <v>0</v>
      </c>
    </row>
    <row r="222" spans="1:69" x14ac:dyDescent="0.25">
      <c r="A222" s="1">
        <v>30448567</v>
      </c>
      <c r="B222" t="s">
        <v>3198</v>
      </c>
      <c r="C222" t="s">
        <v>39</v>
      </c>
      <c r="D222" t="s">
        <v>3138</v>
      </c>
      <c r="E222" t="s">
        <v>200</v>
      </c>
      <c r="L222" t="s">
        <v>52</v>
      </c>
      <c r="M222" s="1">
        <v>0</v>
      </c>
      <c r="N222" s="1">
        <v>0</v>
      </c>
      <c r="O222" t="s">
        <v>3139</v>
      </c>
      <c r="P222" t="s">
        <v>216</v>
      </c>
      <c r="Q222" t="s">
        <v>196</v>
      </c>
      <c r="S222" s="1">
        <v>0</v>
      </c>
      <c r="T222" t="s">
        <v>200</v>
      </c>
      <c r="Y222" t="s">
        <v>224</v>
      </c>
      <c r="AC222" t="s">
        <v>180</v>
      </c>
      <c r="AD222" t="s">
        <v>200</v>
      </c>
      <c r="AE222" t="s">
        <v>200</v>
      </c>
      <c r="AF222" t="s">
        <v>200</v>
      </c>
      <c r="AG222" t="s">
        <v>200</v>
      </c>
      <c r="AH222" t="s">
        <v>200</v>
      </c>
      <c r="AI222" t="s">
        <v>200</v>
      </c>
      <c r="AJ222" t="s">
        <v>200</v>
      </c>
      <c r="AK222" t="s">
        <v>200</v>
      </c>
      <c r="AL222" t="s">
        <v>42</v>
      </c>
      <c r="AM222" t="s">
        <v>182</v>
      </c>
      <c r="AN222" s="1">
        <v>0</v>
      </c>
      <c r="AO222" t="s">
        <v>184</v>
      </c>
      <c r="AP222" s="1">
        <v>0</v>
      </c>
      <c r="AQ222" s="1">
        <v>0</v>
      </c>
      <c r="AR222" s="1">
        <v>0</v>
      </c>
      <c r="AS222" s="1">
        <v>0</v>
      </c>
      <c r="AT222" t="s">
        <v>185</v>
      </c>
      <c r="AU222" s="1">
        <v>0</v>
      </c>
      <c r="AV222" s="1">
        <v>0</v>
      </c>
      <c r="AY222" t="s">
        <v>187</v>
      </c>
      <c r="AZ222" t="s">
        <v>207</v>
      </c>
      <c r="BF222" t="s">
        <v>210</v>
      </c>
      <c r="BG222" s="1">
        <v>0</v>
      </c>
      <c r="BH222" t="s">
        <v>211</v>
      </c>
      <c r="BK222" t="s">
        <v>191</v>
      </c>
      <c r="BL222" t="s">
        <v>2589</v>
      </c>
      <c r="BM222" t="s">
        <v>191</v>
      </c>
      <c r="BO222" t="s">
        <v>218</v>
      </c>
    </row>
    <row r="223" spans="1:69" x14ac:dyDescent="0.25">
      <c r="A223" s="1">
        <v>30448569</v>
      </c>
      <c r="B223" t="s">
        <v>1055</v>
      </c>
      <c r="C223" t="s">
        <v>39</v>
      </c>
      <c r="D223" t="s">
        <v>942</v>
      </c>
      <c r="E223" t="s">
        <v>200</v>
      </c>
      <c r="L223" t="s">
        <v>52</v>
      </c>
      <c r="M223" s="1">
        <v>0</v>
      </c>
      <c r="N223" s="1">
        <v>0</v>
      </c>
      <c r="O223" t="s">
        <v>942</v>
      </c>
      <c r="P223" t="s">
        <v>176</v>
      </c>
      <c r="Q223" t="s">
        <v>238</v>
      </c>
      <c r="S223" t="s">
        <v>178</v>
      </c>
      <c r="T223" t="s">
        <v>200</v>
      </c>
      <c r="V223" t="s">
        <v>397</v>
      </c>
      <c r="AC223" t="s">
        <v>180</v>
      </c>
      <c r="AD223" t="s">
        <v>200</v>
      </c>
      <c r="AE223" t="s">
        <v>200</v>
      </c>
      <c r="AF223" t="s">
        <v>200</v>
      </c>
      <c r="AG223" t="s">
        <v>200</v>
      </c>
      <c r="AH223" t="s">
        <v>200</v>
      </c>
      <c r="AI223" t="s">
        <v>200</v>
      </c>
      <c r="AJ223" t="s">
        <v>200</v>
      </c>
      <c r="AK223" t="s">
        <v>200</v>
      </c>
      <c r="AL223" t="s">
        <v>42</v>
      </c>
      <c r="AM223" s="1">
        <v>0</v>
      </c>
      <c r="AN223" s="1">
        <v>0</v>
      </c>
      <c r="AO223" s="1">
        <v>0</v>
      </c>
      <c r="AP223" s="1">
        <v>0</v>
      </c>
      <c r="AQ223" s="1">
        <v>0</v>
      </c>
      <c r="AR223" s="1">
        <v>0</v>
      </c>
      <c r="AS223" s="1">
        <v>0</v>
      </c>
      <c r="AT223" s="1">
        <v>0</v>
      </c>
      <c r="AU223" s="1">
        <v>0</v>
      </c>
      <c r="AV223" s="1">
        <v>0</v>
      </c>
      <c r="AW223" t="s">
        <v>1056</v>
      </c>
      <c r="BA223" t="s">
        <v>188</v>
      </c>
      <c r="BC223" t="s">
        <v>209</v>
      </c>
      <c r="BF223" t="s">
        <v>210</v>
      </c>
      <c r="BG223" s="1">
        <v>0</v>
      </c>
      <c r="BH223" t="s">
        <v>464</v>
      </c>
      <c r="BK223" t="s">
        <v>191</v>
      </c>
      <c r="BL223" t="s">
        <v>1057</v>
      </c>
      <c r="BM223" t="s">
        <v>218</v>
      </c>
      <c r="BN223" t="s">
        <v>1058</v>
      </c>
      <c r="BO223" t="s">
        <v>218</v>
      </c>
      <c r="BQ223" t="s">
        <v>1059</v>
      </c>
    </row>
    <row r="224" spans="1:69" x14ac:dyDescent="0.25">
      <c r="A224" s="1">
        <v>30448570</v>
      </c>
      <c r="B224" t="s">
        <v>3199</v>
      </c>
      <c r="C224" t="s">
        <v>39</v>
      </c>
      <c r="D224" t="s">
        <v>3138</v>
      </c>
      <c r="E224" t="s">
        <v>195</v>
      </c>
      <c r="L224" t="s">
        <v>52</v>
      </c>
      <c r="M224" s="1">
        <v>0</v>
      </c>
      <c r="N224" s="1">
        <v>0</v>
      </c>
      <c r="O224" t="s">
        <v>3139</v>
      </c>
      <c r="P224" t="s">
        <v>176</v>
      </c>
      <c r="Q224" t="s">
        <v>238</v>
      </c>
      <c r="S224" t="s">
        <v>256</v>
      </c>
      <c r="T224" t="s">
        <v>197</v>
      </c>
      <c r="U224" t="s">
        <v>3200</v>
      </c>
      <c r="AA224" t="s">
        <v>273</v>
      </c>
      <c r="AB224" t="s">
        <v>1468</v>
      </c>
      <c r="AC224" t="s">
        <v>225</v>
      </c>
      <c r="AD224" t="s">
        <v>175</v>
      </c>
      <c r="AE224" t="s">
        <v>175</v>
      </c>
      <c r="AF224" t="s">
        <v>175</v>
      </c>
      <c r="AG224" t="s">
        <v>175</v>
      </c>
      <c r="AH224" t="s">
        <v>175</v>
      </c>
      <c r="AI224" t="s">
        <v>175</v>
      </c>
      <c r="AJ224" t="s">
        <v>175</v>
      </c>
      <c r="AK224" t="s">
        <v>181</v>
      </c>
      <c r="AL224" t="s">
        <v>42</v>
      </c>
      <c r="AM224" s="1">
        <v>0</v>
      </c>
      <c r="AN224" s="1">
        <v>0</v>
      </c>
      <c r="AO224" s="1">
        <v>0</v>
      </c>
      <c r="AP224" s="1">
        <v>0</v>
      </c>
      <c r="AQ224" s="1">
        <v>0</v>
      </c>
      <c r="AR224" s="1">
        <v>0</v>
      </c>
      <c r="AS224" s="1">
        <v>0</v>
      </c>
      <c r="AT224" s="1">
        <v>0</v>
      </c>
      <c r="AU224" s="1">
        <v>0</v>
      </c>
      <c r="AV224" s="1">
        <v>0</v>
      </c>
      <c r="BF224" s="1">
        <v>0</v>
      </c>
      <c r="BG224" s="1">
        <v>0</v>
      </c>
      <c r="BH224" s="1">
        <v>0</v>
      </c>
      <c r="BK224" s="1">
        <v>0</v>
      </c>
      <c r="BM224" s="1">
        <v>0</v>
      </c>
      <c r="BO224" s="1">
        <v>0</v>
      </c>
    </row>
    <row r="225" spans="1:69" x14ac:dyDescent="0.25">
      <c r="A225" s="1">
        <v>30448571</v>
      </c>
      <c r="B225" t="s">
        <v>2596</v>
      </c>
      <c r="C225" t="s">
        <v>39</v>
      </c>
      <c r="D225" t="s">
        <v>2512</v>
      </c>
      <c r="E225" t="s">
        <v>175</v>
      </c>
      <c r="L225" t="s">
        <v>52</v>
      </c>
      <c r="M225" s="1">
        <v>0</v>
      </c>
      <c r="N225" s="1">
        <v>0</v>
      </c>
      <c r="O225" t="s">
        <v>2512</v>
      </c>
      <c r="P225" t="s">
        <v>176</v>
      </c>
      <c r="Q225" t="s">
        <v>238</v>
      </c>
      <c r="S225" t="s">
        <v>178</v>
      </c>
      <c r="T225" t="s">
        <v>175</v>
      </c>
      <c r="AC225" t="s">
        <v>199</v>
      </c>
      <c r="AD225" t="s">
        <v>175</v>
      </c>
      <c r="AE225" t="s">
        <v>175</v>
      </c>
      <c r="AF225" t="s">
        <v>175</v>
      </c>
      <c r="AG225" t="s">
        <v>175</v>
      </c>
      <c r="AH225" t="s">
        <v>175</v>
      </c>
      <c r="AI225" t="s">
        <v>175</v>
      </c>
      <c r="AJ225" t="s">
        <v>175</v>
      </c>
      <c r="AK225" t="s">
        <v>181</v>
      </c>
      <c r="AL225" t="s">
        <v>52</v>
      </c>
      <c r="AM225" s="1">
        <v>0</v>
      </c>
      <c r="AN225" s="1">
        <v>0</v>
      </c>
      <c r="AO225" s="1">
        <v>0</v>
      </c>
      <c r="AP225" s="1">
        <v>0</v>
      </c>
      <c r="AQ225" s="1">
        <v>0</v>
      </c>
      <c r="AR225" s="1">
        <v>0</v>
      </c>
      <c r="AS225" s="1">
        <v>0</v>
      </c>
      <c r="AT225" s="1">
        <v>0</v>
      </c>
      <c r="AU225" s="1">
        <v>0</v>
      </c>
      <c r="AV225" s="1">
        <v>0</v>
      </c>
      <c r="AX225" t="s">
        <v>186</v>
      </c>
      <c r="AY225" t="s">
        <v>187</v>
      </c>
      <c r="AZ225" t="s">
        <v>207</v>
      </c>
      <c r="BA225" t="s">
        <v>188</v>
      </c>
      <c r="BB225" t="s">
        <v>208</v>
      </c>
      <c r="BC225" t="s">
        <v>209</v>
      </c>
      <c r="BF225" t="s">
        <v>49</v>
      </c>
      <c r="BG225" s="1">
        <v>0</v>
      </c>
      <c r="BH225" t="s">
        <v>211</v>
      </c>
      <c r="BK225" t="s">
        <v>191</v>
      </c>
      <c r="BM225" t="s">
        <v>191</v>
      </c>
      <c r="BO225" t="s">
        <v>218</v>
      </c>
    </row>
    <row r="226" spans="1:69" x14ac:dyDescent="0.25">
      <c r="A226" s="1">
        <v>30448572</v>
      </c>
      <c r="B226" t="s">
        <v>348</v>
      </c>
      <c r="C226" t="s">
        <v>39</v>
      </c>
      <c r="D226" t="s">
        <v>174</v>
      </c>
      <c r="E226" t="s">
        <v>195</v>
      </c>
      <c r="L226" t="s">
        <v>52</v>
      </c>
      <c r="M226" s="1">
        <v>0</v>
      </c>
      <c r="N226" s="1">
        <v>0</v>
      </c>
      <c r="O226" t="s">
        <v>174</v>
      </c>
      <c r="P226" t="s">
        <v>176</v>
      </c>
      <c r="Q226" t="s">
        <v>196</v>
      </c>
      <c r="S226" t="s">
        <v>349</v>
      </c>
      <c r="T226" t="s">
        <v>197</v>
      </c>
      <c r="U226" t="s">
        <v>350</v>
      </c>
      <c r="X226" t="s">
        <v>179</v>
      </c>
      <c r="Y226" t="s">
        <v>224</v>
      </c>
      <c r="AC226" t="s">
        <v>180</v>
      </c>
      <c r="AD226" t="s">
        <v>175</v>
      </c>
      <c r="AE226" t="s">
        <v>175</v>
      </c>
      <c r="AF226" t="s">
        <v>175</v>
      </c>
      <c r="AG226" t="s">
        <v>175</v>
      </c>
      <c r="AH226" t="s">
        <v>175</v>
      </c>
      <c r="AI226" t="s">
        <v>175</v>
      </c>
      <c r="AJ226" t="s">
        <v>175</v>
      </c>
      <c r="AK226" t="s">
        <v>181</v>
      </c>
      <c r="AL226" t="s">
        <v>52</v>
      </c>
      <c r="AM226" t="s">
        <v>183</v>
      </c>
      <c r="AN226" t="s">
        <v>182</v>
      </c>
      <c r="AO226" t="s">
        <v>185</v>
      </c>
      <c r="AP226" s="1">
        <v>0</v>
      </c>
      <c r="AQ226" s="1">
        <v>0</v>
      </c>
      <c r="AR226" s="1">
        <v>0</v>
      </c>
      <c r="AS226" t="s">
        <v>206</v>
      </c>
      <c r="AT226" t="s">
        <v>184</v>
      </c>
      <c r="AU226" s="1">
        <v>0</v>
      </c>
      <c r="AV226" t="s">
        <v>201</v>
      </c>
      <c r="AX226" t="s">
        <v>186</v>
      </c>
      <c r="AY226" t="s">
        <v>187</v>
      </c>
      <c r="AZ226" t="s">
        <v>207</v>
      </c>
      <c r="BA226" t="s">
        <v>188</v>
      </c>
      <c r="BF226" t="s">
        <v>210</v>
      </c>
      <c r="BG226" s="1">
        <v>0</v>
      </c>
      <c r="BH226" t="s">
        <v>211</v>
      </c>
      <c r="BK226" t="s">
        <v>191</v>
      </c>
      <c r="BL226" t="s">
        <v>351</v>
      </c>
      <c r="BM226" t="s">
        <v>191</v>
      </c>
      <c r="BN226" t="s">
        <v>352</v>
      </c>
      <c r="BO226" t="s">
        <v>218</v>
      </c>
      <c r="BP226" t="s">
        <v>353</v>
      </c>
      <c r="BQ226" t="s">
        <v>354</v>
      </c>
    </row>
    <row r="227" spans="1:69" x14ac:dyDescent="0.25">
      <c r="A227" s="1">
        <v>30448573</v>
      </c>
      <c r="B227" t="s">
        <v>3201</v>
      </c>
      <c r="C227" t="s">
        <v>39</v>
      </c>
      <c r="D227" t="s">
        <v>3138</v>
      </c>
      <c r="E227" t="s">
        <v>200</v>
      </c>
      <c r="L227" t="s">
        <v>52</v>
      </c>
      <c r="M227" s="1">
        <v>0</v>
      </c>
      <c r="N227" s="1">
        <v>0</v>
      </c>
      <c r="O227" t="s">
        <v>3139</v>
      </c>
      <c r="P227" t="s">
        <v>176</v>
      </c>
      <c r="Q227" t="s">
        <v>177</v>
      </c>
      <c r="S227" t="s">
        <v>178</v>
      </c>
      <c r="T227" t="s">
        <v>200</v>
      </c>
      <c r="Y227" t="s">
        <v>224</v>
      </c>
      <c r="AC227" t="s">
        <v>180</v>
      </c>
      <c r="AD227" t="s">
        <v>200</v>
      </c>
      <c r="AE227" t="s">
        <v>200</v>
      </c>
      <c r="AF227" t="s">
        <v>200</v>
      </c>
      <c r="AG227" t="s">
        <v>181</v>
      </c>
      <c r="AH227" t="s">
        <v>200</v>
      </c>
      <c r="AI227" t="s">
        <v>200</v>
      </c>
      <c r="AJ227" t="s">
        <v>181</v>
      </c>
      <c r="AK227" t="s">
        <v>200</v>
      </c>
      <c r="AL227" t="s">
        <v>42</v>
      </c>
      <c r="AM227" t="s">
        <v>185</v>
      </c>
      <c r="AN227" t="s">
        <v>182</v>
      </c>
      <c r="AO227" t="s">
        <v>183</v>
      </c>
      <c r="AP227" t="s">
        <v>202</v>
      </c>
      <c r="AQ227" t="s">
        <v>205</v>
      </c>
      <c r="AR227" t="s">
        <v>204</v>
      </c>
      <c r="AS227" t="s">
        <v>203</v>
      </c>
      <c r="AT227" t="s">
        <v>206</v>
      </c>
      <c r="AU227" t="s">
        <v>201</v>
      </c>
      <c r="AV227" t="s">
        <v>184</v>
      </c>
      <c r="AW227" t="s">
        <v>3202</v>
      </c>
      <c r="AY227" t="s">
        <v>187</v>
      </c>
      <c r="AZ227" t="s">
        <v>207</v>
      </c>
      <c r="BB227" t="s">
        <v>208</v>
      </c>
      <c r="BF227" t="s">
        <v>210</v>
      </c>
      <c r="BG227" s="1">
        <v>0</v>
      </c>
      <c r="BH227" t="s">
        <v>211</v>
      </c>
      <c r="BK227" t="s">
        <v>191</v>
      </c>
      <c r="BL227" t="s">
        <v>3203</v>
      </c>
      <c r="BM227" t="s">
        <v>218</v>
      </c>
      <c r="BN227" t="s">
        <v>2378</v>
      </c>
      <c r="BO227" t="s">
        <v>218</v>
      </c>
      <c r="BP227" t="s">
        <v>3204</v>
      </c>
    </row>
    <row r="228" spans="1:69" x14ac:dyDescent="0.25">
      <c r="A228" s="1">
        <v>30448574</v>
      </c>
      <c r="B228" t="s">
        <v>2597</v>
      </c>
      <c r="C228" t="s">
        <v>39</v>
      </c>
      <c r="D228" t="s">
        <v>2512</v>
      </c>
      <c r="E228" t="s">
        <v>216</v>
      </c>
      <c r="L228" t="s">
        <v>52</v>
      </c>
      <c r="M228" s="1">
        <v>0</v>
      </c>
      <c r="N228" s="1">
        <v>0</v>
      </c>
      <c r="O228" t="s">
        <v>2512</v>
      </c>
      <c r="P228" t="s">
        <v>216</v>
      </c>
      <c r="Q228" t="s">
        <v>238</v>
      </c>
      <c r="S228" s="1">
        <v>0</v>
      </c>
      <c r="T228" t="s">
        <v>197</v>
      </c>
      <c r="U228" t="s">
        <v>2598</v>
      </c>
      <c r="X228" t="s">
        <v>179</v>
      </c>
      <c r="AC228" t="s">
        <v>199</v>
      </c>
      <c r="AD228" t="s">
        <v>299</v>
      </c>
      <c r="AE228" t="s">
        <v>299</v>
      </c>
      <c r="AF228" t="s">
        <v>299</v>
      </c>
      <c r="AG228" t="s">
        <v>175</v>
      </c>
      <c r="AH228" t="s">
        <v>230</v>
      </c>
      <c r="AI228" t="s">
        <v>230</v>
      </c>
      <c r="AJ228" t="s">
        <v>299</v>
      </c>
      <c r="AK228" t="s">
        <v>181</v>
      </c>
      <c r="AL228" t="s">
        <v>42</v>
      </c>
      <c r="AM228" s="1">
        <v>0</v>
      </c>
      <c r="AN228" t="s">
        <v>183</v>
      </c>
      <c r="AO228" s="1">
        <v>0</v>
      </c>
      <c r="AP228" s="1">
        <v>0</v>
      </c>
      <c r="AQ228" t="s">
        <v>182</v>
      </c>
      <c r="AR228" t="s">
        <v>185</v>
      </c>
      <c r="AS228" s="1">
        <v>0</v>
      </c>
      <c r="AT228" t="s">
        <v>184</v>
      </c>
      <c r="AU228" s="1">
        <v>0</v>
      </c>
      <c r="AV228" s="1">
        <v>0</v>
      </c>
      <c r="AX228" t="s">
        <v>186</v>
      </c>
      <c r="BA228" t="s">
        <v>188</v>
      </c>
      <c r="BC228" t="s">
        <v>209</v>
      </c>
      <c r="BF228" t="s">
        <v>49</v>
      </c>
      <c r="BG228" s="1">
        <v>0</v>
      </c>
      <c r="BH228" t="s">
        <v>190</v>
      </c>
      <c r="BK228" t="s">
        <v>191</v>
      </c>
      <c r="BL228" t="s">
        <v>2599</v>
      </c>
      <c r="BM228" s="1">
        <v>0</v>
      </c>
      <c r="BN228" t="s">
        <v>2599</v>
      </c>
      <c r="BO228" t="s">
        <v>191</v>
      </c>
      <c r="BP228" t="s">
        <v>518</v>
      </c>
    </row>
    <row r="229" spans="1:69" x14ac:dyDescent="0.25">
      <c r="A229" s="1">
        <v>30448575</v>
      </c>
      <c r="B229" t="s">
        <v>1060</v>
      </c>
      <c r="C229" t="s">
        <v>39</v>
      </c>
      <c r="D229" t="s">
        <v>942</v>
      </c>
      <c r="E229" t="s">
        <v>175</v>
      </c>
      <c r="L229" t="s">
        <v>52</v>
      </c>
      <c r="M229" s="1">
        <v>0</v>
      </c>
      <c r="N229" s="1">
        <v>0</v>
      </c>
      <c r="O229" t="s">
        <v>942</v>
      </c>
      <c r="P229" t="s">
        <v>176</v>
      </c>
      <c r="Q229" t="s">
        <v>196</v>
      </c>
      <c r="S229" t="s">
        <v>178</v>
      </c>
      <c r="T229" t="s">
        <v>175</v>
      </c>
      <c r="V229" t="s">
        <v>397</v>
      </c>
      <c r="Z229" t="s">
        <v>244</v>
      </c>
      <c r="AC229" t="s">
        <v>180</v>
      </c>
      <c r="AD229" t="s">
        <v>175</v>
      </c>
      <c r="AE229" t="s">
        <v>200</v>
      </c>
      <c r="AF229" t="s">
        <v>200</v>
      </c>
      <c r="AG229" t="s">
        <v>200</v>
      </c>
      <c r="AH229" t="s">
        <v>200</v>
      </c>
      <c r="AI229" t="s">
        <v>200</v>
      </c>
      <c r="AJ229" t="s">
        <v>200</v>
      </c>
      <c r="AK229" t="s">
        <v>175</v>
      </c>
      <c r="AL229" t="s">
        <v>52</v>
      </c>
      <c r="AM229" t="s">
        <v>203</v>
      </c>
      <c r="AN229" t="s">
        <v>206</v>
      </c>
      <c r="AO229" t="s">
        <v>185</v>
      </c>
      <c r="AP229" t="s">
        <v>201</v>
      </c>
      <c r="AQ229" t="s">
        <v>184</v>
      </c>
      <c r="AR229" t="s">
        <v>182</v>
      </c>
      <c r="AS229" t="s">
        <v>183</v>
      </c>
      <c r="AT229" t="s">
        <v>205</v>
      </c>
      <c r="AU229" t="s">
        <v>204</v>
      </c>
      <c r="AV229" t="s">
        <v>202</v>
      </c>
      <c r="AY229" t="s">
        <v>187</v>
      </c>
      <c r="AZ229" t="s">
        <v>207</v>
      </c>
      <c r="BB229" t="s">
        <v>208</v>
      </c>
      <c r="BF229" t="s">
        <v>189</v>
      </c>
      <c r="BG229" s="1">
        <v>0</v>
      </c>
      <c r="BH229" t="s">
        <v>211</v>
      </c>
      <c r="BK229" t="s">
        <v>191</v>
      </c>
      <c r="BM229" t="s">
        <v>191</v>
      </c>
      <c r="BO229" t="s">
        <v>191</v>
      </c>
    </row>
    <row r="230" spans="1:69" x14ac:dyDescent="0.25">
      <c r="A230" s="1">
        <v>30448576</v>
      </c>
      <c r="B230" t="s">
        <v>1742</v>
      </c>
      <c r="C230" t="s">
        <v>39</v>
      </c>
      <c r="D230" t="s">
        <v>1616</v>
      </c>
      <c r="E230" t="s">
        <v>175</v>
      </c>
      <c r="L230" t="s">
        <v>52</v>
      </c>
      <c r="M230" s="1">
        <v>0</v>
      </c>
      <c r="N230" s="1">
        <v>0</v>
      </c>
      <c r="O230" t="s">
        <v>1616</v>
      </c>
      <c r="P230" t="s">
        <v>176</v>
      </c>
      <c r="Q230" t="s">
        <v>258</v>
      </c>
      <c r="S230" t="s">
        <v>222</v>
      </c>
      <c r="T230" t="s">
        <v>175</v>
      </c>
      <c r="W230" t="s">
        <v>262</v>
      </c>
      <c r="AC230" t="s">
        <v>199</v>
      </c>
      <c r="AD230" t="s">
        <v>175</v>
      </c>
      <c r="AE230" t="s">
        <v>175</v>
      </c>
      <c r="AF230" t="s">
        <v>175</v>
      </c>
      <c r="AG230" t="s">
        <v>175</v>
      </c>
      <c r="AH230" t="s">
        <v>175</v>
      </c>
      <c r="AI230" t="s">
        <v>175</v>
      </c>
      <c r="AJ230" t="s">
        <v>175</v>
      </c>
      <c r="AK230" t="s">
        <v>175</v>
      </c>
      <c r="AL230" t="s">
        <v>42</v>
      </c>
      <c r="AM230" t="s">
        <v>185</v>
      </c>
      <c r="AN230" t="s">
        <v>184</v>
      </c>
      <c r="AO230" t="s">
        <v>206</v>
      </c>
      <c r="AP230" t="s">
        <v>203</v>
      </c>
      <c r="AQ230" t="s">
        <v>205</v>
      </c>
      <c r="AR230" t="s">
        <v>204</v>
      </c>
      <c r="AS230" t="s">
        <v>183</v>
      </c>
      <c r="AT230" t="s">
        <v>202</v>
      </c>
      <c r="AU230" t="s">
        <v>201</v>
      </c>
      <c r="AV230" t="s">
        <v>182</v>
      </c>
      <c r="AZ230" t="s">
        <v>207</v>
      </c>
      <c r="BA230" t="s">
        <v>188</v>
      </c>
      <c r="BC230" t="s">
        <v>209</v>
      </c>
      <c r="BF230" t="s">
        <v>210</v>
      </c>
      <c r="BG230" s="1">
        <v>0</v>
      </c>
      <c r="BH230" t="s">
        <v>211</v>
      </c>
      <c r="BK230" t="s">
        <v>191</v>
      </c>
      <c r="BL230" t="s">
        <v>1743</v>
      </c>
      <c r="BM230" s="1">
        <v>0</v>
      </c>
      <c r="BN230" t="s">
        <v>1057</v>
      </c>
      <c r="BO230" t="s">
        <v>218</v>
      </c>
      <c r="BP230" t="s">
        <v>1057</v>
      </c>
      <c r="BQ230" t="s">
        <v>1744</v>
      </c>
    </row>
    <row r="231" spans="1:69" x14ac:dyDescent="0.25">
      <c r="A231" s="1">
        <v>30448577</v>
      </c>
      <c r="B231" t="s">
        <v>355</v>
      </c>
      <c r="C231" t="s">
        <v>39</v>
      </c>
      <c r="D231" t="s">
        <v>174</v>
      </c>
      <c r="E231" t="s">
        <v>216</v>
      </c>
      <c r="L231" t="s">
        <v>52</v>
      </c>
      <c r="M231" s="1">
        <v>0</v>
      </c>
      <c r="N231" s="1">
        <v>0</v>
      </c>
      <c r="O231" t="s">
        <v>174</v>
      </c>
      <c r="P231" t="s">
        <v>216</v>
      </c>
      <c r="Q231" t="s">
        <v>177</v>
      </c>
      <c r="S231" s="1">
        <v>0</v>
      </c>
      <c r="T231" t="s">
        <v>197</v>
      </c>
      <c r="U231" t="s">
        <v>356</v>
      </c>
      <c r="AA231" t="s">
        <v>273</v>
      </c>
      <c r="AB231" t="s">
        <v>357</v>
      </c>
      <c r="AC231" t="s">
        <v>180</v>
      </c>
      <c r="AD231" t="s">
        <v>181</v>
      </c>
      <c r="AE231" t="s">
        <v>181</v>
      </c>
      <c r="AF231" t="s">
        <v>181</v>
      </c>
      <c r="AG231" t="s">
        <v>175</v>
      </c>
      <c r="AH231" t="s">
        <v>175</v>
      </c>
      <c r="AI231" t="s">
        <v>175</v>
      </c>
      <c r="AJ231" t="s">
        <v>175</v>
      </c>
      <c r="AK231" t="s">
        <v>175</v>
      </c>
      <c r="AL231" t="s">
        <v>42</v>
      </c>
      <c r="AM231" t="s">
        <v>205</v>
      </c>
      <c r="AN231" t="s">
        <v>182</v>
      </c>
      <c r="AO231" t="s">
        <v>184</v>
      </c>
      <c r="AP231" t="s">
        <v>185</v>
      </c>
      <c r="AQ231" t="s">
        <v>202</v>
      </c>
      <c r="AR231" t="s">
        <v>203</v>
      </c>
      <c r="AS231" t="s">
        <v>204</v>
      </c>
      <c r="AT231" t="s">
        <v>183</v>
      </c>
      <c r="AU231" t="s">
        <v>201</v>
      </c>
      <c r="AV231" t="s">
        <v>206</v>
      </c>
      <c r="AX231" t="s">
        <v>186</v>
      </c>
      <c r="AY231" t="s">
        <v>187</v>
      </c>
      <c r="AZ231" t="s">
        <v>207</v>
      </c>
      <c r="BA231" t="s">
        <v>188</v>
      </c>
      <c r="BF231" t="s">
        <v>232</v>
      </c>
      <c r="BG231" t="s">
        <v>315</v>
      </c>
      <c r="BH231" t="s">
        <v>211</v>
      </c>
      <c r="BK231" t="s">
        <v>191</v>
      </c>
      <c r="BL231" t="s">
        <v>358</v>
      </c>
      <c r="BM231" t="s">
        <v>191</v>
      </c>
      <c r="BN231" t="s">
        <v>359</v>
      </c>
      <c r="BO231" t="s">
        <v>218</v>
      </c>
      <c r="BP231" t="s">
        <v>360</v>
      </c>
    </row>
    <row r="232" spans="1:69" x14ac:dyDescent="0.25">
      <c r="A232" s="1">
        <v>30448581</v>
      </c>
      <c r="B232" t="s">
        <v>3846</v>
      </c>
      <c r="C232" t="s">
        <v>39</v>
      </c>
      <c r="D232" t="s">
        <v>3727</v>
      </c>
      <c r="E232" t="s">
        <v>175</v>
      </c>
      <c r="L232" t="s">
        <v>52</v>
      </c>
      <c r="M232" s="1">
        <v>0</v>
      </c>
      <c r="N232" s="1">
        <v>0</v>
      </c>
      <c r="O232" t="s">
        <v>3728</v>
      </c>
      <c r="P232" t="s">
        <v>176</v>
      </c>
      <c r="Q232" t="s">
        <v>238</v>
      </c>
      <c r="S232" t="s">
        <v>178</v>
      </c>
      <c r="T232" t="s">
        <v>175</v>
      </c>
      <c r="W232" t="s">
        <v>262</v>
      </c>
      <c r="X232" t="s">
        <v>179</v>
      </c>
      <c r="Y232" t="s">
        <v>224</v>
      </c>
      <c r="AC232" t="s">
        <v>180</v>
      </c>
      <c r="AD232" t="s">
        <v>175</v>
      </c>
      <c r="AE232" t="s">
        <v>175</v>
      </c>
      <c r="AF232" t="s">
        <v>175</v>
      </c>
      <c r="AG232" t="s">
        <v>175</v>
      </c>
      <c r="AH232" t="s">
        <v>175</v>
      </c>
      <c r="AI232" t="s">
        <v>175</v>
      </c>
      <c r="AJ232" t="s">
        <v>175</v>
      </c>
      <c r="AK232" t="s">
        <v>175</v>
      </c>
      <c r="AL232" t="s">
        <v>42</v>
      </c>
      <c r="AM232" t="s">
        <v>201</v>
      </c>
      <c r="AN232" t="s">
        <v>185</v>
      </c>
      <c r="AO232" t="s">
        <v>204</v>
      </c>
      <c r="AP232" t="s">
        <v>182</v>
      </c>
      <c r="AQ232" t="s">
        <v>205</v>
      </c>
      <c r="AR232" t="s">
        <v>184</v>
      </c>
      <c r="AS232" t="s">
        <v>206</v>
      </c>
      <c r="AT232" t="s">
        <v>183</v>
      </c>
      <c r="AU232" t="s">
        <v>202</v>
      </c>
      <c r="AV232" t="s">
        <v>203</v>
      </c>
      <c r="AY232" t="s">
        <v>187</v>
      </c>
      <c r="AZ232" t="s">
        <v>207</v>
      </c>
      <c r="BA232" t="s">
        <v>188</v>
      </c>
      <c r="BB232" t="s">
        <v>208</v>
      </c>
      <c r="BC232" t="s">
        <v>209</v>
      </c>
      <c r="BF232" t="s">
        <v>292</v>
      </c>
      <c r="BG232" t="s">
        <v>233</v>
      </c>
      <c r="BH232" t="s">
        <v>211</v>
      </c>
      <c r="BK232" t="s">
        <v>191</v>
      </c>
      <c r="BL232" t="s">
        <v>2016</v>
      </c>
      <c r="BM232" t="s">
        <v>191</v>
      </c>
      <c r="BN232" t="s">
        <v>3847</v>
      </c>
      <c r="BO232" t="s">
        <v>191</v>
      </c>
      <c r="BP232" t="s">
        <v>3848</v>
      </c>
    </row>
    <row r="233" spans="1:69" x14ac:dyDescent="0.25">
      <c r="A233" s="1">
        <v>30448582</v>
      </c>
      <c r="B233" t="s">
        <v>1061</v>
      </c>
      <c r="C233" t="s">
        <v>39</v>
      </c>
      <c r="D233" t="s">
        <v>942</v>
      </c>
      <c r="E233" t="s">
        <v>195</v>
      </c>
      <c r="L233" t="s">
        <v>52</v>
      </c>
      <c r="M233" s="1">
        <v>0</v>
      </c>
      <c r="N233" s="1">
        <v>0</v>
      </c>
      <c r="O233" t="s">
        <v>942</v>
      </c>
      <c r="P233" t="s">
        <v>176</v>
      </c>
      <c r="Q233" t="s">
        <v>196</v>
      </c>
      <c r="S233" t="s">
        <v>256</v>
      </c>
      <c r="T233" t="s">
        <v>197</v>
      </c>
      <c r="AC233" s="1">
        <v>0</v>
      </c>
      <c r="AD233" s="1">
        <v>0</v>
      </c>
      <c r="AE233" s="1">
        <v>0</v>
      </c>
      <c r="AF233" s="1">
        <v>0</v>
      </c>
      <c r="AG233" s="1">
        <v>0</v>
      </c>
      <c r="AH233" s="1">
        <v>0</v>
      </c>
      <c r="AI233" s="1">
        <v>0</v>
      </c>
      <c r="AJ233" s="1">
        <v>0</v>
      </c>
      <c r="AK233" s="1">
        <v>0</v>
      </c>
      <c r="AL233" s="1">
        <v>0</v>
      </c>
      <c r="AM233" s="1">
        <v>0</v>
      </c>
      <c r="AN233" s="1">
        <v>0</v>
      </c>
      <c r="AO233" s="1">
        <v>0</v>
      </c>
      <c r="AP233" s="1">
        <v>0</v>
      </c>
      <c r="AQ233" s="1">
        <v>0</v>
      </c>
      <c r="AR233" s="1">
        <v>0</v>
      </c>
      <c r="AS233" s="1">
        <v>0</v>
      </c>
      <c r="AT233" s="1">
        <v>0</v>
      </c>
      <c r="AU233" s="1">
        <v>0</v>
      </c>
      <c r="AV233" s="1">
        <v>0</v>
      </c>
      <c r="BF233" s="1">
        <v>0</v>
      </c>
      <c r="BG233" s="1">
        <v>0</v>
      </c>
      <c r="BH233" s="1">
        <v>0</v>
      </c>
      <c r="BK233" s="1">
        <v>0</v>
      </c>
      <c r="BM233" s="1">
        <v>0</v>
      </c>
      <c r="BO233" s="1">
        <v>0</v>
      </c>
    </row>
    <row r="234" spans="1:69" x14ac:dyDescent="0.25">
      <c r="A234" s="1">
        <v>30448583</v>
      </c>
      <c r="B234" t="s">
        <v>1745</v>
      </c>
      <c r="C234" t="s">
        <v>39</v>
      </c>
      <c r="D234" t="s">
        <v>1616</v>
      </c>
      <c r="E234" t="s">
        <v>195</v>
      </c>
      <c r="L234" t="s">
        <v>52</v>
      </c>
      <c r="M234" s="1">
        <v>0</v>
      </c>
      <c r="N234" s="1">
        <v>0</v>
      </c>
      <c r="O234" t="s">
        <v>1616</v>
      </c>
      <c r="P234" t="s">
        <v>176</v>
      </c>
      <c r="Q234" t="s">
        <v>196</v>
      </c>
      <c r="S234" t="s">
        <v>315</v>
      </c>
      <c r="T234" t="s">
        <v>49</v>
      </c>
      <c r="AC234" t="s">
        <v>225</v>
      </c>
      <c r="AD234" t="s">
        <v>181</v>
      </c>
      <c r="AE234" t="s">
        <v>181</v>
      </c>
      <c r="AF234" t="s">
        <v>181</v>
      </c>
      <c r="AG234" t="s">
        <v>181</v>
      </c>
      <c r="AH234" t="s">
        <v>181</v>
      </c>
      <c r="AI234" t="s">
        <v>181</v>
      </c>
      <c r="AJ234" t="s">
        <v>181</v>
      </c>
      <c r="AK234" t="s">
        <v>181</v>
      </c>
      <c r="AL234" t="s">
        <v>52</v>
      </c>
      <c r="AM234" t="s">
        <v>185</v>
      </c>
      <c r="AN234" t="s">
        <v>183</v>
      </c>
      <c r="AO234" t="s">
        <v>182</v>
      </c>
      <c r="AP234" t="s">
        <v>184</v>
      </c>
      <c r="AQ234" t="s">
        <v>202</v>
      </c>
      <c r="AR234" t="s">
        <v>204</v>
      </c>
      <c r="AS234" t="s">
        <v>203</v>
      </c>
      <c r="AT234" t="s">
        <v>206</v>
      </c>
      <c r="AU234" t="s">
        <v>201</v>
      </c>
      <c r="AV234" t="s">
        <v>205</v>
      </c>
      <c r="AY234" t="s">
        <v>187</v>
      </c>
      <c r="BA234" t="s">
        <v>188</v>
      </c>
      <c r="BF234" t="s">
        <v>49</v>
      </c>
      <c r="BG234" s="1">
        <v>0</v>
      </c>
      <c r="BH234" t="s">
        <v>211</v>
      </c>
      <c r="BK234" t="s">
        <v>191</v>
      </c>
      <c r="BL234" t="s">
        <v>1746</v>
      </c>
      <c r="BM234" t="s">
        <v>191</v>
      </c>
      <c r="BN234" t="s">
        <v>1747</v>
      </c>
      <c r="BO234" t="s">
        <v>191</v>
      </c>
      <c r="BP234" t="s">
        <v>1748</v>
      </c>
    </row>
    <row r="235" spans="1:69" x14ac:dyDescent="0.25">
      <c r="A235" s="1">
        <v>30448589</v>
      </c>
      <c r="B235" t="s">
        <v>2600</v>
      </c>
      <c r="C235" t="s">
        <v>39</v>
      </c>
      <c r="D235" t="s">
        <v>2512</v>
      </c>
      <c r="L235" t="s">
        <v>52</v>
      </c>
      <c r="M235" s="1">
        <v>0</v>
      </c>
      <c r="N235" s="1">
        <v>0</v>
      </c>
      <c r="O235" t="s">
        <v>2512</v>
      </c>
      <c r="P235" t="s">
        <v>49</v>
      </c>
      <c r="Q235" s="1">
        <v>0</v>
      </c>
      <c r="S235" s="1">
        <v>0</v>
      </c>
      <c r="T235" s="1">
        <v>0</v>
      </c>
      <c r="V235" t="s">
        <v>397</v>
      </c>
      <c r="AC235" t="s">
        <v>180</v>
      </c>
      <c r="AD235" t="s">
        <v>175</v>
      </c>
      <c r="AE235" t="s">
        <v>175</v>
      </c>
      <c r="AF235" t="s">
        <v>175</v>
      </c>
      <c r="AG235" t="s">
        <v>175</v>
      </c>
      <c r="AH235" t="s">
        <v>200</v>
      </c>
      <c r="AI235" t="s">
        <v>200</v>
      </c>
      <c r="AJ235" t="s">
        <v>200</v>
      </c>
      <c r="AK235" t="s">
        <v>200</v>
      </c>
      <c r="AL235" t="s">
        <v>42</v>
      </c>
      <c r="AM235" t="s">
        <v>185</v>
      </c>
      <c r="AN235" t="s">
        <v>183</v>
      </c>
      <c r="AO235" t="s">
        <v>182</v>
      </c>
      <c r="AP235" s="1">
        <v>0</v>
      </c>
      <c r="AQ235" s="1">
        <v>0</v>
      </c>
      <c r="AR235" s="1">
        <v>0</v>
      </c>
      <c r="AS235" s="1">
        <v>0</v>
      </c>
      <c r="AT235" s="1">
        <v>0</v>
      </c>
      <c r="AU235" s="1">
        <v>0</v>
      </c>
      <c r="AV235" t="s">
        <v>184</v>
      </c>
      <c r="AX235" t="s">
        <v>186</v>
      </c>
      <c r="BF235" t="s">
        <v>210</v>
      </c>
      <c r="BG235" s="1">
        <v>0</v>
      </c>
      <c r="BH235" t="s">
        <v>247</v>
      </c>
      <c r="BK235" s="1">
        <v>0</v>
      </c>
      <c r="BL235" t="s">
        <v>192</v>
      </c>
      <c r="BM235" t="s">
        <v>218</v>
      </c>
      <c r="BN235" t="s">
        <v>576</v>
      </c>
      <c r="BO235" t="s">
        <v>218</v>
      </c>
      <c r="BP235" t="s">
        <v>2601</v>
      </c>
    </row>
    <row r="236" spans="1:69" x14ac:dyDescent="0.25">
      <c r="A236" s="1">
        <v>30448591</v>
      </c>
      <c r="B236" t="s">
        <v>3849</v>
      </c>
      <c r="C236" t="s">
        <v>39</v>
      </c>
      <c r="D236" t="s">
        <v>3727</v>
      </c>
      <c r="E236" t="s">
        <v>200</v>
      </c>
      <c r="L236" t="s">
        <v>52</v>
      </c>
      <c r="M236" s="1">
        <v>0</v>
      </c>
      <c r="N236" s="1">
        <v>0</v>
      </c>
      <c r="O236" t="s">
        <v>3728</v>
      </c>
      <c r="P236" t="s">
        <v>176</v>
      </c>
      <c r="Q236" t="s">
        <v>196</v>
      </c>
      <c r="S236" t="s">
        <v>178</v>
      </c>
      <c r="T236" t="s">
        <v>200</v>
      </c>
      <c r="AA236" t="s">
        <v>273</v>
      </c>
      <c r="AB236" t="s">
        <v>3850</v>
      </c>
      <c r="AC236" t="s">
        <v>199</v>
      </c>
      <c r="AD236" t="s">
        <v>200</v>
      </c>
      <c r="AE236" t="s">
        <v>200</v>
      </c>
      <c r="AF236" t="s">
        <v>200</v>
      </c>
      <c r="AG236" t="s">
        <v>200</v>
      </c>
      <c r="AH236" t="s">
        <v>200</v>
      </c>
      <c r="AI236" t="s">
        <v>200</v>
      </c>
      <c r="AJ236" t="s">
        <v>200</v>
      </c>
      <c r="AK236" t="s">
        <v>200</v>
      </c>
      <c r="AL236" t="s">
        <v>52</v>
      </c>
      <c r="AM236" t="s">
        <v>206</v>
      </c>
      <c r="AN236" t="s">
        <v>204</v>
      </c>
      <c r="AO236" t="s">
        <v>185</v>
      </c>
      <c r="AP236" t="s">
        <v>201</v>
      </c>
      <c r="AQ236" t="s">
        <v>184</v>
      </c>
      <c r="AR236" t="s">
        <v>182</v>
      </c>
      <c r="AS236" t="s">
        <v>183</v>
      </c>
      <c r="AT236" t="s">
        <v>202</v>
      </c>
      <c r="AU236" t="s">
        <v>203</v>
      </c>
      <c r="AV236" t="s">
        <v>205</v>
      </c>
      <c r="AX236" t="s">
        <v>186</v>
      </c>
      <c r="AY236" t="s">
        <v>187</v>
      </c>
      <c r="BA236" t="s">
        <v>188</v>
      </c>
      <c r="BC236" t="s">
        <v>209</v>
      </c>
      <c r="BF236" t="s">
        <v>210</v>
      </c>
      <c r="BG236" s="1">
        <v>0</v>
      </c>
      <c r="BH236" t="s">
        <v>211</v>
      </c>
      <c r="BK236" t="s">
        <v>191</v>
      </c>
      <c r="BL236" t="s">
        <v>3851</v>
      </c>
      <c r="BM236" t="s">
        <v>218</v>
      </c>
      <c r="BN236" t="s">
        <v>3852</v>
      </c>
      <c r="BO236" t="s">
        <v>218</v>
      </c>
      <c r="BP236" t="s">
        <v>3853</v>
      </c>
    </row>
    <row r="237" spans="1:69" x14ac:dyDescent="0.25">
      <c r="A237" s="1">
        <v>30448592</v>
      </c>
      <c r="B237" t="s">
        <v>2602</v>
      </c>
      <c r="C237" t="s">
        <v>39</v>
      </c>
      <c r="D237" t="s">
        <v>2512</v>
      </c>
      <c r="E237" t="s">
        <v>200</v>
      </c>
      <c r="L237" t="s">
        <v>52</v>
      </c>
      <c r="M237" s="1">
        <v>0</v>
      </c>
      <c r="N237" s="1">
        <v>0</v>
      </c>
      <c r="O237" t="s">
        <v>2512</v>
      </c>
      <c r="P237" t="s">
        <v>216</v>
      </c>
      <c r="Q237" t="s">
        <v>258</v>
      </c>
      <c r="S237" s="1">
        <v>0</v>
      </c>
      <c r="T237" t="s">
        <v>200</v>
      </c>
      <c r="Y237" t="s">
        <v>224</v>
      </c>
      <c r="AC237" t="s">
        <v>180</v>
      </c>
      <c r="AD237" s="1">
        <v>0</v>
      </c>
      <c r="AE237" s="1">
        <v>0</v>
      </c>
      <c r="AF237" s="1">
        <v>0</v>
      </c>
      <c r="AG237" s="1">
        <v>0</v>
      </c>
      <c r="AH237" s="1">
        <v>0</v>
      </c>
      <c r="AI237" s="1">
        <v>0</v>
      </c>
      <c r="AJ237" s="1">
        <v>0</v>
      </c>
      <c r="AK237" s="1">
        <v>0</v>
      </c>
      <c r="AL237" t="s">
        <v>42</v>
      </c>
      <c r="AM237" s="1">
        <v>0</v>
      </c>
      <c r="AN237" s="1">
        <v>0</v>
      </c>
      <c r="AO237" s="1">
        <v>0</v>
      </c>
      <c r="AP237" s="1">
        <v>0</v>
      </c>
      <c r="AQ237" s="1">
        <v>0</v>
      </c>
      <c r="AR237" s="1">
        <v>0</v>
      </c>
      <c r="AS237" s="1">
        <v>0</v>
      </c>
      <c r="AT237" s="1">
        <v>0</v>
      </c>
      <c r="AU237" s="1">
        <v>0</v>
      </c>
      <c r="AV237" s="1">
        <v>0</v>
      </c>
      <c r="BF237" s="1">
        <v>0</v>
      </c>
      <c r="BG237" s="1">
        <v>0</v>
      </c>
      <c r="BH237" s="1">
        <v>0</v>
      </c>
      <c r="BK237" s="1">
        <v>0</v>
      </c>
      <c r="BM237" s="1">
        <v>0</v>
      </c>
      <c r="BO237" s="1">
        <v>0</v>
      </c>
    </row>
    <row r="238" spans="1:69" x14ac:dyDescent="0.25">
      <c r="A238" s="1">
        <v>30448594</v>
      </c>
      <c r="B238" t="s">
        <v>361</v>
      </c>
      <c r="C238" t="s">
        <v>39</v>
      </c>
      <c r="D238" t="s">
        <v>174</v>
      </c>
      <c r="E238" t="s">
        <v>175</v>
      </c>
      <c r="L238" t="s">
        <v>52</v>
      </c>
      <c r="M238" s="1">
        <v>0</v>
      </c>
      <c r="N238" s="1">
        <v>0</v>
      </c>
      <c r="O238" t="s">
        <v>174</v>
      </c>
      <c r="P238" t="s">
        <v>176</v>
      </c>
      <c r="Q238" t="s">
        <v>196</v>
      </c>
      <c r="S238" t="s">
        <v>178</v>
      </c>
      <c r="T238" t="s">
        <v>175</v>
      </c>
      <c r="X238" t="s">
        <v>179</v>
      </c>
      <c r="AC238" t="s">
        <v>225</v>
      </c>
      <c r="AD238" t="s">
        <v>181</v>
      </c>
      <c r="AE238" t="s">
        <v>181</v>
      </c>
      <c r="AF238" t="s">
        <v>181</v>
      </c>
      <c r="AG238" t="s">
        <v>181</v>
      </c>
      <c r="AH238" t="s">
        <v>200</v>
      </c>
      <c r="AI238" t="s">
        <v>200</v>
      </c>
      <c r="AJ238" t="s">
        <v>200</v>
      </c>
      <c r="AK238" t="s">
        <v>200</v>
      </c>
      <c r="AL238" t="s">
        <v>42</v>
      </c>
      <c r="AM238" t="s">
        <v>184</v>
      </c>
      <c r="AN238" t="s">
        <v>182</v>
      </c>
      <c r="AO238" t="s">
        <v>185</v>
      </c>
      <c r="AP238" t="s">
        <v>206</v>
      </c>
      <c r="AQ238" t="s">
        <v>202</v>
      </c>
      <c r="AR238" t="s">
        <v>203</v>
      </c>
      <c r="AS238" t="s">
        <v>183</v>
      </c>
      <c r="AT238" t="s">
        <v>205</v>
      </c>
      <c r="AU238" t="s">
        <v>204</v>
      </c>
      <c r="AV238" t="s">
        <v>201</v>
      </c>
      <c r="AY238" t="s">
        <v>187</v>
      </c>
      <c r="AZ238" t="s">
        <v>207</v>
      </c>
      <c r="BA238" t="s">
        <v>188</v>
      </c>
      <c r="BF238" t="s">
        <v>49</v>
      </c>
      <c r="BG238" s="1">
        <v>0</v>
      </c>
      <c r="BH238" t="s">
        <v>211</v>
      </c>
      <c r="BK238" t="s">
        <v>191</v>
      </c>
      <c r="BL238" t="s">
        <v>362</v>
      </c>
      <c r="BM238" t="s">
        <v>191</v>
      </c>
      <c r="BN238" t="s">
        <v>363</v>
      </c>
      <c r="BO238" t="s">
        <v>191</v>
      </c>
      <c r="BP238" t="s">
        <v>364</v>
      </c>
      <c r="BQ238" t="s">
        <v>365</v>
      </c>
    </row>
    <row r="239" spans="1:69" x14ac:dyDescent="0.25">
      <c r="A239" s="1">
        <v>30448595</v>
      </c>
      <c r="B239" t="s">
        <v>3854</v>
      </c>
      <c r="C239" t="s">
        <v>39</v>
      </c>
      <c r="D239" t="s">
        <v>3727</v>
      </c>
      <c r="E239" t="s">
        <v>195</v>
      </c>
      <c r="L239" t="s">
        <v>52</v>
      </c>
      <c r="M239" s="1">
        <v>0</v>
      </c>
      <c r="N239" s="1">
        <v>0</v>
      </c>
      <c r="O239" t="s">
        <v>3728</v>
      </c>
      <c r="P239" t="s">
        <v>176</v>
      </c>
      <c r="Q239" t="s">
        <v>238</v>
      </c>
      <c r="S239" t="s">
        <v>178</v>
      </c>
      <c r="T239" t="s">
        <v>197</v>
      </c>
      <c r="W239" t="s">
        <v>262</v>
      </c>
      <c r="X239" t="s">
        <v>179</v>
      </c>
      <c r="AC239" t="s">
        <v>199</v>
      </c>
      <c r="AD239" t="s">
        <v>181</v>
      </c>
      <c r="AE239" t="s">
        <v>230</v>
      </c>
      <c r="AF239" t="s">
        <v>299</v>
      </c>
      <c r="AG239" t="s">
        <v>230</v>
      </c>
      <c r="AH239" t="s">
        <v>175</v>
      </c>
      <c r="AI239" t="s">
        <v>175</v>
      </c>
      <c r="AJ239" t="s">
        <v>181</v>
      </c>
      <c r="AK239" t="s">
        <v>181</v>
      </c>
      <c r="AL239" t="s">
        <v>52</v>
      </c>
      <c r="AM239" t="s">
        <v>182</v>
      </c>
      <c r="AN239" t="s">
        <v>206</v>
      </c>
      <c r="AO239" t="s">
        <v>183</v>
      </c>
      <c r="AP239" t="s">
        <v>185</v>
      </c>
      <c r="AQ239" t="s">
        <v>202</v>
      </c>
      <c r="AR239" t="s">
        <v>203</v>
      </c>
      <c r="AS239" t="s">
        <v>184</v>
      </c>
      <c r="AT239" t="s">
        <v>205</v>
      </c>
      <c r="AU239" t="s">
        <v>204</v>
      </c>
      <c r="AV239" t="s">
        <v>201</v>
      </c>
      <c r="AX239" t="s">
        <v>186</v>
      </c>
      <c r="AZ239" t="s">
        <v>207</v>
      </c>
      <c r="BA239" t="s">
        <v>188</v>
      </c>
      <c r="BF239" t="s">
        <v>189</v>
      </c>
      <c r="BG239" s="1">
        <v>0</v>
      </c>
      <c r="BH239" t="s">
        <v>211</v>
      </c>
      <c r="BK239" t="s">
        <v>191</v>
      </c>
      <c r="BM239" t="s">
        <v>191</v>
      </c>
      <c r="BO239" t="s">
        <v>191</v>
      </c>
    </row>
    <row r="240" spans="1:69" x14ac:dyDescent="0.25">
      <c r="A240" s="1">
        <v>30448596</v>
      </c>
      <c r="B240" t="s">
        <v>3205</v>
      </c>
      <c r="C240" t="s">
        <v>39</v>
      </c>
      <c r="D240" t="s">
        <v>3138</v>
      </c>
      <c r="E240" t="s">
        <v>175</v>
      </c>
      <c r="L240" t="s">
        <v>52</v>
      </c>
      <c r="M240" s="1">
        <v>0</v>
      </c>
      <c r="N240" s="1">
        <v>0</v>
      </c>
      <c r="O240" t="s">
        <v>3139</v>
      </c>
      <c r="P240" t="s">
        <v>216</v>
      </c>
      <c r="Q240" t="s">
        <v>322</v>
      </c>
      <c r="S240" s="1">
        <v>0</v>
      </c>
      <c r="T240" t="s">
        <v>175</v>
      </c>
      <c r="AC240" t="s">
        <v>180</v>
      </c>
      <c r="AD240" t="s">
        <v>175</v>
      </c>
      <c r="AE240" t="s">
        <v>175</v>
      </c>
      <c r="AF240" t="s">
        <v>175</v>
      </c>
      <c r="AG240" t="s">
        <v>175</v>
      </c>
      <c r="AH240" t="s">
        <v>175</v>
      </c>
      <c r="AI240" t="s">
        <v>175</v>
      </c>
      <c r="AJ240" t="s">
        <v>175</v>
      </c>
      <c r="AK240" t="s">
        <v>175</v>
      </c>
      <c r="AL240" t="s">
        <v>42</v>
      </c>
      <c r="AM240" s="1">
        <v>0</v>
      </c>
      <c r="AN240" s="1">
        <v>0</v>
      </c>
      <c r="AO240" s="1">
        <v>0</v>
      </c>
      <c r="AP240" s="1">
        <v>0</v>
      </c>
      <c r="AQ240" s="1">
        <v>0</v>
      </c>
      <c r="AR240" s="1">
        <v>0</v>
      </c>
      <c r="AS240" s="1">
        <v>0</v>
      </c>
      <c r="AT240" s="1">
        <v>0</v>
      </c>
      <c r="AU240" s="1">
        <v>0</v>
      </c>
      <c r="AV240" s="1">
        <v>0</v>
      </c>
      <c r="AZ240" t="s">
        <v>207</v>
      </c>
      <c r="BC240" t="s">
        <v>209</v>
      </c>
      <c r="BF240" t="s">
        <v>210</v>
      </c>
      <c r="BG240" s="1">
        <v>0</v>
      </c>
      <c r="BH240" t="s">
        <v>211</v>
      </c>
      <c r="BK240" t="s">
        <v>218</v>
      </c>
      <c r="BL240" t="s">
        <v>3206</v>
      </c>
      <c r="BM240" t="s">
        <v>218</v>
      </c>
      <c r="BO240" t="s">
        <v>218</v>
      </c>
    </row>
    <row r="241" spans="1:69" x14ac:dyDescent="0.25">
      <c r="A241" s="1">
        <v>30448598</v>
      </c>
      <c r="B241" t="s">
        <v>1062</v>
      </c>
      <c r="C241" t="s">
        <v>39</v>
      </c>
      <c r="D241" t="s">
        <v>942</v>
      </c>
      <c r="E241" t="s">
        <v>200</v>
      </c>
      <c r="L241" t="s">
        <v>52</v>
      </c>
      <c r="M241" s="1">
        <v>0</v>
      </c>
      <c r="N241" s="1">
        <v>0</v>
      </c>
      <c r="O241" t="s">
        <v>942</v>
      </c>
      <c r="P241" t="s">
        <v>176</v>
      </c>
      <c r="Q241" t="s">
        <v>258</v>
      </c>
      <c r="S241" t="s">
        <v>315</v>
      </c>
      <c r="T241" t="s">
        <v>200</v>
      </c>
      <c r="Y241" t="s">
        <v>224</v>
      </c>
      <c r="AC241" t="s">
        <v>225</v>
      </c>
      <c r="AD241" t="s">
        <v>175</v>
      </c>
      <c r="AE241" t="s">
        <v>175</v>
      </c>
      <c r="AF241" t="s">
        <v>175</v>
      </c>
      <c r="AG241" t="s">
        <v>175</v>
      </c>
      <c r="AH241" s="1">
        <v>0</v>
      </c>
      <c r="AI241" s="1">
        <v>0</v>
      </c>
      <c r="AJ241" s="1">
        <v>0</v>
      </c>
      <c r="AK241" t="s">
        <v>175</v>
      </c>
      <c r="AL241" t="s">
        <v>42</v>
      </c>
      <c r="AM241" s="1">
        <v>0</v>
      </c>
      <c r="AN241" s="1">
        <v>0</v>
      </c>
      <c r="AO241" s="1">
        <v>0</v>
      </c>
      <c r="AP241" s="1">
        <v>0</v>
      </c>
      <c r="AQ241" s="1">
        <v>0</v>
      </c>
      <c r="AR241" s="1">
        <v>0</v>
      </c>
      <c r="AS241" s="1">
        <v>0</v>
      </c>
      <c r="AT241" s="1">
        <v>0</v>
      </c>
      <c r="AU241" s="1">
        <v>0</v>
      </c>
      <c r="AV241" s="1">
        <v>0</v>
      </c>
      <c r="AY241" t="s">
        <v>187</v>
      </c>
      <c r="BF241" t="s">
        <v>210</v>
      </c>
      <c r="BG241" s="1">
        <v>0</v>
      </c>
      <c r="BH241" t="s">
        <v>464</v>
      </c>
      <c r="BK241" t="s">
        <v>218</v>
      </c>
      <c r="BM241" t="s">
        <v>218</v>
      </c>
      <c r="BO241" t="s">
        <v>218</v>
      </c>
    </row>
    <row r="242" spans="1:69" x14ac:dyDescent="0.25">
      <c r="A242" s="1">
        <v>30448599</v>
      </c>
      <c r="B242" t="s">
        <v>3207</v>
      </c>
      <c r="C242" t="s">
        <v>39</v>
      </c>
      <c r="D242" t="s">
        <v>3138</v>
      </c>
      <c r="E242" t="s">
        <v>175</v>
      </c>
      <c r="L242" t="s">
        <v>52</v>
      </c>
      <c r="M242" s="1">
        <v>0</v>
      </c>
      <c r="N242" s="1">
        <v>0</v>
      </c>
      <c r="O242" t="s">
        <v>3139</v>
      </c>
      <c r="P242" t="s">
        <v>176</v>
      </c>
      <c r="Q242" t="s">
        <v>238</v>
      </c>
      <c r="S242" t="s">
        <v>178</v>
      </c>
      <c r="T242" t="s">
        <v>175</v>
      </c>
      <c r="Y242" t="s">
        <v>224</v>
      </c>
      <c r="AC242" t="s">
        <v>199</v>
      </c>
      <c r="AD242" t="s">
        <v>175</v>
      </c>
      <c r="AE242" t="s">
        <v>175</v>
      </c>
      <c r="AF242" t="s">
        <v>175</v>
      </c>
      <c r="AG242" t="s">
        <v>175</v>
      </c>
      <c r="AH242" t="s">
        <v>175</v>
      </c>
      <c r="AI242" t="s">
        <v>175</v>
      </c>
      <c r="AJ242" t="s">
        <v>175</v>
      </c>
      <c r="AK242" t="s">
        <v>175</v>
      </c>
      <c r="AL242" t="s">
        <v>42</v>
      </c>
      <c r="AM242" t="s">
        <v>205</v>
      </c>
      <c r="AN242" t="s">
        <v>204</v>
      </c>
      <c r="AO242" t="s">
        <v>184</v>
      </c>
      <c r="AP242" t="s">
        <v>185</v>
      </c>
      <c r="AQ242" t="s">
        <v>183</v>
      </c>
      <c r="AR242" t="s">
        <v>201</v>
      </c>
      <c r="AS242" t="s">
        <v>203</v>
      </c>
      <c r="AT242" t="s">
        <v>182</v>
      </c>
      <c r="AU242" t="s">
        <v>206</v>
      </c>
      <c r="AV242" t="s">
        <v>202</v>
      </c>
      <c r="AX242" t="s">
        <v>186</v>
      </c>
      <c r="BA242" t="s">
        <v>188</v>
      </c>
      <c r="BC242" t="s">
        <v>209</v>
      </c>
      <c r="BF242" t="s">
        <v>210</v>
      </c>
      <c r="BG242" s="1">
        <v>0</v>
      </c>
      <c r="BH242" t="s">
        <v>211</v>
      </c>
      <c r="BK242" t="s">
        <v>191</v>
      </c>
      <c r="BM242" t="s">
        <v>218</v>
      </c>
      <c r="BO242" t="s">
        <v>218</v>
      </c>
    </row>
    <row r="243" spans="1:69" x14ac:dyDescent="0.25">
      <c r="A243" s="1">
        <v>30448601</v>
      </c>
      <c r="B243" t="s">
        <v>1749</v>
      </c>
      <c r="C243" t="s">
        <v>39</v>
      </c>
      <c r="D243" t="s">
        <v>1616</v>
      </c>
      <c r="E243" t="s">
        <v>175</v>
      </c>
      <c r="L243" t="s">
        <v>52</v>
      </c>
      <c r="M243" s="1">
        <v>0</v>
      </c>
      <c r="N243" s="1">
        <v>0</v>
      </c>
      <c r="O243" t="s">
        <v>1616</v>
      </c>
      <c r="P243" t="s">
        <v>216</v>
      </c>
      <c r="Q243" t="s">
        <v>322</v>
      </c>
      <c r="S243" s="1">
        <v>0</v>
      </c>
      <c r="T243" t="s">
        <v>175</v>
      </c>
      <c r="Y243" t="s">
        <v>224</v>
      </c>
      <c r="AC243" t="s">
        <v>180</v>
      </c>
      <c r="AD243" t="s">
        <v>175</v>
      </c>
      <c r="AE243" t="s">
        <v>175</v>
      </c>
      <c r="AF243" t="s">
        <v>175</v>
      </c>
      <c r="AG243" t="s">
        <v>175</v>
      </c>
      <c r="AH243" t="s">
        <v>175</v>
      </c>
      <c r="AI243" t="s">
        <v>175</v>
      </c>
      <c r="AJ243" t="s">
        <v>175</v>
      </c>
      <c r="AK243" t="s">
        <v>175</v>
      </c>
      <c r="AL243" t="s">
        <v>42</v>
      </c>
      <c r="AM243" t="s">
        <v>184</v>
      </c>
      <c r="AN243" s="1">
        <v>0</v>
      </c>
      <c r="AO243" s="1">
        <v>0</v>
      </c>
      <c r="AP243" s="1">
        <v>0</v>
      </c>
      <c r="AQ243" s="1">
        <v>0</v>
      </c>
      <c r="AR243" s="1">
        <v>0</v>
      </c>
      <c r="AS243" t="s">
        <v>185</v>
      </c>
      <c r="AT243" s="1">
        <v>0</v>
      </c>
      <c r="AU243" s="1">
        <v>0</v>
      </c>
      <c r="AV243" t="s">
        <v>182</v>
      </c>
      <c r="AY243" t="s">
        <v>187</v>
      </c>
      <c r="AZ243" t="s">
        <v>207</v>
      </c>
      <c r="BF243" t="s">
        <v>232</v>
      </c>
      <c r="BG243" t="s">
        <v>315</v>
      </c>
      <c r="BH243" t="s">
        <v>211</v>
      </c>
      <c r="BK243" t="s">
        <v>191</v>
      </c>
      <c r="BL243" t="s">
        <v>518</v>
      </c>
      <c r="BM243" t="s">
        <v>191</v>
      </c>
      <c r="BO243" s="1">
        <v>0</v>
      </c>
      <c r="BP243" t="s">
        <v>1750</v>
      </c>
    </row>
    <row r="244" spans="1:69" x14ac:dyDescent="0.25">
      <c r="A244" s="1">
        <v>30448602</v>
      </c>
      <c r="B244" t="s">
        <v>3208</v>
      </c>
      <c r="C244" t="s">
        <v>39</v>
      </c>
      <c r="D244" t="s">
        <v>3138</v>
      </c>
      <c r="E244" t="s">
        <v>195</v>
      </c>
      <c r="L244" t="s">
        <v>52</v>
      </c>
      <c r="M244" s="1">
        <v>0</v>
      </c>
      <c r="N244" s="1">
        <v>0</v>
      </c>
      <c r="O244" t="s">
        <v>3139</v>
      </c>
      <c r="P244" t="s">
        <v>176</v>
      </c>
      <c r="Q244" t="s">
        <v>196</v>
      </c>
      <c r="S244" t="s">
        <v>349</v>
      </c>
      <c r="T244" t="s">
        <v>197</v>
      </c>
      <c r="U244" t="s">
        <v>3209</v>
      </c>
      <c r="Y244" t="s">
        <v>224</v>
      </c>
      <c r="AC244" t="s">
        <v>180</v>
      </c>
      <c r="AD244" t="s">
        <v>175</v>
      </c>
      <c r="AE244" t="s">
        <v>175</v>
      </c>
      <c r="AF244" t="s">
        <v>175</v>
      </c>
      <c r="AG244" t="s">
        <v>181</v>
      </c>
      <c r="AH244" t="s">
        <v>175</v>
      </c>
      <c r="AI244" t="s">
        <v>175</v>
      </c>
      <c r="AJ244" t="s">
        <v>181</v>
      </c>
      <c r="AK244" t="s">
        <v>175</v>
      </c>
      <c r="AL244" t="s">
        <v>42</v>
      </c>
      <c r="AM244" t="s">
        <v>201</v>
      </c>
      <c r="AN244" t="s">
        <v>183</v>
      </c>
      <c r="AO244" t="s">
        <v>185</v>
      </c>
      <c r="AP244" t="s">
        <v>206</v>
      </c>
      <c r="AQ244" t="s">
        <v>202</v>
      </c>
      <c r="AR244" t="s">
        <v>203</v>
      </c>
      <c r="AS244" t="s">
        <v>205</v>
      </c>
      <c r="AT244" t="s">
        <v>182</v>
      </c>
      <c r="AU244" t="s">
        <v>184</v>
      </c>
      <c r="AV244" t="s">
        <v>204</v>
      </c>
      <c r="AW244" t="s">
        <v>3210</v>
      </c>
      <c r="AX244" t="s">
        <v>186</v>
      </c>
      <c r="AY244" t="s">
        <v>187</v>
      </c>
      <c r="AZ244" t="s">
        <v>207</v>
      </c>
      <c r="BA244" t="s">
        <v>188</v>
      </c>
      <c r="BB244" t="s">
        <v>208</v>
      </c>
      <c r="BF244" t="s">
        <v>189</v>
      </c>
      <c r="BG244" s="1">
        <v>0</v>
      </c>
      <c r="BH244" t="s">
        <v>211</v>
      </c>
      <c r="BK244" t="s">
        <v>191</v>
      </c>
      <c r="BL244" t="s">
        <v>3211</v>
      </c>
      <c r="BM244" t="s">
        <v>191</v>
      </c>
      <c r="BN244" t="s">
        <v>3212</v>
      </c>
      <c r="BO244" t="s">
        <v>191</v>
      </c>
      <c r="BP244" t="s">
        <v>3213</v>
      </c>
    </row>
    <row r="245" spans="1:69" x14ac:dyDescent="0.25">
      <c r="A245" s="1">
        <v>30448604</v>
      </c>
      <c r="B245" t="s">
        <v>1751</v>
      </c>
      <c r="C245" t="s">
        <v>39</v>
      </c>
      <c r="D245" t="s">
        <v>1616</v>
      </c>
      <c r="E245" t="s">
        <v>175</v>
      </c>
      <c r="L245" t="s">
        <v>52</v>
      </c>
      <c r="M245" s="1">
        <v>0</v>
      </c>
      <c r="N245" s="1">
        <v>0</v>
      </c>
      <c r="O245" t="s">
        <v>1616</v>
      </c>
      <c r="P245" t="s">
        <v>176</v>
      </c>
      <c r="Q245" t="s">
        <v>196</v>
      </c>
      <c r="S245" t="s">
        <v>349</v>
      </c>
      <c r="T245" t="s">
        <v>175</v>
      </c>
      <c r="X245" t="s">
        <v>179</v>
      </c>
      <c r="AC245" t="s">
        <v>180</v>
      </c>
      <c r="AD245" t="s">
        <v>175</v>
      </c>
      <c r="AE245" t="s">
        <v>175</v>
      </c>
      <c r="AF245" t="s">
        <v>175</v>
      </c>
      <c r="AG245" t="s">
        <v>181</v>
      </c>
      <c r="AH245" t="s">
        <v>175</v>
      </c>
      <c r="AI245" t="s">
        <v>175</v>
      </c>
      <c r="AJ245" t="s">
        <v>181</v>
      </c>
      <c r="AK245" t="s">
        <v>181</v>
      </c>
      <c r="AL245" t="s">
        <v>42</v>
      </c>
      <c r="AM245" s="1">
        <v>0</v>
      </c>
      <c r="AN245" s="1">
        <v>0</v>
      </c>
      <c r="AO245" s="1">
        <v>0</v>
      </c>
      <c r="AP245" s="1">
        <v>0</v>
      </c>
      <c r="AQ245" s="1">
        <v>0</v>
      </c>
      <c r="AR245" s="1">
        <v>0</v>
      </c>
      <c r="AS245" s="1">
        <v>0</v>
      </c>
      <c r="AT245" s="1">
        <v>0</v>
      </c>
      <c r="AU245" s="1">
        <v>0</v>
      </c>
      <c r="AV245" s="1">
        <v>0</v>
      </c>
      <c r="AY245" t="s">
        <v>187</v>
      </c>
      <c r="AZ245" t="s">
        <v>207</v>
      </c>
      <c r="BC245" t="s">
        <v>209</v>
      </c>
      <c r="BF245" t="s">
        <v>210</v>
      </c>
      <c r="BG245" s="1">
        <v>0</v>
      </c>
      <c r="BH245" t="s">
        <v>211</v>
      </c>
      <c r="BK245" t="s">
        <v>191</v>
      </c>
      <c r="BL245" t="s">
        <v>1752</v>
      </c>
      <c r="BM245" t="s">
        <v>191</v>
      </c>
      <c r="BO245" t="s">
        <v>191</v>
      </c>
    </row>
    <row r="246" spans="1:69" x14ac:dyDescent="0.25">
      <c r="A246" s="1">
        <v>30448605</v>
      </c>
      <c r="B246" t="s">
        <v>1063</v>
      </c>
      <c r="C246" t="s">
        <v>39</v>
      </c>
      <c r="D246" t="s">
        <v>942</v>
      </c>
      <c r="E246" t="s">
        <v>175</v>
      </c>
      <c r="L246" t="s">
        <v>52</v>
      </c>
      <c r="M246" s="1">
        <v>0</v>
      </c>
      <c r="N246" s="1">
        <v>0</v>
      </c>
      <c r="O246" t="s">
        <v>942</v>
      </c>
      <c r="P246" t="s">
        <v>176</v>
      </c>
      <c r="Q246" t="s">
        <v>177</v>
      </c>
      <c r="S246" t="s">
        <v>222</v>
      </c>
      <c r="T246" t="s">
        <v>175</v>
      </c>
      <c r="X246" t="s">
        <v>179</v>
      </c>
      <c r="AC246" t="s">
        <v>199</v>
      </c>
      <c r="AD246" t="s">
        <v>181</v>
      </c>
      <c r="AE246" t="s">
        <v>175</v>
      </c>
      <c r="AF246" t="s">
        <v>181</v>
      </c>
      <c r="AG246" t="s">
        <v>175</v>
      </c>
      <c r="AH246" t="s">
        <v>200</v>
      </c>
      <c r="AI246" t="s">
        <v>200</v>
      </c>
      <c r="AJ246" t="s">
        <v>230</v>
      </c>
      <c r="AK246" t="s">
        <v>230</v>
      </c>
      <c r="AL246" t="s">
        <v>52</v>
      </c>
      <c r="AM246" s="1">
        <v>0</v>
      </c>
      <c r="AN246" s="1">
        <v>0</v>
      </c>
      <c r="AO246" s="1">
        <v>0</v>
      </c>
      <c r="AP246" s="1">
        <v>0</v>
      </c>
      <c r="AQ246" s="1">
        <v>0</v>
      </c>
      <c r="AR246" s="1">
        <v>0</v>
      </c>
      <c r="AS246" s="1">
        <v>0</v>
      </c>
      <c r="AT246" s="1">
        <v>0</v>
      </c>
      <c r="AU246" s="1">
        <v>0</v>
      </c>
      <c r="AV246" s="1">
        <v>0</v>
      </c>
      <c r="BF246" s="1">
        <v>0</v>
      </c>
      <c r="BG246" s="1">
        <v>0</v>
      </c>
      <c r="BH246" s="1">
        <v>0</v>
      </c>
      <c r="BK246" s="1">
        <v>0</v>
      </c>
      <c r="BM246" s="1">
        <v>0</v>
      </c>
      <c r="BO246" s="1">
        <v>0</v>
      </c>
    </row>
    <row r="247" spans="1:69" x14ac:dyDescent="0.25">
      <c r="A247" s="1">
        <v>30448606</v>
      </c>
      <c r="B247" t="s">
        <v>3855</v>
      </c>
      <c r="C247" t="s">
        <v>39</v>
      </c>
      <c r="D247" t="s">
        <v>3727</v>
      </c>
      <c r="E247" t="s">
        <v>175</v>
      </c>
      <c r="L247" t="s">
        <v>52</v>
      </c>
      <c r="M247" s="1">
        <v>0</v>
      </c>
      <c r="N247" s="1">
        <v>0</v>
      </c>
      <c r="O247" t="s">
        <v>3728</v>
      </c>
      <c r="P247" t="s">
        <v>216</v>
      </c>
      <c r="Q247" t="s">
        <v>177</v>
      </c>
      <c r="S247" s="1">
        <v>0</v>
      </c>
      <c r="T247" t="s">
        <v>175</v>
      </c>
      <c r="W247" t="s">
        <v>262</v>
      </c>
      <c r="AC247" t="s">
        <v>180</v>
      </c>
      <c r="AD247" t="s">
        <v>175</v>
      </c>
      <c r="AE247" t="s">
        <v>175</v>
      </c>
      <c r="AF247" t="s">
        <v>175</v>
      </c>
      <c r="AG247" t="s">
        <v>175</v>
      </c>
      <c r="AH247" t="s">
        <v>175</v>
      </c>
      <c r="AI247" t="s">
        <v>175</v>
      </c>
      <c r="AJ247" t="s">
        <v>175</v>
      </c>
      <c r="AK247" t="s">
        <v>175</v>
      </c>
      <c r="AL247" t="s">
        <v>42</v>
      </c>
      <c r="AM247" t="s">
        <v>184</v>
      </c>
      <c r="AN247" s="1">
        <v>0</v>
      </c>
      <c r="AO247" t="s">
        <v>182</v>
      </c>
      <c r="AP247" t="s">
        <v>185</v>
      </c>
      <c r="AQ247" s="1">
        <v>0</v>
      </c>
      <c r="AR247" s="1">
        <v>0</v>
      </c>
      <c r="AS247" s="1">
        <v>0</v>
      </c>
      <c r="AT247" s="1">
        <v>0</v>
      </c>
      <c r="AU247" s="1">
        <v>0</v>
      </c>
      <c r="AV247" s="1">
        <v>0</v>
      </c>
      <c r="AZ247" t="s">
        <v>207</v>
      </c>
      <c r="BF247" t="s">
        <v>210</v>
      </c>
      <c r="BG247" s="1">
        <v>0</v>
      </c>
      <c r="BH247" t="s">
        <v>211</v>
      </c>
      <c r="BK247" t="s">
        <v>191</v>
      </c>
      <c r="BL247" t="s">
        <v>2016</v>
      </c>
      <c r="BM247" t="s">
        <v>218</v>
      </c>
      <c r="BN247" t="s">
        <v>253</v>
      </c>
      <c r="BO247" t="s">
        <v>191</v>
      </c>
      <c r="BP247" t="s">
        <v>2016</v>
      </c>
    </row>
    <row r="248" spans="1:69" x14ac:dyDescent="0.25">
      <c r="A248" s="1">
        <v>30448607</v>
      </c>
      <c r="B248" t="s">
        <v>1753</v>
      </c>
      <c r="C248" t="s">
        <v>39</v>
      </c>
      <c r="D248" t="s">
        <v>1616</v>
      </c>
      <c r="E248" t="s">
        <v>175</v>
      </c>
      <c r="L248" t="s">
        <v>52</v>
      </c>
      <c r="M248" s="1">
        <v>0</v>
      </c>
      <c r="N248" s="1">
        <v>0</v>
      </c>
      <c r="O248" t="s">
        <v>1616</v>
      </c>
      <c r="P248" t="s">
        <v>216</v>
      </c>
      <c r="Q248" t="s">
        <v>196</v>
      </c>
      <c r="S248" s="1">
        <v>0</v>
      </c>
      <c r="T248" t="s">
        <v>175</v>
      </c>
      <c r="AC248" t="s">
        <v>199</v>
      </c>
      <c r="AD248" t="s">
        <v>175</v>
      </c>
      <c r="AE248" t="s">
        <v>175</v>
      </c>
      <c r="AF248" t="s">
        <v>175</v>
      </c>
      <c r="AG248" t="s">
        <v>175</v>
      </c>
      <c r="AH248" t="s">
        <v>175</v>
      </c>
      <c r="AI248" t="s">
        <v>175</v>
      </c>
      <c r="AJ248" t="s">
        <v>175</v>
      </c>
      <c r="AK248" t="s">
        <v>175</v>
      </c>
      <c r="AL248" t="s">
        <v>42</v>
      </c>
      <c r="AM248" s="1">
        <v>0</v>
      </c>
      <c r="AN248" s="1">
        <v>0</v>
      </c>
      <c r="AO248" s="1">
        <v>0</v>
      </c>
      <c r="AP248" s="1">
        <v>0</v>
      </c>
      <c r="AQ248" s="1">
        <v>0</v>
      </c>
      <c r="AR248" s="1">
        <v>0</v>
      </c>
      <c r="AS248" s="1">
        <v>0</v>
      </c>
      <c r="AT248" s="1">
        <v>0</v>
      </c>
      <c r="AU248" s="1">
        <v>0</v>
      </c>
      <c r="AV248" s="1">
        <v>0</v>
      </c>
      <c r="AZ248" t="s">
        <v>207</v>
      </c>
      <c r="BF248" t="s">
        <v>210</v>
      </c>
      <c r="BG248" s="1">
        <v>0</v>
      </c>
      <c r="BH248" t="s">
        <v>211</v>
      </c>
      <c r="BK248" t="s">
        <v>191</v>
      </c>
      <c r="BL248" t="s">
        <v>1754</v>
      </c>
      <c r="BM248" s="1">
        <v>0</v>
      </c>
      <c r="BN248" t="s">
        <v>1308</v>
      </c>
      <c r="BO248" t="s">
        <v>218</v>
      </c>
      <c r="BP248" t="s">
        <v>1755</v>
      </c>
      <c r="BQ248" t="s">
        <v>1756</v>
      </c>
    </row>
    <row r="249" spans="1:69" x14ac:dyDescent="0.25">
      <c r="A249" s="1">
        <v>30448609</v>
      </c>
      <c r="B249" t="s">
        <v>3856</v>
      </c>
      <c r="C249" t="s">
        <v>39</v>
      </c>
      <c r="D249" t="s">
        <v>3727</v>
      </c>
      <c r="E249" t="s">
        <v>200</v>
      </c>
      <c r="L249" t="s">
        <v>52</v>
      </c>
      <c r="M249" s="1">
        <v>0</v>
      </c>
      <c r="N249" s="1">
        <v>0</v>
      </c>
      <c r="O249" t="s">
        <v>3728</v>
      </c>
      <c r="P249" t="s">
        <v>216</v>
      </c>
      <c r="Q249" t="s">
        <v>322</v>
      </c>
      <c r="S249" s="1">
        <v>0</v>
      </c>
      <c r="T249" t="s">
        <v>200</v>
      </c>
      <c r="AA249" t="s">
        <v>273</v>
      </c>
      <c r="AB249" t="s">
        <v>225</v>
      </c>
      <c r="AC249" t="s">
        <v>180</v>
      </c>
      <c r="AD249" t="s">
        <v>299</v>
      </c>
      <c r="AE249" t="s">
        <v>299</v>
      </c>
      <c r="AF249" t="s">
        <v>175</v>
      </c>
      <c r="AG249" t="s">
        <v>175</v>
      </c>
      <c r="AH249" t="s">
        <v>175</v>
      </c>
      <c r="AI249" t="s">
        <v>175</v>
      </c>
      <c r="AJ249" t="s">
        <v>175</v>
      </c>
      <c r="AK249" t="s">
        <v>175</v>
      </c>
      <c r="AL249" t="s">
        <v>42</v>
      </c>
      <c r="AM249" t="s">
        <v>184</v>
      </c>
      <c r="AN249" t="s">
        <v>183</v>
      </c>
      <c r="AO249" t="s">
        <v>201</v>
      </c>
      <c r="AP249" t="s">
        <v>185</v>
      </c>
      <c r="AQ249" t="s">
        <v>204</v>
      </c>
      <c r="AR249" t="s">
        <v>203</v>
      </c>
      <c r="AS249" t="s">
        <v>202</v>
      </c>
      <c r="AT249" t="s">
        <v>182</v>
      </c>
      <c r="AU249" t="s">
        <v>205</v>
      </c>
      <c r="AV249" t="s">
        <v>206</v>
      </c>
      <c r="AZ249" t="s">
        <v>207</v>
      </c>
      <c r="BF249" t="s">
        <v>49</v>
      </c>
      <c r="BG249" s="1">
        <v>0</v>
      </c>
      <c r="BH249" t="s">
        <v>211</v>
      </c>
      <c r="BK249" t="s">
        <v>191</v>
      </c>
      <c r="BM249" t="s">
        <v>218</v>
      </c>
      <c r="BO249" t="s">
        <v>191</v>
      </c>
      <c r="BQ249" t="s">
        <v>3857</v>
      </c>
    </row>
    <row r="250" spans="1:69" x14ac:dyDescent="0.25">
      <c r="A250" s="1">
        <v>30448610</v>
      </c>
      <c r="B250" t="s">
        <v>3858</v>
      </c>
      <c r="C250" t="s">
        <v>39</v>
      </c>
      <c r="D250" t="s">
        <v>3727</v>
      </c>
      <c r="E250" t="s">
        <v>200</v>
      </c>
      <c r="L250" t="s">
        <v>52</v>
      </c>
      <c r="M250" s="1">
        <v>0</v>
      </c>
      <c r="N250" s="1">
        <v>0</v>
      </c>
      <c r="O250" t="s">
        <v>3728</v>
      </c>
      <c r="P250" t="s">
        <v>176</v>
      </c>
      <c r="Q250" t="s">
        <v>238</v>
      </c>
      <c r="S250" t="s">
        <v>315</v>
      </c>
      <c r="T250" t="s">
        <v>200</v>
      </c>
      <c r="Y250" t="s">
        <v>224</v>
      </c>
      <c r="AC250" t="s">
        <v>180</v>
      </c>
      <c r="AD250" t="s">
        <v>200</v>
      </c>
      <c r="AE250" t="s">
        <v>200</v>
      </c>
      <c r="AF250" t="s">
        <v>200</v>
      </c>
      <c r="AG250" t="s">
        <v>200</v>
      </c>
      <c r="AH250" t="s">
        <v>200</v>
      </c>
      <c r="AI250" t="s">
        <v>200</v>
      </c>
      <c r="AJ250" t="s">
        <v>200</v>
      </c>
      <c r="AK250" t="s">
        <v>200</v>
      </c>
      <c r="AL250" t="s">
        <v>42</v>
      </c>
      <c r="AM250" t="s">
        <v>201</v>
      </c>
      <c r="AN250" t="s">
        <v>184</v>
      </c>
      <c r="AO250" t="s">
        <v>185</v>
      </c>
      <c r="AP250" t="s">
        <v>204</v>
      </c>
      <c r="AQ250" t="s">
        <v>202</v>
      </c>
      <c r="AR250" t="s">
        <v>206</v>
      </c>
      <c r="AS250" t="s">
        <v>205</v>
      </c>
      <c r="AT250" t="s">
        <v>182</v>
      </c>
      <c r="AU250" t="s">
        <v>183</v>
      </c>
      <c r="AV250" t="s">
        <v>203</v>
      </c>
      <c r="AX250" t="s">
        <v>186</v>
      </c>
      <c r="AZ250" t="s">
        <v>207</v>
      </c>
      <c r="BA250" t="s">
        <v>188</v>
      </c>
      <c r="BF250" t="s">
        <v>210</v>
      </c>
      <c r="BG250" s="1">
        <v>0</v>
      </c>
      <c r="BH250" t="s">
        <v>211</v>
      </c>
      <c r="BK250" t="s">
        <v>191</v>
      </c>
      <c r="BL250" t="s">
        <v>3859</v>
      </c>
      <c r="BM250" t="s">
        <v>191</v>
      </c>
      <c r="BN250" t="s">
        <v>3860</v>
      </c>
      <c r="BO250" t="s">
        <v>218</v>
      </c>
      <c r="BP250" t="s">
        <v>3861</v>
      </c>
    </row>
    <row r="251" spans="1:69" x14ac:dyDescent="0.25">
      <c r="A251" s="1">
        <v>30448611</v>
      </c>
      <c r="B251" t="s">
        <v>366</v>
      </c>
      <c r="C251" t="s">
        <v>39</v>
      </c>
      <c r="D251" t="s">
        <v>3727</v>
      </c>
      <c r="E251" t="s">
        <v>175</v>
      </c>
      <c r="L251" t="s">
        <v>52</v>
      </c>
      <c r="M251" s="1">
        <v>0</v>
      </c>
      <c r="N251" s="1">
        <v>0</v>
      </c>
      <c r="O251" t="s">
        <v>3728</v>
      </c>
      <c r="P251" t="s">
        <v>216</v>
      </c>
      <c r="Q251" t="s">
        <v>328</v>
      </c>
      <c r="S251" s="1">
        <v>0</v>
      </c>
      <c r="T251" t="s">
        <v>175</v>
      </c>
      <c r="Y251" t="s">
        <v>224</v>
      </c>
      <c r="AC251" t="s">
        <v>180</v>
      </c>
      <c r="AD251" t="s">
        <v>299</v>
      </c>
      <c r="AE251" t="s">
        <v>230</v>
      </c>
      <c r="AF251" t="s">
        <v>230</v>
      </c>
      <c r="AG251" t="s">
        <v>230</v>
      </c>
      <c r="AH251" t="s">
        <v>299</v>
      </c>
      <c r="AI251" t="s">
        <v>299</v>
      </c>
      <c r="AJ251" t="s">
        <v>299</v>
      </c>
      <c r="AK251" t="s">
        <v>230</v>
      </c>
      <c r="AL251" t="s">
        <v>52</v>
      </c>
      <c r="AM251" t="s">
        <v>182</v>
      </c>
      <c r="AN251" t="s">
        <v>205</v>
      </c>
      <c r="AO251" t="s">
        <v>184</v>
      </c>
      <c r="AP251" t="s">
        <v>185</v>
      </c>
      <c r="AQ251" t="s">
        <v>202</v>
      </c>
      <c r="AR251" t="s">
        <v>203</v>
      </c>
      <c r="AS251" t="s">
        <v>183</v>
      </c>
      <c r="AT251" t="s">
        <v>206</v>
      </c>
      <c r="AU251" t="s">
        <v>204</v>
      </c>
      <c r="AV251" t="s">
        <v>201</v>
      </c>
      <c r="BA251" t="s">
        <v>188</v>
      </c>
      <c r="BB251" t="s">
        <v>208</v>
      </c>
      <c r="BF251" t="s">
        <v>232</v>
      </c>
      <c r="BG251" t="s">
        <v>276</v>
      </c>
      <c r="BH251" t="s">
        <v>211</v>
      </c>
      <c r="BK251" t="s">
        <v>191</v>
      </c>
      <c r="BL251" t="s">
        <v>3862</v>
      </c>
      <c r="BM251" t="s">
        <v>191</v>
      </c>
      <c r="BN251" t="s">
        <v>3863</v>
      </c>
      <c r="BO251" t="s">
        <v>191</v>
      </c>
      <c r="BP251" t="s">
        <v>3864</v>
      </c>
    </row>
    <row r="252" spans="1:69" x14ac:dyDescent="0.25">
      <c r="A252" s="1">
        <v>30448612</v>
      </c>
      <c r="B252" t="s">
        <v>366</v>
      </c>
      <c r="C252" t="s">
        <v>39</v>
      </c>
      <c r="D252" t="s">
        <v>174</v>
      </c>
      <c r="E252" t="s">
        <v>175</v>
      </c>
      <c r="L252" t="s">
        <v>52</v>
      </c>
      <c r="M252" s="1">
        <v>0</v>
      </c>
      <c r="N252" s="1">
        <v>0</v>
      </c>
      <c r="O252" t="s">
        <v>174</v>
      </c>
      <c r="P252" t="s">
        <v>176</v>
      </c>
      <c r="Q252" t="s">
        <v>177</v>
      </c>
      <c r="S252" s="1">
        <v>0</v>
      </c>
      <c r="T252" t="s">
        <v>175</v>
      </c>
      <c r="X252" t="s">
        <v>179</v>
      </c>
      <c r="AC252" t="s">
        <v>199</v>
      </c>
      <c r="AD252" t="s">
        <v>175</v>
      </c>
      <c r="AE252" t="s">
        <v>175</v>
      </c>
      <c r="AF252" t="s">
        <v>175</v>
      </c>
      <c r="AG252" t="s">
        <v>175</v>
      </c>
      <c r="AH252" t="s">
        <v>175</v>
      </c>
      <c r="AI252" t="s">
        <v>200</v>
      </c>
      <c r="AJ252" t="s">
        <v>175</v>
      </c>
      <c r="AK252" t="s">
        <v>200</v>
      </c>
      <c r="AL252" t="s">
        <v>42</v>
      </c>
      <c r="AM252" s="1">
        <v>0</v>
      </c>
      <c r="AN252" t="s">
        <v>185</v>
      </c>
      <c r="AO252" s="1">
        <v>0</v>
      </c>
      <c r="AP252" t="s">
        <v>184</v>
      </c>
      <c r="AQ252" s="1">
        <v>0</v>
      </c>
      <c r="AR252" s="1">
        <v>0</v>
      </c>
      <c r="AS252" t="s">
        <v>182</v>
      </c>
      <c r="AT252" s="1">
        <v>0</v>
      </c>
      <c r="AU252" s="1">
        <v>0</v>
      </c>
      <c r="AV252" t="s">
        <v>183</v>
      </c>
      <c r="AY252" t="s">
        <v>187</v>
      </c>
      <c r="AZ252" t="s">
        <v>207</v>
      </c>
      <c r="BA252" t="s">
        <v>188</v>
      </c>
      <c r="BC252" t="s">
        <v>209</v>
      </c>
      <c r="BF252" t="s">
        <v>232</v>
      </c>
      <c r="BG252" t="s">
        <v>301</v>
      </c>
      <c r="BH252" t="s">
        <v>190</v>
      </c>
      <c r="BK252" t="s">
        <v>191</v>
      </c>
      <c r="BM252" t="s">
        <v>191</v>
      </c>
      <c r="BO252" t="s">
        <v>218</v>
      </c>
      <c r="BP252" t="s">
        <v>367</v>
      </c>
    </row>
    <row r="253" spans="1:69" x14ac:dyDescent="0.25">
      <c r="A253" s="1">
        <v>30448614</v>
      </c>
      <c r="B253" t="s">
        <v>1757</v>
      </c>
      <c r="C253" t="s">
        <v>39</v>
      </c>
      <c r="D253" t="s">
        <v>1616</v>
      </c>
      <c r="E253" t="s">
        <v>175</v>
      </c>
      <c r="L253" t="s">
        <v>52</v>
      </c>
      <c r="M253" s="1">
        <v>0</v>
      </c>
      <c r="N253" s="1">
        <v>0</v>
      </c>
      <c r="O253" t="s">
        <v>1616</v>
      </c>
      <c r="P253" t="s">
        <v>176</v>
      </c>
      <c r="Q253" t="s">
        <v>177</v>
      </c>
      <c r="S253" t="s">
        <v>178</v>
      </c>
      <c r="T253" t="s">
        <v>175</v>
      </c>
      <c r="AC253" s="1">
        <v>0</v>
      </c>
      <c r="AD253" s="1">
        <v>0</v>
      </c>
      <c r="AE253" s="1">
        <v>0</v>
      </c>
      <c r="AF253" s="1">
        <v>0</v>
      </c>
      <c r="AG253" s="1">
        <v>0</v>
      </c>
      <c r="AH253" s="1">
        <v>0</v>
      </c>
      <c r="AI253" s="1">
        <v>0</v>
      </c>
      <c r="AJ253" s="1">
        <v>0</v>
      </c>
      <c r="AK253" s="1">
        <v>0</v>
      </c>
      <c r="AL253" s="1">
        <v>0</v>
      </c>
      <c r="AM253" s="1">
        <v>0</v>
      </c>
      <c r="AN253" s="1">
        <v>0</v>
      </c>
      <c r="AO253" s="1">
        <v>0</v>
      </c>
      <c r="AP253" s="1">
        <v>0</v>
      </c>
      <c r="AQ253" s="1">
        <v>0</v>
      </c>
      <c r="AR253" s="1">
        <v>0</v>
      </c>
      <c r="AS253" s="1">
        <v>0</v>
      </c>
      <c r="AT253" s="1">
        <v>0</v>
      </c>
      <c r="AU253" s="1">
        <v>0</v>
      </c>
      <c r="AV253" s="1">
        <v>0</v>
      </c>
      <c r="BF253" s="1">
        <v>0</v>
      </c>
      <c r="BG253" s="1">
        <v>0</v>
      </c>
      <c r="BH253" s="1">
        <v>0</v>
      </c>
      <c r="BK253" s="1">
        <v>0</v>
      </c>
      <c r="BM253" s="1">
        <v>0</v>
      </c>
      <c r="BO253" s="1">
        <v>0</v>
      </c>
    </row>
    <row r="254" spans="1:69" x14ac:dyDescent="0.25">
      <c r="A254" s="1">
        <v>30448615</v>
      </c>
      <c r="B254" t="s">
        <v>1064</v>
      </c>
      <c r="C254" t="s">
        <v>39</v>
      </c>
      <c r="D254" t="s">
        <v>942</v>
      </c>
      <c r="E254" t="s">
        <v>200</v>
      </c>
      <c r="L254" t="s">
        <v>52</v>
      </c>
      <c r="M254" s="1">
        <v>0</v>
      </c>
      <c r="N254" s="1">
        <v>0</v>
      </c>
      <c r="O254" t="s">
        <v>942</v>
      </c>
      <c r="P254" t="s">
        <v>176</v>
      </c>
      <c r="Q254" t="s">
        <v>177</v>
      </c>
      <c r="S254" t="s">
        <v>315</v>
      </c>
      <c r="T254" t="s">
        <v>200</v>
      </c>
      <c r="Z254" t="s">
        <v>244</v>
      </c>
      <c r="AC254" t="s">
        <v>180</v>
      </c>
      <c r="AD254" t="s">
        <v>200</v>
      </c>
      <c r="AE254" t="s">
        <v>200</v>
      </c>
      <c r="AF254" t="s">
        <v>200</v>
      </c>
      <c r="AG254" t="s">
        <v>200</v>
      </c>
      <c r="AH254" t="s">
        <v>200</v>
      </c>
      <c r="AI254" t="s">
        <v>200</v>
      </c>
      <c r="AJ254" t="s">
        <v>200</v>
      </c>
      <c r="AK254" t="s">
        <v>200</v>
      </c>
      <c r="AL254" t="s">
        <v>42</v>
      </c>
      <c r="AM254" s="1">
        <v>0</v>
      </c>
      <c r="AN254" s="1">
        <v>0</v>
      </c>
      <c r="AO254" s="1">
        <v>0</v>
      </c>
      <c r="AP254" s="1">
        <v>0</v>
      </c>
      <c r="AQ254" s="1">
        <v>0</v>
      </c>
      <c r="AR254" s="1">
        <v>0</v>
      </c>
      <c r="AS254" t="s">
        <v>185</v>
      </c>
      <c r="AT254" s="1">
        <v>0</v>
      </c>
      <c r="AU254" s="1">
        <v>0</v>
      </c>
      <c r="AV254" s="1">
        <v>0</v>
      </c>
      <c r="BA254" t="s">
        <v>188</v>
      </c>
      <c r="BF254" t="s">
        <v>210</v>
      </c>
      <c r="BG254" s="1">
        <v>0</v>
      </c>
      <c r="BH254" t="s">
        <v>247</v>
      </c>
      <c r="BK254" t="s">
        <v>191</v>
      </c>
      <c r="BM254" t="s">
        <v>191</v>
      </c>
      <c r="BO254" t="s">
        <v>191</v>
      </c>
    </row>
    <row r="255" spans="1:69" x14ac:dyDescent="0.25">
      <c r="A255" s="1">
        <v>30448616</v>
      </c>
      <c r="B255" t="s">
        <v>3214</v>
      </c>
      <c r="C255" t="s">
        <v>39</v>
      </c>
      <c r="D255" t="s">
        <v>3138</v>
      </c>
      <c r="E255" t="s">
        <v>216</v>
      </c>
      <c r="L255" t="s">
        <v>52</v>
      </c>
      <c r="M255" s="1">
        <v>0</v>
      </c>
      <c r="N255" s="1">
        <v>0</v>
      </c>
      <c r="O255" t="s">
        <v>3139</v>
      </c>
      <c r="P255" t="s">
        <v>216</v>
      </c>
      <c r="Q255" t="s">
        <v>196</v>
      </c>
      <c r="S255" s="1">
        <v>0</v>
      </c>
      <c r="T255" t="s">
        <v>197</v>
      </c>
      <c r="U255" t="s">
        <v>3215</v>
      </c>
      <c r="Y255" t="s">
        <v>224</v>
      </c>
      <c r="AC255" t="s">
        <v>225</v>
      </c>
      <c r="AD255" t="s">
        <v>175</v>
      </c>
      <c r="AE255" t="s">
        <v>181</v>
      </c>
      <c r="AF255" t="s">
        <v>230</v>
      </c>
      <c r="AG255" t="s">
        <v>230</v>
      </c>
      <c r="AH255" t="s">
        <v>175</v>
      </c>
      <c r="AI255" t="s">
        <v>175</v>
      </c>
      <c r="AJ255" t="s">
        <v>181</v>
      </c>
      <c r="AK255" t="s">
        <v>181</v>
      </c>
      <c r="AL255" t="s">
        <v>42</v>
      </c>
      <c r="AM255" t="s">
        <v>202</v>
      </c>
      <c r="AN255" t="s">
        <v>204</v>
      </c>
      <c r="AO255" t="s">
        <v>185</v>
      </c>
      <c r="AP255" t="s">
        <v>182</v>
      </c>
      <c r="AQ255" t="s">
        <v>183</v>
      </c>
      <c r="AR255" t="s">
        <v>201</v>
      </c>
      <c r="AS255" t="s">
        <v>184</v>
      </c>
      <c r="AT255" t="s">
        <v>206</v>
      </c>
      <c r="AU255" t="s">
        <v>205</v>
      </c>
      <c r="AV255" t="s">
        <v>203</v>
      </c>
      <c r="AY255" t="s">
        <v>187</v>
      </c>
      <c r="BA255" t="s">
        <v>188</v>
      </c>
      <c r="BC255" t="s">
        <v>209</v>
      </c>
      <c r="BF255" t="s">
        <v>292</v>
      </c>
      <c r="BG255" t="s">
        <v>276</v>
      </c>
      <c r="BH255" t="s">
        <v>211</v>
      </c>
      <c r="BK255" t="s">
        <v>191</v>
      </c>
      <c r="BM255" t="s">
        <v>218</v>
      </c>
      <c r="BO255" t="s">
        <v>191</v>
      </c>
    </row>
    <row r="256" spans="1:69" x14ac:dyDescent="0.25">
      <c r="A256" s="1">
        <v>30448618</v>
      </c>
      <c r="B256" t="s">
        <v>2603</v>
      </c>
      <c r="C256" t="s">
        <v>39</v>
      </c>
      <c r="D256" t="s">
        <v>2512</v>
      </c>
      <c r="E256" t="s">
        <v>216</v>
      </c>
      <c r="L256" t="s">
        <v>52</v>
      </c>
      <c r="M256" s="1">
        <v>0</v>
      </c>
      <c r="N256" s="1">
        <v>0</v>
      </c>
      <c r="O256" t="s">
        <v>2512</v>
      </c>
      <c r="P256" t="s">
        <v>216</v>
      </c>
      <c r="Q256" t="s">
        <v>328</v>
      </c>
      <c r="S256" s="1">
        <v>0</v>
      </c>
      <c r="T256" t="s">
        <v>297</v>
      </c>
      <c r="U256" t="s">
        <v>2604</v>
      </c>
      <c r="W256" t="s">
        <v>262</v>
      </c>
      <c r="X256" t="s">
        <v>179</v>
      </c>
      <c r="Y256" t="s">
        <v>224</v>
      </c>
      <c r="Z256" t="s">
        <v>244</v>
      </c>
      <c r="AC256" t="s">
        <v>180</v>
      </c>
      <c r="AD256" t="s">
        <v>230</v>
      </c>
      <c r="AE256" t="s">
        <v>230</v>
      </c>
      <c r="AF256" t="s">
        <v>230</v>
      </c>
      <c r="AG256" t="s">
        <v>181</v>
      </c>
      <c r="AH256" t="s">
        <v>175</v>
      </c>
      <c r="AI256" t="s">
        <v>175</v>
      </c>
      <c r="AJ256" t="s">
        <v>181</v>
      </c>
      <c r="AK256" t="s">
        <v>230</v>
      </c>
      <c r="AL256" t="s">
        <v>42</v>
      </c>
      <c r="AM256" t="s">
        <v>182</v>
      </c>
      <c r="AN256" t="s">
        <v>205</v>
      </c>
      <c r="AO256" t="s">
        <v>204</v>
      </c>
      <c r="AP256" t="s">
        <v>183</v>
      </c>
      <c r="AQ256" t="s">
        <v>184</v>
      </c>
      <c r="AR256" t="s">
        <v>185</v>
      </c>
      <c r="AS256" t="s">
        <v>203</v>
      </c>
      <c r="AT256" t="s">
        <v>201</v>
      </c>
      <c r="AU256" t="s">
        <v>206</v>
      </c>
      <c r="AV256" t="s">
        <v>202</v>
      </c>
      <c r="AX256" t="s">
        <v>186</v>
      </c>
      <c r="AY256" t="s">
        <v>187</v>
      </c>
      <c r="AZ256" t="s">
        <v>207</v>
      </c>
      <c r="BB256" t="s">
        <v>208</v>
      </c>
      <c r="BC256" t="s">
        <v>209</v>
      </c>
      <c r="BF256" t="s">
        <v>189</v>
      </c>
      <c r="BG256" s="1">
        <v>0</v>
      </c>
      <c r="BH256" t="s">
        <v>302</v>
      </c>
      <c r="BI256" t="s">
        <v>2605</v>
      </c>
      <c r="BK256" t="s">
        <v>191</v>
      </c>
      <c r="BL256" t="s">
        <v>1822</v>
      </c>
      <c r="BM256" t="s">
        <v>191</v>
      </c>
      <c r="BN256" t="s">
        <v>2159</v>
      </c>
      <c r="BO256" t="s">
        <v>191</v>
      </c>
      <c r="BP256" t="s">
        <v>2606</v>
      </c>
    </row>
    <row r="257" spans="1:69" x14ac:dyDescent="0.25">
      <c r="A257" s="1">
        <v>30448619</v>
      </c>
      <c r="B257" t="s">
        <v>3216</v>
      </c>
      <c r="C257" t="s">
        <v>39</v>
      </c>
      <c r="D257" t="s">
        <v>3138</v>
      </c>
      <c r="E257" t="s">
        <v>216</v>
      </c>
      <c r="L257" t="s">
        <v>52</v>
      </c>
      <c r="M257" s="1">
        <v>0</v>
      </c>
      <c r="N257" s="1">
        <v>0</v>
      </c>
      <c r="O257" t="s">
        <v>3139</v>
      </c>
      <c r="P257" t="s">
        <v>216</v>
      </c>
      <c r="Q257" t="s">
        <v>322</v>
      </c>
      <c r="S257" s="1">
        <v>0</v>
      </c>
      <c r="T257" t="s">
        <v>197</v>
      </c>
      <c r="X257" t="s">
        <v>179</v>
      </c>
      <c r="AC257" t="s">
        <v>199</v>
      </c>
      <c r="AD257" t="s">
        <v>230</v>
      </c>
      <c r="AE257" t="s">
        <v>230</v>
      </c>
      <c r="AF257" t="s">
        <v>181</v>
      </c>
      <c r="AG257" t="s">
        <v>230</v>
      </c>
      <c r="AH257" t="s">
        <v>175</v>
      </c>
      <c r="AI257" t="s">
        <v>175</v>
      </c>
      <c r="AJ257" t="s">
        <v>181</v>
      </c>
      <c r="AK257" t="s">
        <v>299</v>
      </c>
      <c r="AL257" t="s">
        <v>42</v>
      </c>
      <c r="AM257" t="s">
        <v>184</v>
      </c>
      <c r="AN257" t="s">
        <v>206</v>
      </c>
      <c r="AO257" t="s">
        <v>182</v>
      </c>
      <c r="AP257" t="s">
        <v>183</v>
      </c>
      <c r="AQ257" t="s">
        <v>202</v>
      </c>
      <c r="AR257" t="s">
        <v>203</v>
      </c>
      <c r="AS257" t="s">
        <v>185</v>
      </c>
      <c r="AT257" t="s">
        <v>204</v>
      </c>
      <c r="AU257" t="s">
        <v>205</v>
      </c>
      <c r="AV257" t="s">
        <v>201</v>
      </c>
      <c r="AX257" t="s">
        <v>186</v>
      </c>
      <c r="AY257" t="s">
        <v>187</v>
      </c>
      <c r="AZ257" t="s">
        <v>207</v>
      </c>
      <c r="BA257" t="s">
        <v>188</v>
      </c>
      <c r="BC257" t="s">
        <v>209</v>
      </c>
      <c r="BF257" t="s">
        <v>292</v>
      </c>
      <c r="BG257" t="s">
        <v>276</v>
      </c>
      <c r="BH257" t="s">
        <v>211</v>
      </c>
      <c r="BK257" t="s">
        <v>191</v>
      </c>
      <c r="BM257" t="s">
        <v>191</v>
      </c>
      <c r="BO257" t="s">
        <v>191</v>
      </c>
    </row>
    <row r="258" spans="1:69" x14ac:dyDescent="0.25">
      <c r="A258" s="1">
        <v>30448620</v>
      </c>
      <c r="B258" t="s">
        <v>1758</v>
      </c>
      <c r="C258" t="s">
        <v>39</v>
      </c>
      <c r="D258" t="s">
        <v>1616</v>
      </c>
      <c r="E258" t="s">
        <v>175</v>
      </c>
      <c r="L258" t="s">
        <v>52</v>
      </c>
      <c r="M258" s="1">
        <v>0</v>
      </c>
      <c r="N258" s="1">
        <v>0</v>
      </c>
      <c r="O258" t="s">
        <v>1616</v>
      </c>
      <c r="P258" t="s">
        <v>176</v>
      </c>
      <c r="Q258" t="s">
        <v>196</v>
      </c>
      <c r="S258" t="s">
        <v>349</v>
      </c>
      <c r="T258" t="s">
        <v>175</v>
      </c>
      <c r="X258" t="s">
        <v>179</v>
      </c>
      <c r="AC258" t="s">
        <v>199</v>
      </c>
      <c r="AD258" t="s">
        <v>181</v>
      </c>
      <c r="AE258" t="s">
        <v>230</v>
      </c>
      <c r="AF258" t="s">
        <v>299</v>
      </c>
      <c r="AG258" t="s">
        <v>230</v>
      </c>
      <c r="AH258" t="s">
        <v>181</v>
      </c>
      <c r="AI258" t="s">
        <v>175</v>
      </c>
      <c r="AJ258" t="s">
        <v>175</v>
      </c>
      <c r="AK258" t="s">
        <v>181</v>
      </c>
      <c r="AL258" t="s">
        <v>52</v>
      </c>
      <c r="AM258" t="s">
        <v>183</v>
      </c>
      <c r="AN258" t="s">
        <v>185</v>
      </c>
      <c r="AO258" t="s">
        <v>205</v>
      </c>
      <c r="AP258" t="s">
        <v>206</v>
      </c>
      <c r="AQ258" t="s">
        <v>203</v>
      </c>
      <c r="AR258" t="s">
        <v>202</v>
      </c>
      <c r="AS258" t="s">
        <v>201</v>
      </c>
      <c r="AT258" t="s">
        <v>182</v>
      </c>
      <c r="AU258" t="s">
        <v>184</v>
      </c>
      <c r="AV258" t="s">
        <v>204</v>
      </c>
      <c r="AX258" t="s">
        <v>186</v>
      </c>
      <c r="AY258" t="s">
        <v>187</v>
      </c>
      <c r="AZ258" t="s">
        <v>207</v>
      </c>
      <c r="BA258" t="s">
        <v>188</v>
      </c>
      <c r="BC258" t="s">
        <v>209</v>
      </c>
      <c r="BF258" t="s">
        <v>210</v>
      </c>
      <c r="BG258" s="1">
        <v>0</v>
      </c>
      <c r="BH258" t="s">
        <v>211</v>
      </c>
      <c r="BK258" t="s">
        <v>191</v>
      </c>
      <c r="BL258" t="s">
        <v>1759</v>
      </c>
      <c r="BM258" t="s">
        <v>191</v>
      </c>
      <c r="BN258" t="s">
        <v>1760</v>
      </c>
      <c r="BO258" t="s">
        <v>191</v>
      </c>
      <c r="BP258" t="s">
        <v>1761</v>
      </c>
    </row>
    <row r="259" spans="1:69" x14ac:dyDescent="0.25">
      <c r="A259" s="1">
        <v>30448621</v>
      </c>
      <c r="B259" t="s">
        <v>3217</v>
      </c>
      <c r="C259" t="s">
        <v>39</v>
      </c>
      <c r="D259" t="s">
        <v>3138</v>
      </c>
      <c r="E259" t="s">
        <v>216</v>
      </c>
      <c r="L259" t="s">
        <v>52</v>
      </c>
      <c r="M259" s="1">
        <v>0</v>
      </c>
      <c r="N259" s="1">
        <v>0</v>
      </c>
      <c r="O259" t="s">
        <v>3139</v>
      </c>
      <c r="P259" t="s">
        <v>216</v>
      </c>
      <c r="Q259" t="s">
        <v>258</v>
      </c>
      <c r="S259" s="1">
        <v>0</v>
      </c>
      <c r="T259" t="s">
        <v>197</v>
      </c>
      <c r="W259" t="s">
        <v>262</v>
      </c>
      <c r="AC259" t="s">
        <v>266</v>
      </c>
      <c r="AD259" t="s">
        <v>230</v>
      </c>
      <c r="AE259" t="s">
        <v>230</v>
      </c>
      <c r="AF259" t="s">
        <v>230</v>
      </c>
      <c r="AG259" t="s">
        <v>230</v>
      </c>
      <c r="AH259" t="s">
        <v>175</v>
      </c>
      <c r="AI259" t="s">
        <v>175</v>
      </c>
      <c r="AJ259" t="s">
        <v>230</v>
      </c>
      <c r="AK259" t="s">
        <v>181</v>
      </c>
      <c r="AL259" t="s">
        <v>42</v>
      </c>
      <c r="AM259" t="s">
        <v>182</v>
      </c>
      <c r="AN259" t="s">
        <v>185</v>
      </c>
      <c r="AO259" t="s">
        <v>201</v>
      </c>
      <c r="AP259" t="s">
        <v>183</v>
      </c>
      <c r="AQ259" t="s">
        <v>205</v>
      </c>
      <c r="AR259" t="s">
        <v>206</v>
      </c>
      <c r="AS259" t="s">
        <v>203</v>
      </c>
      <c r="AT259" t="s">
        <v>184</v>
      </c>
      <c r="AU259" t="s">
        <v>204</v>
      </c>
      <c r="AV259" t="s">
        <v>202</v>
      </c>
      <c r="AX259" t="s">
        <v>186</v>
      </c>
      <c r="AY259" t="s">
        <v>187</v>
      </c>
      <c r="BA259" t="s">
        <v>188</v>
      </c>
      <c r="BF259" t="s">
        <v>189</v>
      </c>
      <c r="BG259" s="1">
        <v>0</v>
      </c>
      <c r="BH259" t="s">
        <v>302</v>
      </c>
      <c r="BI259" t="s">
        <v>3218</v>
      </c>
      <c r="BK259" t="s">
        <v>191</v>
      </c>
      <c r="BM259" t="s">
        <v>191</v>
      </c>
      <c r="BO259" t="s">
        <v>218</v>
      </c>
      <c r="BP259" t="s">
        <v>3219</v>
      </c>
    </row>
    <row r="260" spans="1:69" x14ac:dyDescent="0.25">
      <c r="A260" s="1">
        <v>30448623</v>
      </c>
      <c r="B260" t="s">
        <v>1065</v>
      </c>
      <c r="C260" t="s">
        <v>39</v>
      </c>
      <c r="D260" t="s">
        <v>942</v>
      </c>
      <c r="L260" t="s">
        <v>52</v>
      </c>
      <c r="M260" s="1">
        <v>0</v>
      </c>
      <c r="N260" s="1">
        <v>0</v>
      </c>
      <c r="O260" t="s">
        <v>942</v>
      </c>
      <c r="P260" s="1">
        <v>0</v>
      </c>
      <c r="Q260" s="1">
        <v>0</v>
      </c>
      <c r="S260" s="1">
        <v>0</v>
      </c>
      <c r="T260" s="1">
        <v>0</v>
      </c>
      <c r="AC260" s="1">
        <v>0</v>
      </c>
      <c r="AD260" s="1">
        <v>0</v>
      </c>
      <c r="AE260" s="1">
        <v>0</v>
      </c>
      <c r="AF260" s="1">
        <v>0</v>
      </c>
      <c r="AG260" s="1">
        <v>0</v>
      </c>
      <c r="AH260" s="1">
        <v>0</v>
      </c>
      <c r="AI260" s="1">
        <v>0</v>
      </c>
      <c r="AJ260" s="1">
        <v>0</v>
      </c>
      <c r="AK260" s="1">
        <v>0</v>
      </c>
      <c r="AL260" s="1">
        <v>0</v>
      </c>
      <c r="AM260" s="1">
        <v>0</v>
      </c>
      <c r="AN260" s="1">
        <v>0</v>
      </c>
      <c r="AO260" s="1">
        <v>0</v>
      </c>
      <c r="AP260" s="1">
        <v>0</v>
      </c>
      <c r="AQ260" s="1">
        <v>0</v>
      </c>
      <c r="AR260" s="1">
        <v>0</v>
      </c>
      <c r="AS260" s="1">
        <v>0</v>
      </c>
      <c r="AT260" s="1">
        <v>0</v>
      </c>
      <c r="AU260" s="1">
        <v>0</v>
      </c>
      <c r="AV260" s="1">
        <v>0</v>
      </c>
      <c r="BF260" s="1">
        <v>0</v>
      </c>
      <c r="BG260" s="1">
        <v>0</v>
      </c>
      <c r="BH260" s="1">
        <v>0</v>
      </c>
      <c r="BK260" s="1">
        <v>0</v>
      </c>
      <c r="BM260" s="1">
        <v>0</v>
      </c>
      <c r="BO260" s="1">
        <v>0</v>
      </c>
    </row>
    <row r="261" spans="1:69" x14ac:dyDescent="0.25">
      <c r="A261" s="1">
        <v>30448624</v>
      </c>
      <c r="B261" t="s">
        <v>3865</v>
      </c>
      <c r="C261" t="s">
        <v>39</v>
      </c>
      <c r="D261" t="s">
        <v>3727</v>
      </c>
      <c r="E261" t="s">
        <v>216</v>
      </c>
      <c r="L261" t="s">
        <v>52</v>
      </c>
      <c r="M261" s="1">
        <v>0</v>
      </c>
      <c r="N261" s="1">
        <v>0</v>
      </c>
      <c r="O261" t="s">
        <v>3728</v>
      </c>
      <c r="P261" t="s">
        <v>216</v>
      </c>
      <c r="Q261" t="s">
        <v>328</v>
      </c>
      <c r="S261" s="1">
        <v>0</v>
      </c>
      <c r="T261" t="s">
        <v>197</v>
      </c>
      <c r="Z261" t="s">
        <v>244</v>
      </c>
      <c r="AC261" t="s">
        <v>180</v>
      </c>
      <c r="AD261" t="s">
        <v>175</v>
      </c>
      <c r="AE261" t="s">
        <v>175</v>
      </c>
      <c r="AF261" t="s">
        <v>175</v>
      </c>
      <c r="AG261" t="s">
        <v>175</v>
      </c>
      <c r="AH261" t="s">
        <v>175</v>
      </c>
      <c r="AI261" t="s">
        <v>175</v>
      </c>
      <c r="AJ261" t="s">
        <v>175</v>
      </c>
      <c r="AK261" t="s">
        <v>175</v>
      </c>
      <c r="AL261" t="s">
        <v>49</v>
      </c>
      <c r="AM261" t="s">
        <v>203</v>
      </c>
      <c r="AN261" t="s">
        <v>182</v>
      </c>
      <c r="AO261" t="s">
        <v>206</v>
      </c>
      <c r="AP261" t="s">
        <v>202</v>
      </c>
      <c r="AQ261" t="s">
        <v>185</v>
      </c>
      <c r="AR261" t="s">
        <v>184</v>
      </c>
      <c r="AS261" t="s">
        <v>205</v>
      </c>
      <c r="AT261" t="s">
        <v>183</v>
      </c>
      <c r="AU261" t="s">
        <v>201</v>
      </c>
      <c r="AV261" t="s">
        <v>204</v>
      </c>
      <c r="AX261" t="s">
        <v>186</v>
      </c>
      <c r="AY261" t="s">
        <v>187</v>
      </c>
      <c r="AZ261" t="s">
        <v>207</v>
      </c>
      <c r="BA261" t="s">
        <v>188</v>
      </c>
      <c r="BB261" t="s">
        <v>208</v>
      </c>
      <c r="BC261" t="s">
        <v>209</v>
      </c>
      <c r="BF261" t="s">
        <v>210</v>
      </c>
      <c r="BG261" s="1">
        <v>0</v>
      </c>
      <c r="BH261" t="s">
        <v>211</v>
      </c>
      <c r="BK261" s="1">
        <v>0</v>
      </c>
      <c r="BM261" s="1">
        <v>0</v>
      </c>
      <c r="BO261" s="1">
        <v>0</v>
      </c>
    </row>
    <row r="262" spans="1:69" x14ac:dyDescent="0.25">
      <c r="A262" s="1">
        <v>30448625</v>
      </c>
      <c r="B262" t="s">
        <v>1066</v>
      </c>
      <c r="C262" t="s">
        <v>39</v>
      </c>
      <c r="D262" t="s">
        <v>942</v>
      </c>
      <c r="E262" t="s">
        <v>216</v>
      </c>
      <c r="L262" t="s">
        <v>52</v>
      </c>
      <c r="M262" s="1">
        <v>0</v>
      </c>
      <c r="N262" s="1">
        <v>0</v>
      </c>
      <c r="O262" t="s">
        <v>942</v>
      </c>
      <c r="P262" t="s">
        <v>216</v>
      </c>
      <c r="Q262" t="s">
        <v>322</v>
      </c>
      <c r="S262" s="1">
        <v>0</v>
      </c>
      <c r="T262" t="s">
        <v>197</v>
      </c>
      <c r="U262" t="s">
        <v>1067</v>
      </c>
      <c r="Z262" t="s">
        <v>244</v>
      </c>
      <c r="AC262" t="s">
        <v>199</v>
      </c>
      <c r="AD262" t="s">
        <v>181</v>
      </c>
      <c r="AE262" t="s">
        <v>181</v>
      </c>
      <c r="AF262" t="s">
        <v>175</v>
      </c>
      <c r="AG262" t="s">
        <v>181</v>
      </c>
      <c r="AH262" t="s">
        <v>175</v>
      </c>
      <c r="AI262" t="s">
        <v>181</v>
      </c>
      <c r="AJ262" t="s">
        <v>230</v>
      </c>
      <c r="AK262" t="s">
        <v>181</v>
      </c>
      <c r="AL262" t="s">
        <v>52</v>
      </c>
      <c r="AM262" t="s">
        <v>201</v>
      </c>
      <c r="AN262" t="s">
        <v>182</v>
      </c>
      <c r="AO262" t="s">
        <v>183</v>
      </c>
      <c r="AP262" t="s">
        <v>185</v>
      </c>
      <c r="AQ262" t="s">
        <v>202</v>
      </c>
      <c r="AR262" t="s">
        <v>204</v>
      </c>
      <c r="AS262" t="s">
        <v>184</v>
      </c>
      <c r="AT262" t="s">
        <v>203</v>
      </c>
      <c r="AU262" t="s">
        <v>206</v>
      </c>
      <c r="AV262" t="s">
        <v>205</v>
      </c>
      <c r="AW262" t="s">
        <v>1068</v>
      </c>
      <c r="AX262" t="s">
        <v>186</v>
      </c>
      <c r="BC262" t="s">
        <v>209</v>
      </c>
      <c r="BF262" t="s">
        <v>49</v>
      </c>
      <c r="BG262" s="1">
        <v>0</v>
      </c>
      <c r="BH262" t="s">
        <v>211</v>
      </c>
      <c r="BK262" t="s">
        <v>191</v>
      </c>
      <c r="BL262" t="s">
        <v>1069</v>
      </c>
      <c r="BM262" t="s">
        <v>218</v>
      </c>
      <c r="BN262" t="s">
        <v>1070</v>
      </c>
      <c r="BO262" t="s">
        <v>218</v>
      </c>
      <c r="BQ262" t="s">
        <v>1071</v>
      </c>
    </row>
    <row r="263" spans="1:69" x14ac:dyDescent="0.25">
      <c r="A263" s="1">
        <v>30448626</v>
      </c>
      <c r="B263" t="s">
        <v>1072</v>
      </c>
      <c r="C263" t="s">
        <v>39</v>
      </c>
      <c r="D263" t="s">
        <v>942</v>
      </c>
      <c r="E263" t="s">
        <v>195</v>
      </c>
      <c r="L263" t="s">
        <v>52</v>
      </c>
      <c r="M263" s="1">
        <v>0</v>
      </c>
      <c r="N263" s="1">
        <v>0</v>
      </c>
      <c r="O263" t="s">
        <v>942</v>
      </c>
      <c r="P263" t="s">
        <v>176</v>
      </c>
      <c r="Q263" t="s">
        <v>177</v>
      </c>
      <c r="S263" t="s">
        <v>222</v>
      </c>
      <c r="T263" t="s">
        <v>197</v>
      </c>
      <c r="X263" t="s">
        <v>179</v>
      </c>
      <c r="AC263" t="s">
        <v>199</v>
      </c>
      <c r="AD263" t="s">
        <v>181</v>
      </c>
      <c r="AE263" t="s">
        <v>181</v>
      </c>
      <c r="AF263" t="s">
        <v>230</v>
      </c>
      <c r="AG263" t="s">
        <v>230</v>
      </c>
      <c r="AH263" t="s">
        <v>181</v>
      </c>
      <c r="AI263" t="s">
        <v>175</v>
      </c>
      <c r="AJ263" t="s">
        <v>181</v>
      </c>
      <c r="AK263" t="s">
        <v>181</v>
      </c>
      <c r="AL263" t="s">
        <v>52</v>
      </c>
      <c r="AM263" t="s">
        <v>201</v>
      </c>
      <c r="AN263" t="s">
        <v>206</v>
      </c>
      <c r="AO263" t="s">
        <v>183</v>
      </c>
      <c r="AP263" t="s">
        <v>185</v>
      </c>
      <c r="AQ263" t="s">
        <v>184</v>
      </c>
      <c r="AR263" t="s">
        <v>182</v>
      </c>
      <c r="AS263" t="s">
        <v>202</v>
      </c>
      <c r="AT263" t="s">
        <v>205</v>
      </c>
      <c r="AU263" t="s">
        <v>204</v>
      </c>
      <c r="AV263" t="s">
        <v>203</v>
      </c>
      <c r="AX263" t="s">
        <v>186</v>
      </c>
      <c r="AZ263" t="s">
        <v>207</v>
      </c>
      <c r="BA263" t="s">
        <v>188</v>
      </c>
      <c r="BB263" t="s">
        <v>208</v>
      </c>
      <c r="BC263" t="s">
        <v>209</v>
      </c>
      <c r="BF263" t="s">
        <v>292</v>
      </c>
      <c r="BG263" t="s">
        <v>276</v>
      </c>
      <c r="BH263" t="s">
        <v>211</v>
      </c>
      <c r="BK263" t="s">
        <v>191</v>
      </c>
      <c r="BL263" t="s">
        <v>1073</v>
      </c>
      <c r="BM263" t="s">
        <v>218</v>
      </c>
      <c r="BN263" t="s">
        <v>1074</v>
      </c>
      <c r="BO263" t="s">
        <v>218</v>
      </c>
      <c r="BP263" t="s">
        <v>1075</v>
      </c>
    </row>
    <row r="264" spans="1:69" x14ac:dyDescent="0.25">
      <c r="A264" s="1">
        <v>30448628</v>
      </c>
      <c r="B264" t="s">
        <v>1762</v>
      </c>
      <c r="C264" t="s">
        <v>39</v>
      </c>
      <c r="D264" t="s">
        <v>1616</v>
      </c>
      <c r="E264" t="s">
        <v>200</v>
      </c>
      <c r="L264" t="s">
        <v>52</v>
      </c>
      <c r="M264" s="1">
        <v>0</v>
      </c>
      <c r="N264" s="1">
        <v>0</v>
      </c>
      <c r="O264" t="s">
        <v>1616</v>
      </c>
      <c r="P264" t="s">
        <v>176</v>
      </c>
      <c r="Q264" t="s">
        <v>177</v>
      </c>
      <c r="S264" t="s">
        <v>178</v>
      </c>
      <c r="T264" t="s">
        <v>200</v>
      </c>
      <c r="AA264" t="s">
        <v>273</v>
      </c>
      <c r="AB264" t="s">
        <v>1763</v>
      </c>
      <c r="AC264" t="s">
        <v>199</v>
      </c>
      <c r="AD264" t="s">
        <v>200</v>
      </c>
      <c r="AE264" t="s">
        <v>200</v>
      </c>
      <c r="AF264" t="s">
        <v>200</v>
      </c>
      <c r="AG264" t="s">
        <v>200</v>
      </c>
      <c r="AH264" t="s">
        <v>200</v>
      </c>
      <c r="AI264" t="s">
        <v>200</v>
      </c>
      <c r="AJ264" t="s">
        <v>200</v>
      </c>
      <c r="AK264" t="s">
        <v>200</v>
      </c>
      <c r="AL264" t="s">
        <v>42</v>
      </c>
      <c r="AM264" t="s">
        <v>205</v>
      </c>
      <c r="AN264" t="s">
        <v>183</v>
      </c>
      <c r="AO264" t="s">
        <v>185</v>
      </c>
      <c r="AP264" t="s">
        <v>184</v>
      </c>
      <c r="AQ264" t="s">
        <v>204</v>
      </c>
      <c r="AR264" t="s">
        <v>202</v>
      </c>
      <c r="AS264" t="s">
        <v>203</v>
      </c>
      <c r="AT264" t="s">
        <v>201</v>
      </c>
      <c r="AU264" t="s">
        <v>182</v>
      </c>
      <c r="AV264" t="s">
        <v>206</v>
      </c>
      <c r="AW264" t="s">
        <v>1764</v>
      </c>
      <c r="AX264" t="s">
        <v>186</v>
      </c>
      <c r="AZ264" t="s">
        <v>207</v>
      </c>
      <c r="BB264" t="s">
        <v>208</v>
      </c>
      <c r="BF264" t="s">
        <v>210</v>
      </c>
      <c r="BG264" s="1">
        <v>0</v>
      </c>
      <c r="BH264" t="s">
        <v>190</v>
      </c>
      <c r="BK264" t="s">
        <v>191</v>
      </c>
      <c r="BL264" t="s">
        <v>1765</v>
      </c>
      <c r="BM264" s="1">
        <v>0</v>
      </c>
      <c r="BN264" t="s">
        <v>1766</v>
      </c>
      <c r="BO264" t="s">
        <v>191</v>
      </c>
      <c r="BP264" t="s">
        <v>1767</v>
      </c>
      <c r="BQ264" t="s">
        <v>1768</v>
      </c>
    </row>
    <row r="265" spans="1:69" x14ac:dyDescent="0.25">
      <c r="A265" s="1">
        <v>30448631</v>
      </c>
      <c r="B265" t="s">
        <v>368</v>
      </c>
      <c r="C265" t="s">
        <v>39</v>
      </c>
      <c r="D265" t="s">
        <v>174</v>
      </c>
      <c r="E265" t="s">
        <v>200</v>
      </c>
      <c r="L265" t="s">
        <v>52</v>
      </c>
      <c r="M265" s="1">
        <v>0</v>
      </c>
      <c r="N265" s="1">
        <v>0</v>
      </c>
      <c r="O265" t="s">
        <v>174</v>
      </c>
      <c r="P265" t="s">
        <v>176</v>
      </c>
      <c r="Q265" t="s">
        <v>177</v>
      </c>
      <c r="S265" t="s">
        <v>222</v>
      </c>
      <c r="T265" t="s">
        <v>200</v>
      </c>
      <c r="AC265" t="s">
        <v>180</v>
      </c>
      <c r="AD265" t="s">
        <v>175</v>
      </c>
      <c r="AE265" t="s">
        <v>181</v>
      </c>
      <c r="AF265" t="s">
        <v>181</v>
      </c>
      <c r="AG265" t="s">
        <v>230</v>
      </c>
      <c r="AH265" t="s">
        <v>175</v>
      </c>
      <c r="AI265" t="s">
        <v>175</v>
      </c>
      <c r="AJ265" t="s">
        <v>175</v>
      </c>
      <c r="AK265" t="s">
        <v>175</v>
      </c>
      <c r="AL265" t="s">
        <v>52</v>
      </c>
      <c r="AM265" t="s">
        <v>182</v>
      </c>
      <c r="AN265" t="s">
        <v>201</v>
      </c>
      <c r="AO265" t="s">
        <v>204</v>
      </c>
      <c r="AP265" t="s">
        <v>205</v>
      </c>
      <c r="AQ265" t="s">
        <v>184</v>
      </c>
      <c r="AR265" t="s">
        <v>203</v>
      </c>
      <c r="AS265" t="s">
        <v>185</v>
      </c>
      <c r="AT265" t="s">
        <v>183</v>
      </c>
      <c r="AU265" t="s">
        <v>206</v>
      </c>
      <c r="AV265" t="s">
        <v>202</v>
      </c>
      <c r="AW265" t="s">
        <v>369</v>
      </c>
      <c r="AX265" t="s">
        <v>186</v>
      </c>
      <c r="AZ265" t="s">
        <v>207</v>
      </c>
      <c r="BF265" t="s">
        <v>210</v>
      </c>
      <c r="BG265" s="1">
        <v>0</v>
      </c>
      <c r="BH265" t="s">
        <v>211</v>
      </c>
      <c r="BK265" t="s">
        <v>191</v>
      </c>
      <c r="BM265" t="s">
        <v>191</v>
      </c>
      <c r="BO265" t="s">
        <v>191</v>
      </c>
    </row>
    <row r="266" spans="1:69" x14ac:dyDescent="0.25">
      <c r="A266" s="1">
        <v>30448632</v>
      </c>
      <c r="B266" t="s">
        <v>1769</v>
      </c>
      <c r="C266" t="s">
        <v>39</v>
      </c>
      <c r="D266" t="s">
        <v>3727</v>
      </c>
      <c r="L266" t="s">
        <v>52</v>
      </c>
      <c r="M266" s="1">
        <v>0</v>
      </c>
      <c r="N266" s="1">
        <v>0</v>
      </c>
      <c r="O266" t="s">
        <v>3728</v>
      </c>
      <c r="P266" s="1">
        <v>0</v>
      </c>
      <c r="Q266" s="1">
        <v>0</v>
      </c>
      <c r="S266" s="1">
        <v>0</v>
      </c>
      <c r="T266" s="1">
        <v>0</v>
      </c>
      <c r="AC266" s="1">
        <v>0</v>
      </c>
      <c r="AD266" s="1">
        <v>0</v>
      </c>
      <c r="AE266" s="1">
        <v>0</v>
      </c>
      <c r="AF266" s="1">
        <v>0</v>
      </c>
      <c r="AG266" s="1">
        <v>0</v>
      </c>
      <c r="AH266" s="1">
        <v>0</v>
      </c>
      <c r="AI266" s="1">
        <v>0</v>
      </c>
      <c r="AJ266" s="1">
        <v>0</v>
      </c>
      <c r="AK266" s="1">
        <v>0</v>
      </c>
      <c r="AL266" s="1">
        <v>0</v>
      </c>
      <c r="AM266" s="1">
        <v>0</v>
      </c>
      <c r="AN266" s="1">
        <v>0</v>
      </c>
      <c r="AO266" s="1">
        <v>0</v>
      </c>
      <c r="AP266" s="1">
        <v>0</v>
      </c>
      <c r="AQ266" s="1">
        <v>0</v>
      </c>
      <c r="AR266" s="1">
        <v>0</v>
      </c>
      <c r="AS266" s="1">
        <v>0</v>
      </c>
      <c r="AT266" s="1">
        <v>0</v>
      </c>
      <c r="AU266" s="1">
        <v>0</v>
      </c>
      <c r="AV266" s="1">
        <v>0</v>
      </c>
      <c r="BF266" s="1">
        <v>0</v>
      </c>
      <c r="BG266" s="1">
        <v>0</v>
      </c>
      <c r="BH266" s="1">
        <v>0</v>
      </c>
      <c r="BK266" s="1">
        <v>0</v>
      </c>
      <c r="BM266" s="1">
        <v>0</v>
      </c>
      <c r="BO266" s="1">
        <v>0</v>
      </c>
    </row>
    <row r="267" spans="1:69" x14ac:dyDescent="0.25">
      <c r="A267" s="1">
        <v>30448633</v>
      </c>
      <c r="B267" t="s">
        <v>1769</v>
      </c>
      <c r="C267" t="s">
        <v>39</v>
      </c>
      <c r="D267" t="s">
        <v>1616</v>
      </c>
      <c r="E267" t="s">
        <v>200</v>
      </c>
      <c r="L267" t="s">
        <v>52</v>
      </c>
      <c r="M267" s="1">
        <v>0</v>
      </c>
      <c r="N267" s="1">
        <v>0</v>
      </c>
      <c r="O267" t="s">
        <v>1616</v>
      </c>
      <c r="P267" t="s">
        <v>216</v>
      </c>
      <c r="Q267" t="s">
        <v>322</v>
      </c>
      <c r="S267" s="1">
        <v>0</v>
      </c>
      <c r="T267" t="s">
        <v>200</v>
      </c>
      <c r="Y267" t="s">
        <v>224</v>
      </c>
      <c r="AC267" t="s">
        <v>180</v>
      </c>
      <c r="AD267" t="s">
        <v>175</v>
      </c>
      <c r="AE267" t="s">
        <v>181</v>
      </c>
      <c r="AF267" t="s">
        <v>175</v>
      </c>
      <c r="AG267" t="s">
        <v>181</v>
      </c>
      <c r="AH267" t="s">
        <v>175</v>
      </c>
      <c r="AI267" t="s">
        <v>175</v>
      </c>
      <c r="AJ267" t="s">
        <v>175</v>
      </c>
      <c r="AK267" t="s">
        <v>181</v>
      </c>
      <c r="AL267" t="s">
        <v>42</v>
      </c>
      <c r="AM267" t="s">
        <v>182</v>
      </c>
      <c r="AN267" t="s">
        <v>185</v>
      </c>
      <c r="AO267" t="s">
        <v>183</v>
      </c>
      <c r="AP267" t="s">
        <v>184</v>
      </c>
      <c r="AQ267" s="1">
        <v>0</v>
      </c>
      <c r="AR267" s="1">
        <v>0</v>
      </c>
      <c r="AS267" s="1">
        <v>0</v>
      </c>
      <c r="AT267" s="1">
        <v>0</v>
      </c>
      <c r="AU267" t="s">
        <v>206</v>
      </c>
      <c r="AV267" t="s">
        <v>201</v>
      </c>
      <c r="AY267" t="s">
        <v>187</v>
      </c>
      <c r="AZ267" t="s">
        <v>207</v>
      </c>
      <c r="BB267" t="s">
        <v>208</v>
      </c>
      <c r="BF267" t="s">
        <v>210</v>
      </c>
      <c r="BG267" s="1">
        <v>0</v>
      </c>
      <c r="BH267" t="s">
        <v>464</v>
      </c>
      <c r="BK267" t="s">
        <v>191</v>
      </c>
      <c r="BL267" t="s">
        <v>1770</v>
      </c>
      <c r="BM267" t="s">
        <v>191</v>
      </c>
      <c r="BO267" t="s">
        <v>191</v>
      </c>
    </row>
    <row r="268" spans="1:69" x14ac:dyDescent="0.25">
      <c r="A268" s="1">
        <v>30448634</v>
      </c>
      <c r="B268" t="s">
        <v>2607</v>
      </c>
      <c r="C268" t="s">
        <v>39</v>
      </c>
      <c r="D268" t="s">
        <v>2512</v>
      </c>
      <c r="E268" t="s">
        <v>175</v>
      </c>
      <c r="L268" t="s">
        <v>52</v>
      </c>
      <c r="M268" s="1">
        <v>0</v>
      </c>
      <c r="N268" s="1">
        <v>0</v>
      </c>
      <c r="O268" t="s">
        <v>2512</v>
      </c>
      <c r="P268" t="s">
        <v>176</v>
      </c>
      <c r="Q268" t="s">
        <v>258</v>
      </c>
      <c r="S268" t="s">
        <v>349</v>
      </c>
      <c r="T268" t="s">
        <v>175</v>
      </c>
      <c r="W268" t="s">
        <v>262</v>
      </c>
      <c r="AC268" t="s">
        <v>199</v>
      </c>
      <c r="AD268" t="s">
        <v>299</v>
      </c>
      <c r="AE268" t="s">
        <v>181</v>
      </c>
      <c r="AF268" t="s">
        <v>175</v>
      </c>
      <c r="AG268" t="s">
        <v>175</v>
      </c>
      <c r="AH268" t="s">
        <v>200</v>
      </c>
      <c r="AI268" t="s">
        <v>200</v>
      </c>
      <c r="AJ268" t="s">
        <v>200</v>
      </c>
      <c r="AK268" t="s">
        <v>200</v>
      </c>
      <c r="AL268" t="s">
        <v>42</v>
      </c>
      <c r="AM268" s="1">
        <v>0</v>
      </c>
      <c r="AN268" s="1">
        <v>0</v>
      </c>
      <c r="AO268" s="1">
        <v>0</v>
      </c>
      <c r="AP268" s="1">
        <v>0</v>
      </c>
      <c r="AQ268" s="1">
        <v>0</v>
      </c>
      <c r="AR268" s="1">
        <v>0</v>
      </c>
      <c r="AS268" s="1">
        <v>0</v>
      </c>
      <c r="AT268" s="1">
        <v>0</v>
      </c>
      <c r="AU268" s="1">
        <v>0</v>
      </c>
      <c r="AV268" s="1">
        <v>0</v>
      </c>
      <c r="BF268" s="1">
        <v>0</v>
      </c>
      <c r="BG268" s="1">
        <v>0</v>
      </c>
      <c r="BH268" s="1">
        <v>0</v>
      </c>
      <c r="BK268" s="1">
        <v>0</v>
      </c>
      <c r="BM268" s="1">
        <v>0</v>
      </c>
      <c r="BO268" s="1">
        <v>0</v>
      </c>
    </row>
    <row r="269" spans="1:69" x14ac:dyDescent="0.25">
      <c r="A269" s="1">
        <v>30448635</v>
      </c>
      <c r="B269" t="s">
        <v>2608</v>
      </c>
      <c r="C269" t="s">
        <v>39</v>
      </c>
      <c r="D269" t="s">
        <v>2512</v>
      </c>
      <c r="E269" t="s">
        <v>175</v>
      </c>
      <c r="L269" t="s">
        <v>52</v>
      </c>
      <c r="M269" s="1">
        <v>0</v>
      </c>
      <c r="N269" s="1">
        <v>0</v>
      </c>
      <c r="O269" t="s">
        <v>2512</v>
      </c>
      <c r="P269" t="s">
        <v>216</v>
      </c>
      <c r="Q269" t="s">
        <v>238</v>
      </c>
      <c r="S269" s="1">
        <v>0</v>
      </c>
      <c r="T269" t="s">
        <v>175</v>
      </c>
      <c r="X269" t="s">
        <v>179</v>
      </c>
      <c r="Y269" t="s">
        <v>224</v>
      </c>
      <c r="AC269" t="s">
        <v>180</v>
      </c>
      <c r="AD269" t="s">
        <v>175</v>
      </c>
      <c r="AE269" t="s">
        <v>175</v>
      </c>
      <c r="AF269" t="s">
        <v>175</v>
      </c>
      <c r="AG269" t="s">
        <v>175</v>
      </c>
      <c r="AH269" t="s">
        <v>175</v>
      </c>
      <c r="AI269" t="s">
        <v>175</v>
      </c>
      <c r="AJ269" t="s">
        <v>175</v>
      </c>
      <c r="AK269" t="s">
        <v>175</v>
      </c>
      <c r="AL269" t="s">
        <v>42</v>
      </c>
      <c r="AM269" t="s">
        <v>202</v>
      </c>
      <c r="AN269" t="s">
        <v>201</v>
      </c>
      <c r="AO269" t="s">
        <v>182</v>
      </c>
      <c r="AP269" t="s">
        <v>204</v>
      </c>
      <c r="AQ269" t="s">
        <v>185</v>
      </c>
      <c r="AR269" t="s">
        <v>184</v>
      </c>
      <c r="AS269" t="s">
        <v>203</v>
      </c>
      <c r="AT269" t="s">
        <v>206</v>
      </c>
      <c r="AU269" t="s">
        <v>205</v>
      </c>
      <c r="AV269" t="s">
        <v>183</v>
      </c>
      <c r="AX269" t="s">
        <v>186</v>
      </c>
      <c r="AY269" t="s">
        <v>187</v>
      </c>
      <c r="AZ269" t="s">
        <v>207</v>
      </c>
      <c r="BA269" t="s">
        <v>188</v>
      </c>
      <c r="BB269" t="s">
        <v>208</v>
      </c>
      <c r="BC269" t="s">
        <v>209</v>
      </c>
      <c r="BF269" t="s">
        <v>232</v>
      </c>
      <c r="BG269" t="s">
        <v>301</v>
      </c>
      <c r="BH269" t="s">
        <v>211</v>
      </c>
      <c r="BK269" t="s">
        <v>191</v>
      </c>
      <c r="BM269" t="s">
        <v>191</v>
      </c>
      <c r="BO269" t="s">
        <v>191</v>
      </c>
    </row>
    <row r="270" spans="1:69" x14ac:dyDescent="0.25">
      <c r="A270" s="1">
        <v>30448636</v>
      </c>
      <c r="B270" t="s">
        <v>370</v>
      </c>
      <c r="C270" t="s">
        <v>39</v>
      </c>
      <c r="D270" t="s">
        <v>174</v>
      </c>
      <c r="E270" t="s">
        <v>200</v>
      </c>
      <c r="L270" t="s">
        <v>52</v>
      </c>
      <c r="M270" s="1">
        <v>0</v>
      </c>
      <c r="N270" s="1">
        <v>0</v>
      </c>
      <c r="O270" t="s">
        <v>174</v>
      </c>
      <c r="P270" t="s">
        <v>216</v>
      </c>
      <c r="Q270" t="s">
        <v>177</v>
      </c>
      <c r="S270" s="1">
        <v>0</v>
      </c>
      <c r="T270" t="s">
        <v>200</v>
      </c>
      <c r="Z270" t="s">
        <v>244</v>
      </c>
      <c r="AC270" t="s">
        <v>180</v>
      </c>
      <c r="AD270" t="s">
        <v>175</v>
      </c>
      <c r="AE270" t="s">
        <v>175</v>
      </c>
      <c r="AF270" t="s">
        <v>200</v>
      </c>
      <c r="AG270" t="s">
        <v>175</v>
      </c>
      <c r="AH270" t="s">
        <v>200</v>
      </c>
      <c r="AI270" t="s">
        <v>200</v>
      </c>
      <c r="AJ270" t="s">
        <v>200</v>
      </c>
      <c r="AK270" t="s">
        <v>175</v>
      </c>
      <c r="AL270" t="s">
        <v>52</v>
      </c>
      <c r="AM270" s="1">
        <v>0</v>
      </c>
      <c r="AN270" s="1">
        <v>0</v>
      </c>
      <c r="AO270" s="1">
        <v>0</v>
      </c>
      <c r="AP270" s="1">
        <v>0</v>
      </c>
      <c r="AQ270" s="1">
        <v>0</v>
      </c>
      <c r="AR270" s="1">
        <v>0</v>
      </c>
      <c r="AS270" s="1">
        <v>0</v>
      </c>
      <c r="AT270" s="1">
        <v>0</v>
      </c>
      <c r="AU270" s="1">
        <v>0</v>
      </c>
      <c r="AV270" s="1">
        <v>0</v>
      </c>
      <c r="BF270" s="1">
        <v>0</v>
      </c>
      <c r="BG270" s="1">
        <v>0</v>
      </c>
      <c r="BH270" s="1">
        <v>0</v>
      </c>
      <c r="BK270" s="1">
        <v>0</v>
      </c>
      <c r="BM270" s="1">
        <v>0</v>
      </c>
      <c r="BO270" s="1">
        <v>0</v>
      </c>
    </row>
    <row r="271" spans="1:69" x14ac:dyDescent="0.25">
      <c r="A271" s="1">
        <v>30448639</v>
      </c>
      <c r="B271" t="s">
        <v>3866</v>
      </c>
      <c r="C271" t="s">
        <v>39</v>
      </c>
      <c r="D271" t="s">
        <v>3727</v>
      </c>
      <c r="E271" t="s">
        <v>175</v>
      </c>
      <c r="L271" t="s">
        <v>52</v>
      </c>
      <c r="M271" s="1">
        <v>0</v>
      </c>
      <c r="N271" s="1">
        <v>0</v>
      </c>
      <c r="O271" t="s">
        <v>3728</v>
      </c>
      <c r="P271" t="s">
        <v>176</v>
      </c>
      <c r="Q271" t="s">
        <v>196</v>
      </c>
      <c r="S271" t="s">
        <v>222</v>
      </c>
      <c r="T271" t="s">
        <v>175</v>
      </c>
      <c r="AA271" t="s">
        <v>273</v>
      </c>
      <c r="AB271" t="s">
        <v>3867</v>
      </c>
      <c r="AC271" t="s">
        <v>199</v>
      </c>
      <c r="AD271" t="s">
        <v>175</v>
      </c>
      <c r="AE271" t="s">
        <v>175</v>
      </c>
      <c r="AF271" t="s">
        <v>175</v>
      </c>
      <c r="AG271" t="s">
        <v>175</v>
      </c>
      <c r="AH271" t="s">
        <v>175</v>
      </c>
      <c r="AI271" t="s">
        <v>175</v>
      </c>
      <c r="AJ271" t="s">
        <v>175</v>
      </c>
      <c r="AK271" t="s">
        <v>175</v>
      </c>
      <c r="AL271" s="1">
        <v>0</v>
      </c>
      <c r="AM271" s="1">
        <v>0</v>
      </c>
      <c r="AN271" s="1">
        <v>0</v>
      </c>
      <c r="AO271" s="1">
        <v>0</v>
      </c>
      <c r="AP271" s="1">
        <v>0</v>
      </c>
      <c r="AQ271" s="1">
        <v>0</v>
      </c>
      <c r="AR271" s="1">
        <v>0</v>
      </c>
      <c r="AS271" s="1">
        <v>0</v>
      </c>
      <c r="AT271" s="1">
        <v>0</v>
      </c>
      <c r="AU271" s="1">
        <v>0</v>
      </c>
      <c r="AV271" s="1">
        <v>0</v>
      </c>
      <c r="BF271" s="1">
        <v>0</v>
      </c>
      <c r="BG271" s="1">
        <v>0</v>
      </c>
      <c r="BH271" s="1">
        <v>0</v>
      </c>
      <c r="BK271" s="1">
        <v>0</v>
      </c>
      <c r="BM271" s="1">
        <v>0</v>
      </c>
      <c r="BO271" s="1">
        <v>0</v>
      </c>
    </row>
    <row r="272" spans="1:69" x14ac:dyDescent="0.25">
      <c r="A272" s="1">
        <v>30448641</v>
      </c>
      <c r="B272" t="s">
        <v>2609</v>
      </c>
      <c r="C272" t="s">
        <v>39</v>
      </c>
      <c r="D272" t="s">
        <v>2512</v>
      </c>
      <c r="E272" t="s">
        <v>175</v>
      </c>
      <c r="L272" t="s">
        <v>52</v>
      </c>
      <c r="M272" s="1">
        <v>0</v>
      </c>
      <c r="N272" s="1">
        <v>0</v>
      </c>
      <c r="O272" t="s">
        <v>2512</v>
      </c>
      <c r="P272" t="s">
        <v>176</v>
      </c>
      <c r="Q272" t="s">
        <v>196</v>
      </c>
      <c r="S272" t="s">
        <v>178</v>
      </c>
      <c r="T272" t="s">
        <v>175</v>
      </c>
      <c r="X272" t="s">
        <v>179</v>
      </c>
      <c r="AC272" t="s">
        <v>199</v>
      </c>
      <c r="AD272" t="s">
        <v>175</v>
      </c>
      <c r="AE272" t="s">
        <v>181</v>
      </c>
      <c r="AF272" t="s">
        <v>181</v>
      </c>
      <c r="AG272" t="s">
        <v>175</v>
      </c>
      <c r="AH272" t="s">
        <v>175</v>
      </c>
      <c r="AI272" t="s">
        <v>175</v>
      </c>
      <c r="AJ272" s="1">
        <v>0</v>
      </c>
      <c r="AK272" s="1">
        <v>0</v>
      </c>
      <c r="AL272" t="s">
        <v>52</v>
      </c>
      <c r="AM272" t="s">
        <v>202</v>
      </c>
      <c r="AN272" t="s">
        <v>184</v>
      </c>
      <c r="AO272" t="s">
        <v>203</v>
      </c>
      <c r="AP272" t="s">
        <v>206</v>
      </c>
      <c r="AQ272" t="s">
        <v>185</v>
      </c>
      <c r="AR272" t="s">
        <v>205</v>
      </c>
      <c r="AS272" t="s">
        <v>182</v>
      </c>
      <c r="AT272" t="s">
        <v>183</v>
      </c>
      <c r="AU272" t="s">
        <v>201</v>
      </c>
      <c r="AV272" t="s">
        <v>204</v>
      </c>
      <c r="AX272" t="s">
        <v>186</v>
      </c>
      <c r="AY272" t="s">
        <v>187</v>
      </c>
      <c r="AZ272" t="s">
        <v>207</v>
      </c>
      <c r="BA272" t="s">
        <v>188</v>
      </c>
      <c r="BF272" t="s">
        <v>292</v>
      </c>
      <c r="BG272" t="s">
        <v>301</v>
      </c>
      <c r="BH272" t="s">
        <v>211</v>
      </c>
      <c r="BK272" t="s">
        <v>191</v>
      </c>
      <c r="BM272" t="s">
        <v>191</v>
      </c>
      <c r="BO272" t="s">
        <v>191</v>
      </c>
      <c r="BQ272" t="s">
        <v>2610</v>
      </c>
    </row>
    <row r="273" spans="1:69" x14ac:dyDescent="0.25">
      <c r="A273" s="1">
        <v>30448644</v>
      </c>
      <c r="B273" t="s">
        <v>2611</v>
      </c>
      <c r="C273" t="s">
        <v>39</v>
      </c>
      <c r="D273" t="s">
        <v>2512</v>
      </c>
      <c r="E273" t="s">
        <v>200</v>
      </c>
      <c r="L273" t="s">
        <v>52</v>
      </c>
      <c r="M273" s="1">
        <v>0</v>
      </c>
      <c r="N273" s="1">
        <v>0</v>
      </c>
      <c r="O273" t="s">
        <v>2512</v>
      </c>
      <c r="P273" t="s">
        <v>176</v>
      </c>
      <c r="Q273" t="s">
        <v>177</v>
      </c>
      <c r="S273" t="s">
        <v>178</v>
      </c>
      <c r="T273" t="s">
        <v>200</v>
      </c>
      <c r="Y273" t="s">
        <v>224</v>
      </c>
      <c r="AC273" t="s">
        <v>199</v>
      </c>
      <c r="AD273" t="s">
        <v>175</v>
      </c>
      <c r="AE273" t="s">
        <v>175</v>
      </c>
      <c r="AF273" t="s">
        <v>175</v>
      </c>
      <c r="AG273" t="s">
        <v>175</v>
      </c>
      <c r="AH273" t="s">
        <v>175</v>
      </c>
      <c r="AI273" t="s">
        <v>175</v>
      </c>
      <c r="AJ273" t="s">
        <v>175</v>
      </c>
      <c r="AK273" t="s">
        <v>175</v>
      </c>
      <c r="AL273" t="s">
        <v>52</v>
      </c>
      <c r="AM273" s="1">
        <v>0</v>
      </c>
      <c r="AN273" s="1">
        <v>0</v>
      </c>
      <c r="AO273" t="s">
        <v>185</v>
      </c>
      <c r="AP273" s="1">
        <v>0</v>
      </c>
      <c r="AQ273" t="s">
        <v>182</v>
      </c>
      <c r="AR273" s="1">
        <v>0</v>
      </c>
      <c r="AS273" s="1">
        <v>0</v>
      </c>
      <c r="AT273" s="1">
        <v>0</v>
      </c>
      <c r="AU273" s="1">
        <v>0</v>
      </c>
      <c r="AV273" t="s">
        <v>184</v>
      </c>
      <c r="AX273" t="s">
        <v>186</v>
      </c>
      <c r="BF273" t="s">
        <v>49</v>
      </c>
      <c r="BG273" s="1">
        <v>0</v>
      </c>
      <c r="BH273" t="s">
        <v>190</v>
      </c>
      <c r="BK273" t="s">
        <v>218</v>
      </c>
      <c r="BM273" t="s">
        <v>218</v>
      </c>
      <c r="BO273" t="s">
        <v>218</v>
      </c>
    </row>
    <row r="274" spans="1:69" x14ac:dyDescent="0.25">
      <c r="A274" s="1">
        <v>30448645</v>
      </c>
      <c r="B274" t="s">
        <v>3868</v>
      </c>
      <c r="C274" t="s">
        <v>39</v>
      </c>
      <c r="D274" t="s">
        <v>3727</v>
      </c>
      <c r="E274" t="s">
        <v>175</v>
      </c>
      <c r="L274" t="s">
        <v>52</v>
      </c>
      <c r="M274" s="1">
        <v>0</v>
      </c>
      <c r="N274" s="1">
        <v>0</v>
      </c>
      <c r="O274" t="s">
        <v>3728</v>
      </c>
      <c r="P274" t="s">
        <v>176</v>
      </c>
      <c r="Q274" t="s">
        <v>238</v>
      </c>
      <c r="S274" t="s">
        <v>178</v>
      </c>
      <c r="T274" t="s">
        <v>175</v>
      </c>
      <c r="X274" t="s">
        <v>179</v>
      </c>
      <c r="Y274" t="s">
        <v>224</v>
      </c>
      <c r="AC274" t="s">
        <v>199</v>
      </c>
      <c r="AD274" t="s">
        <v>175</v>
      </c>
      <c r="AE274" t="s">
        <v>175</v>
      </c>
      <c r="AF274" t="s">
        <v>230</v>
      </c>
      <c r="AG274" t="s">
        <v>175</v>
      </c>
      <c r="AH274" t="s">
        <v>200</v>
      </c>
      <c r="AI274" t="s">
        <v>200</v>
      </c>
      <c r="AJ274" t="s">
        <v>181</v>
      </c>
      <c r="AK274" t="s">
        <v>175</v>
      </c>
      <c r="AL274" t="s">
        <v>42</v>
      </c>
      <c r="AM274" t="s">
        <v>183</v>
      </c>
      <c r="AN274" t="s">
        <v>185</v>
      </c>
      <c r="AO274" t="s">
        <v>201</v>
      </c>
      <c r="AP274" t="s">
        <v>182</v>
      </c>
      <c r="AQ274" t="s">
        <v>204</v>
      </c>
      <c r="AR274" t="s">
        <v>202</v>
      </c>
      <c r="AS274" t="s">
        <v>205</v>
      </c>
      <c r="AT274" t="s">
        <v>184</v>
      </c>
      <c r="AU274" t="s">
        <v>203</v>
      </c>
      <c r="AV274" t="s">
        <v>206</v>
      </c>
      <c r="AX274" t="s">
        <v>186</v>
      </c>
      <c r="AY274" t="s">
        <v>187</v>
      </c>
      <c r="BC274" t="s">
        <v>209</v>
      </c>
      <c r="BF274" t="s">
        <v>232</v>
      </c>
      <c r="BG274" t="s">
        <v>301</v>
      </c>
      <c r="BH274" t="s">
        <v>211</v>
      </c>
      <c r="BK274" t="s">
        <v>191</v>
      </c>
      <c r="BL274" t="s">
        <v>3869</v>
      </c>
      <c r="BM274" t="s">
        <v>191</v>
      </c>
      <c r="BN274" t="s">
        <v>3870</v>
      </c>
      <c r="BO274" t="s">
        <v>191</v>
      </c>
      <c r="BP274" t="s">
        <v>3871</v>
      </c>
    </row>
    <row r="275" spans="1:69" x14ac:dyDescent="0.25">
      <c r="A275" s="1">
        <v>30448646</v>
      </c>
      <c r="B275" t="s">
        <v>1771</v>
      </c>
      <c r="C275" t="s">
        <v>39</v>
      </c>
      <c r="D275" t="s">
        <v>1616</v>
      </c>
      <c r="E275" t="s">
        <v>175</v>
      </c>
      <c r="L275" t="s">
        <v>52</v>
      </c>
      <c r="M275" s="1">
        <v>0</v>
      </c>
      <c r="N275" s="1">
        <v>0</v>
      </c>
      <c r="O275" t="s">
        <v>1616</v>
      </c>
      <c r="P275" t="s">
        <v>176</v>
      </c>
      <c r="Q275" t="s">
        <v>177</v>
      </c>
      <c r="S275" t="s">
        <v>178</v>
      </c>
      <c r="T275" t="s">
        <v>175</v>
      </c>
      <c r="W275" t="s">
        <v>262</v>
      </c>
      <c r="AC275" t="s">
        <v>180</v>
      </c>
      <c r="AD275" t="s">
        <v>175</v>
      </c>
      <c r="AE275" t="s">
        <v>181</v>
      </c>
      <c r="AF275" t="s">
        <v>181</v>
      </c>
      <c r="AG275" t="s">
        <v>175</v>
      </c>
      <c r="AH275" t="s">
        <v>175</v>
      </c>
      <c r="AI275" t="s">
        <v>175</v>
      </c>
      <c r="AJ275" t="s">
        <v>175</v>
      </c>
      <c r="AK275" t="s">
        <v>181</v>
      </c>
      <c r="AL275" t="s">
        <v>42</v>
      </c>
      <c r="AM275" t="s">
        <v>184</v>
      </c>
      <c r="AN275" s="1">
        <v>0</v>
      </c>
      <c r="AO275" t="s">
        <v>183</v>
      </c>
      <c r="AP275" t="s">
        <v>185</v>
      </c>
      <c r="AQ275" s="1">
        <v>0</v>
      </c>
      <c r="AR275" s="1">
        <v>0</v>
      </c>
      <c r="AS275" s="1">
        <v>0</v>
      </c>
      <c r="AT275" t="s">
        <v>182</v>
      </c>
      <c r="AU275" s="1">
        <v>0</v>
      </c>
      <c r="AV275" t="s">
        <v>201</v>
      </c>
      <c r="AX275" t="s">
        <v>186</v>
      </c>
      <c r="AZ275" t="s">
        <v>207</v>
      </c>
      <c r="BB275" t="s">
        <v>208</v>
      </c>
      <c r="BF275" t="s">
        <v>292</v>
      </c>
      <c r="BG275" t="s">
        <v>301</v>
      </c>
      <c r="BH275" t="s">
        <v>211</v>
      </c>
      <c r="BK275" t="s">
        <v>191</v>
      </c>
      <c r="BL275" t="s">
        <v>1085</v>
      </c>
      <c r="BM275" t="s">
        <v>191</v>
      </c>
      <c r="BN275" t="s">
        <v>1772</v>
      </c>
      <c r="BO275" t="s">
        <v>191</v>
      </c>
      <c r="BP275" t="s">
        <v>1773</v>
      </c>
    </row>
    <row r="276" spans="1:69" x14ac:dyDescent="0.25">
      <c r="A276" s="1">
        <v>30448647</v>
      </c>
      <c r="B276" t="s">
        <v>1076</v>
      </c>
      <c r="C276" t="s">
        <v>39</v>
      </c>
      <c r="D276" t="s">
        <v>942</v>
      </c>
      <c r="E276" t="s">
        <v>200</v>
      </c>
      <c r="L276" t="s">
        <v>52</v>
      </c>
      <c r="M276" s="1">
        <v>0</v>
      </c>
      <c r="N276" s="1">
        <v>0</v>
      </c>
      <c r="O276" t="s">
        <v>942</v>
      </c>
      <c r="P276" t="s">
        <v>176</v>
      </c>
      <c r="Q276" t="s">
        <v>177</v>
      </c>
      <c r="S276" t="s">
        <v>222</v>
      </c>
      <c r="T276" t="s">
        <v>200</v>
      </c>
      <c r="Y276" t="s">
        <v>224</v>
      </c>
      <c r="AC276" t="s">
        <v>199</v>
      </c>
      <c r="AD276" t="s">
        <v>175</v>
      </c>
      <c r="AE276" t="s">
        <v>175</v>
      </c>
      <c r="AF276" t="s">
        <v>175</v>
      </c>
      <c r="AG276" t="s">
        <v>175</v>
      </c>
      <c r="AH276" t="s">
        <v>175</v>
      </c>
      <c r="AI276" t="s">
        <v>175</v>
      </c>
      <c r="AJ276" t="s">
        <v>175</v>
      </c>
      <c r="AK276" t="s">
        <v>175</v>
      </c>
      <c r="AL276" t="s">
        <v>49</v>
      </c>
      <c r="AM276" s="1">
        <v>0</v>
      </c>
      <c r="AN276" t="s">
        <v>183</v>
      </c>
      <c r="AO276" t="s">
        <v>185</v>
      </c>
      <c r="AP276" t="s">
        <v>184</v>
      </c>
      <c r="AQ276" t="s">
        <v>182</v>
      </c>
      <c r="AR276" s="1">
        <v>0</v>
      </c>
      <c r="AS276" s="1">
        <v>0</v>
      </c>
      <c r="AT276" t="s">
        <v>201</v>
      </c>
      <c r="AU276" t="s">
        <v>206</v>
      </c>
      <c r="AV276" s="1">
        <v>0</v>
      </c>
      <c r="BA276" t="s">
        <v>188</v>
      </c>
      <c r="BF276" t="s">
        <v>49</v>
      </c>
      <c r="BG276" s="1">
        <v>0</v>
      </c>
      <c r="BH276" t="s">
        <v>190</v>
      </c>
      <c r="BK276" t="s">
        <v>191</v>
      </c>
      <c r="BL276" t="s">
        <v>1077</v>
      </c>
      <c r="BM276" t="s">
        <v>191</v>
      </c>
      <c r="BN276" t="s">
        <v>1078</v>
      </c>
      <c r="BO276" t="s">
        <v>191</v>
      </c>
      <c r="BP276" t="s">
        <v>1079</v>
      </c>
    </row>
    <row r="277" spans="1:69" x14ac:dyDescent="0.25">
      <c r="A277" s="1">
        <v>30448648</v>
      </c>
      <c r="B277" t="s">
        <v>3872</v>
      </c>
      <c r="C277" t="s">
        <v>39</v>
      </c>
      <c r="D277" t="s">
        <v>3727</v>
      </c>
      <c r="E277" t="s">
        <v>195</v>
      </c>
      <c r="L277" t="s">
        <v>52</v>
      </c>
      <c r="M277" s="1">
        <v>0</v>
      </c>
      <c r="N277" s="1">
        <v>0</v>
      </c>
      <c r="O277" t="s">
        <v>3728</v>
      </c>
      <c r="P277" t="s">
        <v>176</v>
      </c>
      <c r="Q277" t="s">
        <v>238</v>
      </c>
      <c r="S277" t="s">
        <v>178</v>
      </c>
      <c r="T277" t="s">
        <v>197</v>
      </c>
      <c r="W277" t="s">
        <v>262</v>
      </c>
      <c r="X277" t="s">
        <v>179</v>
      </c>
      <c r="AC277" t="s">
        <v>199</v>
      </c>
      <c r="AD277" t="s">
        <v>175</v>
      </c>
      <c r="AE277" t="s">
        <v>181</v>
      </c>
      <c r="AF277" t="s">
        <v>181</v>
      </c>
      <c r="AG277" t="s">
        <v>175</v>
      </c>
      <c r="AH277" t="s">
        <v>175</v>
      </c>
      <c r="AI277" t="s">
        <v>175</v>
      </c>
      <c r="AJ277" t="s">
        <v>175</v>
      </c>
      <c r="AK277" t="s">
        <v>175</v>
      </c>
      <c r="AL277" t="s">
        <v>52</v>
      </c>
      <c r="AM277" t="s">
        <v>185</v>
      </c>
      <c r="AN277" s="1">
        <v>0</v>
      </c>
      <c r="AO277" s="1">
        <v>0</v>
      </c>
      <c r="AP277" t="s">
        <v>184</v>
      </c>
      <c r="AQ277" t="s">
        <v>183</v>
      </c>
      <c r="AR277" t="s">
        <v>201</v>
      </c>
      <c r="AS277" t="s">
        <v>182</v>
      </c>
      <c r="AT277" s="1">
        <v>0</v>
      </c>
      <c r="AU277" s="1">
        <v>0</v>
      </c>
      <c r="AV277" s="1">
        <v>0</v>
      </c>
      <c r="BF277" s="1">
        <v>0</v>
      </c>
      <c r="BG277" s="1">
        <v>0</v>
      </c>
      <c r="BH277" s="1">
        <v>0</v>
      </c>
      <c r="BK277" s="1">
        <v>0</v>
      </c>
      <c r="BM277" s="1">
        <v>0</v>
      </c>
      <c r="BO277" s="1">
        <v>0</v>
      </c>
    </row>
    <row r="278" spans="1:69" x14ac:dyDescent="0.25">
      <c r="A278" s="1">
        <v>30448650</v>
      </c>
      <c r="B278" t="s">
        <v>3873</v>
      </c>
      <c r="C278" t="s">
        <v>39</v>
      </c>
      <c r="D278" t="s">
        <v>3727</v>
      </c>
      <c r="E278" t="s">
        <v>200</v>
      </c>
      <c r="L278" t="s">
        <v>52</v>
      </c>
      <c r="M278" s="1">
        <v>0</v>
      </c>
      <c r="N278" s="1">
        <v>0</v>
      </c>
      <c r="O278" t="s">
        <v>3728</v>
      </c>
      <c r="P278" t="s">
        <v>176</v>
      </c>
      <c r="Q278" t="s">
        <v>238</v>
      </c>
      <c r="S278" t="s">
        <v>178</v>
      </c>
      <c r="T278" t="s">
        <v>200</v>
      </c>
      <c r="X278" t="s">
        <v>179</v>
      </c>
      <c r="AC278" t="s">
        <v>199</v>
      </c>
      <c r="AD278" t="s">
        <v>200</v>
      </c>
      <c r="AE278" t="s">
        <v>200</v>
      </c>
      <c r="AF278" t="s">
        <v>200</v>
      </c>
      <c r="AG278" t="s">
        <v>200</v>
      </c>
      <c r="AH278" t="s">
        <v>200</v>
      </c>
      <c r="AI278" t="s">
        <v>200</v>
      </c>
      <c r="AJ278" t="s">
        <v>200</v>
      </c>
      <c r="AK278" t="s">
        <v>200</v>
      </c>
      <c r="AL278" t="s">
        <v>49</v>
      </c>
      <c r="AM278" t="s">
        <v>204</v>
      </c>
      <c r="AN278" t="s">
        <v>183</v>
      </c>
      <c r="AO278" t="s">
        <v>184</v>
      </c>
      <c r="AP278" t="s">
        <v>205</v>
      </c>
      <c r="AQ278" t="s">
        <v>185</v>
      </c>
      <c r="AR278" t="s">
        <v>206</v>
      </c>
      <c r="AS278" t="s">
        <v>203</v>
      </c>
      <c r="AT278" t="s">
        <v>201</v>
      </c>
      <c r="AU278" t="s">
        <v>182</v>
      </c>
      <c r="AV278" t="s">
        <v>202</v>
      </c>
      <c r="AZ278" t="s">
        <v>207</v>
      </c>
      <c r="BA278" t="s">
        <v>188</v>
      </c>
      <c r="BB278" t="s">
        <v>208</v>
      </c>
      <c r="BC278" t="s">
        <v>209</v>
      </c>
      <c r="BF278" t="s">
        <v>210</v>
      </c>
      <c r="BG278" s="1">
        <v>0</v>
      </c>
      <c r="BH278" t="s">
        <v>211</v>
      </c>
      <c r="BK278" t="s">
        <v>191</v>
      </c>
      <c r="BM278" t="s">
        <v>191</v>
      </c>
      <c r="BO278" t="s">
        <v>191</v>
      </c>
      <c r="BP278" t="s">
        <v>3874</v>
      </c>
    </row>
    <row r="279" spans="1:69" x14ac:dyDescent="0.25">
      <c r="A279" s="1">
        <v>30448651</v>
      </c>
      <c r="B279" t="s">
        <v>3873</v>
      </c>
      <c r="C279" t="s">
        <v>39</v>
      </c>
      <c r="D279" t="s">
        <v>3727</v>
      </c>
      <c r="E279" t="s">
        <v>200</v>
      </c>
      <c r="L279" t="s">
        <v>52</v>
      </c>
      <c r="M279" s="1">
        <v>0</v>
      </c>
      <c r="N279" s="1">
        <v>0</v>
      </c>
      <c r="O279" t="s">
        <v>3728</v>
      </c>
      <c r="P279" t="s">
        <v>176</v>
      </c>
      <c r="Q279" t="s">
        <v>196</v>
      </c>
      <c r="S279" t="s">
        <v>349</v>
      </c>
      <c r="T279" t="s">
        <v>200</v>
      </c>
      <c r="Y279" t="s">
        <v>224</v>
      </c>
      <c r="AC279" t="s">
        <v>180</v>
      </c>
      <c r="AD279" t="s">
        <v>175</v>
      </c>
      <c r="AE279" t="s">
        <v>175</v>
      </c>
      <c r="AF279" t="s">
        <v>181</v>
      </c>
      <c r="AG279" t="s">
        <v>181</v>
      </c>
      <c r="AH279" t="s">
        <v>175</v>
      </c>
      <c r="AI279" t="s">
        <v>175</v>
      </c>
      <c r="AJ279" t="s">
        <v>175</v>
      </c>
      <c r="AK279" t="s">
        <v>175</v>
      </c>
      <c r="AL279" t="s">
        <v>42</v>
      </c>
      <c r="AM279" t="s">
        <v>201</v>
      </c>
      <c r="AN279" t="s">
        <v>205</v>
      </c>
      <c r="AO279" t="s">
        <v>185</v>
      </c>
      <c r="AP279" t="s">
        <v>183</v>
      </c>
      <c r="AQ279" t="s">
        <v>184</v>
      </c>
      <c r="AR279" t="s">
        <v>182</v>
      </c>
      <c r="AS279" t="s">
        <v>206</v>
      </c>
      <c r="AT279" t="s">
        <v>204</v>
      </c>
      <c r="AU279" t="s">
        <v>202</v>
      </c>
      <c r="AV279" t="s">
        <v>203</v>
      </c>
      <c r="AY279" t="s">
        <v>187</v>
      </c>
      <c r="BA279" t="s">
        <v>188</v>
      </c>
      <c r="BB279" t="s">
        <v>208</v>
      </c>
      <c r="BF279" t="s">
        <v>292</v>
      </c>
      <c r="BG279" t="s">
        <v>233</v>
      </c>
      <c r="BH279" t="s">
        <v>464</v>
      </c>
      <c r="BK279" t="s">
        <v>191</v>
      </c>
      <c r="BL279" t="s">
        <v>3875</v>
      </c>
      <c r="BM279" t="s">
        <v>191</v>
      </c>
      <c r="BN279" t="s">
        <v>3876</v>
      </c>
      <c r="BO279" s="1">
        <v>0</v>
      </c>
    </row>
    <row r="280" spans="1:69" x14ac:dyDescent="0.25">
      <c r="A280" s="1">
        <v>30448652</v>
      </c>
      <c r="B280" t="s">
        <v>3220</v>
      </c>
      <c r="C280" t="s">
        <v>39</v>
      </c>
      <c r="D280" t="s">
        <v>3138</v>
      </c>
      <c r="E280" t="s">
        <v>200</v>
      </c>
      <c r="L280" t="s">
        <v>52</v>
      </c>
      <c r="M280" s="1">
        <v>0</v>
      </c>
      <c r="N280" s="1">
        <v>0</v>
      </c>
      <c r="O280" t="s">
        <v>3139</v>
      </c>
      <c r="P280" t="s">
        <v>216</v>
      </c>
      <c r="Q280" t="s">
        <v>177</v>
      </c>
      <c r="S280" s="1">
        <v>0</v>
      </c>
      <c r="T280" t="s">
        <v>200</v>
      </c>
      <c r="AA280" t="s">
        <v>273</v>
      </c>
      <c r="AB280" t="s">
        <v>737</v>
      </c>
      <c r="AC280" t="s">
        <v>180</v>
      </c>
      <c r="AD280" s="1">
        <v>0</v>
      </c>
      <c r="AE280" s="1">
        <v>0</v>
      </c>
      <c r="AF280" s="1">
        <v>0</v>
      </c>
      <c r="AG280" s="1">
        <v>0</v>
      </c>
      <c r="AH280" s="1">
        <v>0</v>
      </c>
      <c r="AI280" s="1">
        <v>0</v>
      </c>
      <c r="AJ280" s="1">
        <v>0</v>
      </c>
      <c r="AK280" s="1">
        <v>0</v>
      </c>
      <c r="AL280" t="s">
        <v>52</v>
      </c>
      <c r="AM280" s="1">
        <v>0</v>
      </c>
      <c r="AN280" s="1">
        <v>0</v>
      </c>
      <c r="AO280" s="1">
        <v>0</v>
      </c>
      <c r="AP280" s="1">
        <v>0</v>
      </c>
      <c r="AQ280" s="1">
        <v>0</v>
      </c>
      <c r="AR280" s="1">
        <v>0</v>
      </c>
      <c r="AS280" s="1">
        <v>0</v>
      </c>
      <c r="AT280" s="1">
        <v>0</v>
      </c>
      <c r="AU280" s="1">
        <v>0</v>
      </c>
      <c r="AV280" s="1">
        <v>0</v>
      </c>
      <c r="AW280" t="s">
        <v>3221</v>
      </c>
      <c r="AX280" t="s">
        <v>186</v>
      </c>
      <c r="AY280" t="s">
        <v>187</v>
      </c>
      <c r="AZ280" t="s">
        <v>207</v>
      </c>
      <c r="BC280" t="s">
        <v>209</v>
      </c>
      <c r="BF280" t="s">
        <v>210</v>
      </c>
      <c r="BG280" s="1">
        <v>0</v>
      </c>
      <c r="BH280" t="s">
        <v>211</v>
      </c>
      <c r="BK280" t="s">
        <v>191</v>
      </c>
      <c r="BL280" t="s">
        <v>3222</v>
      </c>
      <c r="BM280" s="1">
        <v>0</v>
      </c>
      <c r="BN280" t="s">
        <v>3223</v>
      </c>
      <c r="BO280" t="s">
        <v>218</v>
      </c>
      <c r="BP280" t="s">
        <v>3222</v>
      </c>
    </row>
    <row r="281" spans="1:69" x14ac:dyDescent="0.25">
      <c r="A281" s="1">
        <v>30448653</v>
      </c>
      <c r="B281" t="s">
        <v>51</v>
      </c>
      <c r="C281" t="s">
        <v>39</v>
      </c>
      <c r="D281" t="s">
        <v>1616</v>
      </c>
      <c r="E281" t="s">
        <v>175</v>
      </c>
      <c r="L281" t="s">
        <v>52</v>
      </c>
      <c r="M281" s="1">
        <v>0</v>
      </c>
      <c r="N281" s="1">
        <v>0</v>
      </c>
      <c r="O281" t="s">
        <v>1616</v>
      </c>
      <c r="P281" t="s">
        <v>216</v>
      </c>
      <c r="Q281" t="s">
        <v>196</v>
      </c>
      <c r="S281" s="1">
        <v>0</v>
      </c>
      <c r="T281" t="s">
        <v>175</v>
      </c>
      <c r="AC281" t="s">
        <v>180</v>
      </c>
      <c r="AD281" t="s">
        <v>175</v>
      </c>
      <c r="AE281" t="s">
        <v>175</v>
      </c>
      <c r="AF281" t="s">
        <v>175</v>
      </c>
      <c r="AG281" t="s">
        <v>175</v>
      </c>
      <c r="AH281" t="s">
        <v>175</v>
      </c>
      <c r="AI281" t="s">
        <v>175</v>
      </c>
      <c r="AJ281" t="s">
        <v>175</v>
      </c>
      <c r="AK281" t="s">
        <v>175</v>
      </c>
      <c r="AL281" t="s">
        <v>42</v>
      </c>
      <c r="AM281" t="s">
        <v>184</v>
      </c>
      <c r="AN281" s="1">
        <v>0</v>
      </c>
      <c r="AO281" t="s">
        <v>182</v>
      </c>
      <c r="AP281" s="1">
        <v>0</v>
      </c>
      <c r="AQ281" t="s">
        <v>185</v>
      </c>
      <c r="AR281" s="1">
        <v>0</v>
      </c>
      <c r="AS281" s="1">
        <v>0</v>
      </c>
      <c r="AT281" s="1">
        <v>0</v>
      </c>
      <c r="AU281" s="1">
        <v>0</v>
      </c>
      <c r="AV281" s="1">
        <v>0</v>
      </c>
      <c r="AY281" t="s">
        <v>187</v>
      </c>
      <c r="AZ281" t="s">
        <v>207</v>
      </c>
      <c r="BB281" t="s">
        <v>208</v>
      </c>
      <c r="BF281" t="s">
        <v>49</v>
      </c>
      <c r="BG281" s="1">
        <v>0</v>
      </c>
      <c r="BH281" t="s">
        <v>211</v>
      </c>
      <c r="BK281" t="s">
        <v>191</v>
      </c>
      <c r="BM281" t="s">
        <v>191</v>
      </c>
      <c r="BO281" t="s">
        <v>191</v>
      </c>
    </row>
    <row r="282" spans="1:69" x14ac:dyDescent="0.25">
      <c r="A282" s="1">
        <v>30448654</v>
      </c>
      <c r="B282" t="s">
        <v>51</v>
      </c>
      <c r="C282" t="s">
        <v>39</v>
      </c>
      <c r="L282" t="s">
        <v>52</v>
      </c>
      <c r="M282" s="1">
        <v>0</v>
      </c>
      <c r="N282" s="1">
        <v>0</v>
      </c>
      <c r="O282" s="1">
        <v>0</v>
      </c>
      <c r="P282" s="1">
        <v>0</v>
      </c>
      <c r="Q282" s="1">
        <v>0</v>
      </c>
      <c r="S282" s="1">
        <v>0</v>
      </c>
      <c r="T282" s="1">
        <v>0</v>
      </c>
      <c r="AC282" s="1">
        <v>0</v>
      </c>
      <c r="AD282" s="1">
        <v>0</v>
      </c>
      <c r="AE282" s="1">
        <v>0</v>
      </c>
      <c r="AF282" s="1">
        <v>0</v>
      </c>
      <c r="AG282" s="1">
        <v>0</v>
      </c>
      <c r="AH282" s="1">
        <v>0</v>
      </c>
      <c r="AI282" s="1">
        <v>0</v>
      </c>
      <c r="AJ282" s="1">
        <v>0</v>
      </c>
      <c r="AK282" s="1">
        <v>0</v>
      </c>
      <c r="AL282" s="1">
        <v>0</v>
      </c>
      <c r="AM282" s="1">
        <v>0</v>
      </c>
      <c r="AN282" s="1">
        <v>0</v>
      </c>
      <c r="AO282" s="1">
        <v>0</v>
      </c>
      <c r="AP282" s="1">
        <v>0</v>
      </c>
      <c r="AQ282" s="1">
        <v>0</v>
      </c>
      <c r="AR282" s="1">
        <v>0</v>
      </c>
      <c r="AS282" s="1">
        <v>0</v>
      </c>
      <c r="AT282" s="1">
        <v>0</v>
      </c>
      <c r="AU282" s="1">
        <v>0</v>
      </c>
      <c r="AV282" s="1">
        <v>0</v>
      </c>
      <c r="BF282" s="1">
        <v>0</v>
      </c>
      <c r="BG282" s="1">
        <v>0</v>
      </c>
      <c r="BH282" s="1">
        <v>0</v>
      </c>
      <c r="BK282" s="1">
        <v>0</v>
      </c>
      <c r="BM282" s="1">
        <v>0</v>
      </c>
      <c r="BO282" s="1">
        <v>0</v>
      </c>
    </row>
    <row r="283" spans="1:69" x14ac:dyDescent="0.25">
      <c r="A283" s="1">
        <v>30448655</v>
      </c>
      <c r="B283" t="s">
        <v>1774</v>
      </c>
      <c r="C283" t="s">
        <v>39</v>
      </c>
      <c r="D283" t="s">
        <v>1616</v>
      </c>
      <c r="E283" t="s">
        <v>216</v>
      </c>
      <c r="L283" t="s">
        <v>52</v>
      </c>
      <c r="M283" s="1">
        <v>0</v>
      </c>
      <c r="N283" s="1">
        <v>0</v>
      </c>
      <c r="O283" t="s">
        <v>1616</v>
      </c>
      <c r="P283" t="s">
        <v>216</v>
      </c>
      <c r="Q283" t="s">
        <v>258</v>
      </c>
      <c r="S283" s="1">
        <v>0</v>
      </c>
      <c r="T283" t="s">
        <v>197</v>
      </c>
      <c r="Y283" t="s">
        <v>224</v>
      </c>
      <c r="AC283" t="s">
        <v>49</v>
      </c>
      <c r="AD283" t="s">
        <v>181</v>
      </c>
      <c r="AE283" t="s">
        <v>175</v>
      </c>
      <c r="AF283" t="s">
        <v>181</v>
      </c>
      <c r="AG283" t="s">
        <v>175</v>
      </c>
      <c r="AH283" t="s">
        <v>181</v>
      </c>
      <c r="AI283" t="s">
        <v>175</v>
      </c>
      <c r="AJ283" t="s">
        <v>175</v>
      </c>
      <c r="AK283" t="s">
        <v>175</v>
      </c>
      <c r="AL283" t="s">
        <v>42</v>
      </c>
      <c r="AM283" t="s">
        <v>206</v>
      </c>
      <c r="AN283" t="s">
        <v>183</v>
      </c>
      <c r="AO283" t="s">
        <v>204</v>
      </c>
      <c r="AP283" t="s">
        <v>185</v>
      </c>
      <c r="AQ283" t="s">
        <v>182</v>
      </c>
      <c r="AR283" t="s">
        <v>184</v>
      </c>
      <c r="AS283" t="s">
        <v>203</v>
      </c>
      <c r="AT283" t="s">
        <v>202</v>
      </c>
      <c r="AU283" t="s">
        <v>205</v>
      </c>
      <c r="AV283" t="s">
        <v>201</v>
      </c>
      <c r="AZ283" t="s">
        <v>207</v>
      </c>
      <c r="BA283" t="s">
        <v>188</v>
      </c>
      <c r="BB283" t="s">
        <v>208</v>
      </c>
      <c r="BC283" t="s">
        <v>209</v>
      </c>
      <c r="BF283" t="s">
        <v>232</v>
      </c>
      <c r="BG283" t="s">
        <v>233</v>
      </c>
      <c r="BH283" t="s">
        <v>211</v>
      </c>
      <c r="BK283" t="s">
        <v>191</v>
      </c>
      <c r="BL283" t="s">
        <v>1775</v>
      </c>
      <c r="BM283" t="s">
        <v>191</v>
      </c>
      <c r="BN283" t="s">
        <v>1085</v>
      </c>
      <c r="BO283" t="s">
        <v>218</v>
      </c>
    </row>
    <row r="284" spans="1:69" x14ac:dyDescent="0.25">
      <c r="A284" s="1">
        <v>30448656</v>
      </c>
      <c r="B284" t="s">
        <v>1776</v>
      </c>
      <c r="C284" t="s">
        <v>39</v>
      </c>
      <c r="D284" t="s">
        <v>1616</v>
      </c>
      <c r="E284" t="s">
        <v>175</v>
      </c>
      <c r="L284" t="s">
        <v>52</v>
      </c>
      <c r="M284" s="1">
        <v>0</v>
      </c>
      <c r="N284" s="1">
        <v>0</v>
      </c>
      <c r="O284" t="s">
        <v>1616</v>
      </c>
      <c r="P284" t="s">
        <v>216</v>
      </c>
      <c r="Q284" t="s">
        <v>177</v>
      </c>
      <c r="S284" s="1">
        <v>0</v>
      </c>
      <c r="T284" t="s">
        <v>175</v>
      </c>
      <c r="AC284" t="s">
        <v>180</v>
      </c>
      <c r="AD284" t="s">
        <v>175</v>
      </c>
      <c r="AE284" t="s">
        <v>175</v>
      </c>
      <c r="AF284" t="s">
        <v>175</v>
      </c>
      <c r="AG284" t="s">
        <v>175</v>
      </c>
      <c r="AH284" t="s">
        <v>175</v>
      </c>
      <c r="AI284" t="s">
        <v>175</v>
      </c>
      <c r="AJ284" t="s">
        <v>175</v>
      </c>
      <c r="AK284" t="s">
        <v>175</v>
      </c>
      <c r="AL284" t="s">
        <v>42</v>
      </c>
      <c r="AM284" t="s">
        <v>182</v>
      </c>
      <c r="AN284" t="s">
        <v>204</v>
      </c>
      <c r="AO284" t="s">
        <v>183</v>
      </c>
      <c r="AP284" t="s">
        <v>206</v>
      </c>
      <c r="AQ284" t="s">
        <v>202</v>
      </c>
      <c r="AR284" t="s">
        <v>203</v>
      </c>
      <c r="AS284" t="s">
        <v>201</v>
      </c>
      <c r="AT284" t="s">
        <v>185</v>
      </c>
      <c r="AU284" t="s">
        <v>184</v>
      </c>
      <c r="AV284" t="s">
        <v>205</v>
      </c>
      <c r="AX284" t="s">
        <v>186</v>
      </c>
      <c r="AZ284" t="s">
        <v>207</v>
      </c>
      <c r="BC284" t="s">
        <v>209</v>
      </c>
      <c r="BF284" t="s">
        <v>210</v>
      </c>
      <c r="BG284" s="1">
        <v>0</v>
      </c>
      <c r="BH284" t="s">
        <v>211</v>
      </c>
      <c r="BK284" t="s">
        <v>191</v>
      </c>
      <c r="BL284" t="s">
        <v>1619</v>
      </c>
      <c r="BM284" t="s">
        <v>191</v>
      </c>
      <c r="BN284" t="s">
        <v>1777</v>
      </c>
      <c r="BO284" t="s">
        <v>191</v>
      </c>
      <c r="BP284" t="s">
        <v>1778</v>
      </c>
    </row>
    <row r="285" spans="1:69" x14ac:dyDescent="0.25">
      <c r="A285" s="1">
        <v>30448657</v>
      </c>
      <c r="B285" t="s">
        <v>371</v>
      </c>
      <c r="C285" t="s">
        <v>39</v>
      </c>
      <c r="D285" t="s">
        <v>174</v>
      </c>
      <c r="E285" t="s">
        <v>175</v>
      </c>
      <c r="L285" t="s">
        <v>52</v>
      </c>
      <c r="M285" s="1">
        <v>0</v>
      </c>
      <c r="N285" s="1">
        <v>0</v>
      </c>
      <c r="O285" t="s">
        <v>174</v>
      </c>
      <c r="P285" t="s">
        <v>176</v>
      </c>
      <c r="Q285" t="s">
        <v>238</v>
      </c>
      <c r="S285" t="s">
        <v>178</v>
      </c>
      <c r="T285" t="s">
        <v>175</v>
      </c>
      <c r="Y285" t="s">
        <v>224</v>
      </c>
      <c r="AC285" t="s">
        <v>180</v>
      </c>
      <c r="AD285" t="s">
        <v>175</v>
      </c>
      <c r="AE285" t="s">
        <v>175</v>
      </c>
      <c r="AF285" t="s">
        <v>181</v>
      </c>
      <c r="AG285" t="s">
        <v>175</v>
      </c>
      <c r="AH285" t="s">
        <v>175</v>
      </c>
      <c r="AI285" t="s">
        <v>175</v>
      </c>
      <c r="AJ285" t="s">
        <v>175</v>
      </c>
      <c r="AK285" t="s">
        <v>181</v>
      </c>
      <c r="AL285" t="s">
        <v>42</v>
      </c>
      <c r="AM285" t="s">
        <v>206</v>
      </c>
      <c r="AN285" t="s">
        <v>182</v>
      </c>
      <c r="AO285" t="s">
        <v>185</v>
      </c>
      <c r="AP285" t="s">
        <v>184</v>
      </c>
      <c r="AQ285" t="s">
        <v>204</v>
      </c>
      <c r="AR285" t="s">
        <v>202</v>
      </c>
      <c r="AS285" t="s">
        <v>203</v>
      </c>
      <c r="AT285" t="s">
        <v>183</v>
      </c>
      <c r="AU285" t="s">
        <v>201</v>
      </c>
      <c r="AV285" t="s">
        <v>205</v>
      </c>
      <c r="AW285" t="s">
        <v>372</v>
      </c>
      <c r="AX285" t="s">
        <v>186</v>
      </c>
      <c r="AY285" t="s">
        <v>187</v>
      </c>
      <c r="AZ285" t="s">
        <v>207</v>
      </c>
      <c r="BA285" t="s">
        <v>188</v>
      </c>
      <c r="BB285" t="s">
        <v>208</v>
      </c>
      <c r="BC285" t="s">
        <v>209</v>
      </c>
      <c r="BF285" t="s">
        <v>232</v>
      </c>
      <c r="BG285" t="s">
        <v>301</v>
      </c>
      <c r="BH285" t="s">
        <v>211</v>
      </c>
      <c r="BK285" t="s">
        <v>191</v>
      </c>
      <c r="BL285" t="s">
        <v>373</v>
      </c>
      <c r="BM285" t="s">
        <v>191</v>
      </c>
      <c r="BN285" t="s">
        <v>374</v>
      </c>
      <c r="BO285" t="s">
        <v>191</v>
      </c>
      <c r="BP285" t="s">
        <v>375</v>
      </c>
      <c r="BQ285" t="s">
        <v>376</v>
      </c>
    </row>
    <row r="286" spans="1:69" x14ac:dyDescent="0.25">
      <c r="A286" s="1">
        <v>30448658</v>
      </c>
      <c r="B286" t="s">
        <v>3224</v>
      </c>
      <c r="C286" t="s">
        <v>39</v>
      </c>
      <c r="D286" t="s">
        <v>3138</v>
      </c>
      <c r="E286" t="s">
        <v>175</v>
      </c>
      <c r="L286" t="s">
        <v>52</v>
      </c>
      <c r="M286" s="1">
        <v>0</v>
      </c>
      <c r="N286" s="1">
        <v>0</v>
      </c>
      <c r="O286" t="s">
        <v>3139</v>
      </c>
      <c r="P286" t="s">
        <v>176</v>
      </c>
      <c r="Q286" t="s">
        <v>196</v>
      </c>
      <c r="S286" t="s">
        <v>222</v>
      </c>
      <c r="T286" t="s">
        <v>175</v>
      </c>
      <c r="X286" t="s">
        <v>179</v>
      </c>
      <c r="AC286" t="s">
        <v>180</v>
      </c>
      <c r="AD286" t="s">
        <v>181</v>
      </c>
      <c r="AE286" t="s">
        <v>230</v>
      </c>
      <c r="AF286" t="s">
        <v>230</v>
      </c>
      <c r="AG286" t="s">
        <v>200</v>
      </c>
      <c r="AH286" t="s">
        <v>175</v>
      </c>
      <c r="AI286" t="s">
        <v>175</v>
      </c>
      <c r="AJ286" t="s">
        <v>181</v>
      </c>
      <c r="AK286" t="s">
        <v>181</v>
      </c>
      <c r="AL286" t="s">
        <v>42</v>
      </c>
      <c r="AM286" t="s">
        <v>184</v>
      </c>
      <c r="AN286" t="s">
        <v>205</v>
      </c>
      <c r="AO286" t="s">
        <v>182</v>
      </c>
      <c r="AP286" t="s">
        <v>185</v>
      </c>
      <c r="AQ286" t="s">
        <v>202</v>
      </c>
      <c r="AR286" t="s">
        <v>204</v>
      </c>
      <c r="AS286" t="s">
        <v>201</v>
      </c>
      <c r="AT286" t="s">
        <v>206</v>
      </c>
      <c r="AU286" t="s">
        <v>203</v>
      </c>
      <c r="AV286" t="s">
        <v>183</v>
      </c>
      <c r="AW286" t="s">
        <v>3225</v>
      </c>
      <c r="AY286" t="s">
        <v>187</v>
      </c>
      <c r="AZ286" t="s">
        <v>207</v>
      </c>
      <c r="BA286" t="s">
        <v>188</v>
      </c>
      <c r="BF286" t="s">
        <v>49</v>
      </c>
      <c r="BG286" s="1">
        <v>0</v>
      </c>
      <c r="BH286" t="s">
        <v>247</v>
      </c>
      <c r="BK286" t="s">
        <v>191</v>
      </c>
      <c r="BL286" t="s">
        <v>3226</v>
      </c>
      <c r="BM286" t="s">
        <v>191</v>
      </c>
      <c r="BN286" t="s">
        <v>3227</v>
      </c>
      <c r="BO286" t="s">
        <v>191</v>
      </c>
      <c r="BP286" t="s">
        <v>3228</v>
      </c>
    </row>
    <row r="287" spans="1:69" x14ac:dyDescent="0.25">
      <c r="A287" s="1">
        <v>30448659</v>
      </c>
      <c r="B287" t="s">
        <v>3877</v>
      </c>
      <c r="C287" t="s">
        <v>39</v>
      </c>
      <c r="D287" t="s">
        <v>3727</v>
      </c>
      <c r="E287" t="s">
        <v>175</v>
      </c>
      <c r="L287" t="s">
        <v>52</v>
      </c>
      <c r="M287" s="1">
        <v>0</v>
      </c>
      <c r="N287" s="1">
        <v>0</v>
      </c>
      <c r="O287" t="s">
        <v>3728</v>
      </c>
      <c r="P287" t="s">
        <v>176</v>
      </c>
      <c r="Q287" t="s">
        <v>238</v>
      </c>
      <c r="S287" t="s">
        <v>178</v>
      </c>
      <c r="T287" t="s">
        <v>175</v>
      </c>
      <c r="Y287" t="s">
        <v>224</v>
      </c>
      <c r="AC287" t="s">
        <v>225</v>
      </c>
      <c r="AD287" t="s">
        <v>175</v>
      </c>
      <c r="AE287" t="s">
        <v>175</v>
      </c>
      <c r="AF287" t="s">
        <v>175</v>
      </c>
      <c r="AG287" t="s">
        <v>175</v>
      </c>
      <c r="AH287" t="s">
        <v>175</v>
      </c>
      <c r="AI287" t="s">
        <v>175</v>
      </c>
      <c r="AJ287" t="s">
        <v>175</v>
      </c>
      <c r="AK287" t="s">
        <v>175</v>
      </c>
      <c r="AL287" t="s">
        <v>42</v>
      </c>
      <c r="AM287" t="s">
        <v>201</v>
      </c>
      <c r="AN287" t="s">
        <v>183</v>
      </c>
      <c r="AO287" t="s">
        <v>182</v>
      </c>
      <c r="AP287" t="s">
        <v>184</v>
      </c>
      <c r="AQ287" t="s">
        <v>185</v>
      </c>
      <c r="AR287" s="1">
        <v>0</v>
      </c>
      <c r="AS287" s="1">
        <v>0</v>
      </c>
      <c r="AT287" s="1">
        <v>0</v>
      </c>
      <c r="AU287" s="1">
        <v>0</v>
      </c>
      <c r="AV287" s="1">
        <v>0</v>
      </c>
      <c r="AX287" t="s">
        <v>186</v>
      </c>
      <c r="AZ287" t="s">
        <v>207</v>
      </c>
      <c r="BF287" t="s">
        <v>210</v>
      </c>
      <c r="BG287" s="1">
        <v>0</v>
      </c>
      <c r="BH287" t="s">
        <v>211</v>
      </c>
      <c r="BK287" t="s">
        <v>191</v>
      </c>
      <c r="BM287" t="s">
        <v>218</v>
      </c>
      <c r="BO287" t="s">
        <v>218</v>
      </c>
    </row>
    <row r="288" spans="1:69" x14ac:dyDescent="0.25">
      <c r="A288" s="1">
        <v>30448661</v>
      </c>
      <c r="B288" t="s">
        <v>3229</v>
      </c>
      <c r="C288" t="s">
        <v>39</v>
      </c>
      <c r="D288" t="s">
        <v>3138</v>
      </c>
      <c r="E288" t="s">
        <v>200</v>
      </c>
      <c r="L288" t="s">
        <v>52</v>
      </c>
      <c r="M288" s="1">
        <v>0</v>
      </c>
      <c r="N288" s="1">
        <v>0</v>
      </c>
      <c r="O288" t="s">
        <v>3139</v>
      </c>
      <c r="P288" t="s">
        <v>216</v>
      </c>
      <c r="Q288" t="s">
        <v>177</v>
      </c>
      <c r="S288" s="1">
        <v>0</v>
      </c>
      <c r="T288" t="s">
        <v>200</v>
      </c>
      <c r="AC288" s="1">
        <v>0</v>
      </c>
      <c r="AD288" s="1">
        <v>0</v>
      </c>
      <c r="AE288" s="1">
        <v>0</v>
      </c>
      <c r="AF288" s="1">
        <v>0</v>
      </c>
      <c r="AG288" s="1">
        <v>0</v>
      </c>
      <c r="AH288" s="1">
        <v>0</v>
      </c>
      <c r="AI288" s="1">
        <v>0</v>
      </c>
      <c r="AJ288" s="1">
        <v>0</v>
      </c>
      <c r="AK288" s="1">
        <v>0</v>
      </c>
      <c r="AL288" s="1">
        <v>0</v>
      </c>
      <c r="AM288" s="1">
        <v>0</v>
      </c>
      <c r="AN288" s="1">
        <v>0</v>
      </c>
      <c r="AO288" s="1">
        <v>0</v>
      </c>
      <c r="AP288" s="1">
        <v>0</v>
      </c>
      <c r="AQ288" s="1">
        <v>0</v>
      </c>
      <c r="AR288" s="1">
        <v>0</v>
      </c>
      <c r="AS288" s="1">
        <v>0</v>
      </c>
      <c r="AT288" s="1">
        <v>0</v>
      </c>
      <c r="AU288" s="1">
        <v>0</v>
      </c>
      <c r="AV288" s="1">
        <v>0</v>
      </c>
      <c r="BF288" s="1">
        <v>0</v>
      </c>
      <c r="BG288" s="1">
        <v>0</v>
      </c>
      <c r="BH288" s="1">
        <v>0</v>
      </c>
      <c r="BK288" s="1">
        <v>0</v>
      </c>
      <c r="BM288" s="1">
        <v>0</v>
      </c>
      <c r="BO288" s="1">
        <v>0</v>
      </c>
    </row>
    <row r="289" spans="1:69" x14ac:dyDescent="0.25">
      <c r="A289" s="1">
        <v>30448662</v>
      </c>
      <c r="B289" t="s">
        <v>3878</v>
      </c>
      <c r="C289" t="s">
        <v>39</v>
      </c>
      <c r="D289" t="s">
        <v>3727</v>
      </c>
      <c r="E289" t="s">
        <v>175</v>
      </c>
      <c r="L289" t="s">
        <v>52</v>
      </c>
      <c r="M289" s="1">
        <v>0</v>
      </c>
      <c r="N289" s="1">
        <v>0</v>
      </c>
      <c r="O289" t="s">
        <v>3728</v>
      </c>
      <c r="P289" t="s">
        <v>176</v>
      </c>
      <c r="Q289" t="s">
        <v>238</v>
      </c>
      <c r="S289" t="s">
        <v>178</v>
      </c>
      <c r="T289" t="s">
        <v>175</v>
      </c>
      <c r="W289" t="s">
        <v>262</v>
      </c>
      <c r="AC289" t="s">
        <v>199</v>
      </c>
      <c r="AD289" t="s">
        <v>175</v>
      </c>
      <c r="AE289" t="s">
        <v>175</v>
      </c>
      <c r="AF289" s="1">
        <v>0</v>
      </c>
      <c r="AG289" t="s">
        <v>175</v>
      </c>
      <c r="AH289" t="s">
        <v>175</v>
      </c>
      <c r="AI289" t="s">
        <v>175</v>
      </c>
      <c r="AJ289" t="s">
        <v>175</v>
      </c>
      <c r="AK289" t="s">
        <v>175</v>
      </c>
      <c r="AL289" t="s">
        <v>42</v>
      </c>
      <c r="AM289" t="s">
        <v>182</v>
      </c>
      <c r="AN289" t="s">
        <v>185</v>
      </c>
      <c r="AO289" t="s">
        <v>184</v>
      </c>
      <c r="AP289" s="1">
        <v>0</v>
      </c>
      <c r="AQ289" s="1">
        <v>0</v>
      </c>
      <c r="AR289" s="1">
        <v>0</v>
      </c>
      <c r="AS289" s="1">
        <v>0</v>
      </c>
      <c r="AT289" s="1">
        <v>0</v>
      </c>
      <c r="AU289" s="1">
        <v>0</v>
      </c>
      <c r="AV289" s="1">
        <v>0</v>
      </c>
      <c r="AX289" t="s">
        <v>186</v>
      </c>
      <c r="AY289" t="s">
        <v>187</v>
      </c>
      <c r="AZ289" t="s">
        <v>207</v>
      </c>
      <c r="BA289" t="s">
        <v>188</v>
      </c>
      <c r="BB289" t="s">
        <v>208</v>
      </c>
      <c r="BF289" t="s">
        <v>210</v>
      </c>
      <c r="BG289" s="1">
        <v>0</v>
      </c>
      <c r="BH289" t="s">
        <v>211</v>
      </c>
      <c r="BK289" t="s">
        <v>191</v>
      </c>
      <c r="BL289" t="s">
        <v>3879</v>
      </c>
      <c r="BM289" t="s">
        <v>191</v>
      </c>
      <c r="BO289" t="s">
        <v>218</v>
      </c>
      <c r="BQ289" t="s">
        <v>3880</v>
      </c>
    </row>
    <row r="290" spans="1:69" x14ac:dyDescent="0.25">
      <c r="A290" s="1">
        <v>30448663</v>
      </c>
      <c r="B290" t="s">
        <v>1779</v>
      </c>
      <c r="C290" t="s">
        <v>39</v>
      </c>
      <c r="D290" t="s">
        <v>1616</v>
      </c>
      <c r="E290" t="s">
        <v>175</v>
      </c>
      <c r="L290" t="s">
        <v>52</v>
      </c>
      <c r="M290" s="1">
        <v>0</v>
      </c>
      <c r="N290" s="1">
        <v>0</v>
      </c>
      <c r="O290" t="s">
        <v>1616</v>
      </c>
      <c r="P290" t="s">
        <v>176</v>
      </c>
      <c r="Q290" t="s">
        <v>196</v>
      </c>
      <c r="S290" t="s">
        <v>349</v>
      </c>
      <c r="T290" t="s">
        <v>175</v>
      </c>
      <c r="AC290" s="1">
        <v>0</v>
      </c>
      <c r="AD290" s="1">
        <v>0</v>
      </c>
      <c r="AE290" s="1">
        <v>0</v>
      </c>
      <c r="AF290" s="1">
        <v>0</v>
      </c>
      <c r="AG290" s="1">
        <v>0</v>
      </c>
      <c r="AH290" s="1">
        <v>0</v>
      </c>
      <c r="AI290" s="1">
        <v>0</v>
      </c>
      <c r="AJ290" s="1">
        <v>0</v>
      </c>
      <c r="AK290" s="1">
        <v>0</v>
      </c>
      <c r="AL290" s="1">
        <v>0</v>
      </c>
      <c r="AM290" s="1">
        <v>0</v>
      </c>
      <c r="AN290" s="1">
        <v>0</v>
      </c>
      <c r="AO290" s="1">
        <v>0</v>
      </c>
      <c r="AP290" s="1">
        <v>0</v>
      </c>
      <c r="AQ290" s="1">
        <v>0</v>
      </c>
      <c r="AR290" s="1">
        <v>0</v>
      </c>
      <c r="AS290" s="1">
        <v>0</v>
      </c>
      <c r="AT290" s="1">
        <v>0</v>
      </c>
      <c r="AU290" s="1">
        <v>0</v>
      </c>
      <c r="AV290" s="1">
        <v>0</v>
      </c>
      <c r="BF290" s="1">
        <v>0</v>
      </c>
      <c r="BG290" s="1">
        <v>0</v>
      </c>
      <c r="BH290" s="1">
        <v>0</v>
      </c>
      <c r="BK290" s="1">
        <v>0</v>
      </c>
      <c r="BM290" s="1">
        <v>0</v>
      </c>
      <c r="BO290" s="1">
        <v>0</v>
      </c>
    </row>
    <row r="291" spans="1:69" x14ac:dyDescent="0.25">
      <c r="A291" s="1">
        <v>30448665</v>
      </c>
      <c r="B291" t="s">
        <v>1780</v>
      </c>
      <c r="C291" t="s">
        <v>39</v>
      </c>
      <c r="D291" t="s">
        <v>1616</v>
      </c>
      <c r="E291" t="s">
        <v>175</v>
      </c>
      <c r="L291" t="s">
        <v>52</v>
      </c>
      <c r="M291" s="1">
        <v>0</v>
      </c>
      <c r="N291" s="1">
        <v>0</v>
      </c>
      <c r="O291" t="s">
        <v>1616</v>
      </c>
      <c r="P291" t="s">
        <v>216</v>
      </c>
      <c r="Q291" t="s">
        <v>328</v>
      </c>
      <c r="S291" s="1">
        <v>0</v>
      </c>
      <c r="T291" t="s">
        <v>175</v>
      </c>
      <c r="X291" t="s">
        <v>179</v>
      </c>
      <c r="Y291" t="s">
        <v>224</v>
      </c>
      <c r="AC291" t="s">
        <v>266</v>
      </c>
      <c r="AD291" t="s">
        <v>181</v>
      </c>
      <c r="AE291" t="s">
        <v>175</v>
      </c>
      <c r="AF291" t="s">
        <v>175</v>
      </c>
      <c r="AG291" t="s">
        <v>175</v>
      </c>
      <c r="AH291" t="s">
        <v>181</v>
      </c>
      <c r="AI291" t="s">
        <v>175</v>
      </c>
      <c r="AJ291" t="s">
        <v>181</v>
      </c>
      <c r="AK291" t="s">
        <v>181</v>
      </c>
      <c r="AL291" t="s">
        <v>42</v>
      </c>
      <c r="AM291" s="1">
        <v>0</v>
      </c>
      <c r="AN291" t="s">
        <v>183</v>
      </c>
      <c r="AO291" s="1">
        <v>0</v>
      </c>
      <c r="AP291" s="1">
        <v>0</v>
      </c>
      <c r="AQ291" t="s">
        <v>185</v>
      </c>
      <c r="AR291" t="s">
        <v>182</v>
      </c>
      <c r="AS291" t="s">
        <v>201</v>
      </c>
      <c r="AT291" t="s">
        <v>184</v>
      </c>
      <c r="AU291" s="1">
        <v>0</v>
      </c>
      <c r="AV291" s="1">
        <v>0</v>
      </c>
      <c r="AZ291" t="s">
        <v>207</v>
      </c>
      <c r="BA291" t="s">
        <v>188</v>
      </c>
      <c r="BC291" t="s">
        <v>209</v>
      </c>
      <c r="BF291" t="s">
        <v>232</v>
      </c>
      <c r="BG291" t="s">
        <v>301</v>
      </c>
      <c r="BH291" t="s">
        <v>247</v>
      </c>
      <c r="BK291" t="s">
        <v>191</v>
      </c>
      <c r="BL291" t="s">
        <v>1781</v>
      </c>
      <c r="BM291" t="s">
        <v>191</v>
      </c>
      <c r="BN291" t="s">
        <v>1782</v>
      </c>
      <c r="BO291" t="s">
        <v>191</v>
      </c>
      <c r="BP291" t="s">
        <v>1783</v>
      </c>
    </row>
    <row r="292" spans="1:69" x14ac:dyDescent="0.25">
      <c r="A292" s="1">
        <v>30448666</v>
      </c>
      <c r="B292" t="s">
        <v>1784</v>
      </c>
      <c r="C292" t="s">
        <v>39</v>
      </c>
      <c r="D292" t="s">
        <v>1616</v>
      </c>
      <c r="E292" t="s">
        <v>175</v>
      </c>
      <c r="L292" t="s">
        <v>52</v>
      </c>
      <c r="M292" s="1">
        <v>0</v>
      </c>
      <c r="N292" s="1">
        <v>0</v>
      </c>
      <c r="O292" t="s">
        <v>1616</v>
      </c>
      <c r="P292" t="s">
        <v>216</v>
      </c>
      <c r="Q292" t="s">
        <v>322</v>
      </c>
      <c r="S292" s="1">
        <v>0</v>
      </c>
      <c r="T292" t="s">
        <v>175</v>
      </c>
      <c r="W292" t="s">
        <v>262</v>
      </c>
      <c r="AC292" t="s">
        <v>180</v>
      </c>
      <c r="AD292" t="s">
        <v>181</v>
      </c>
      <c r="AE292" t="s">
        <v>181</v>
      </c>
      <c r="AF292" t="s">
        <v>181</v>
      </c>
      <c r="AG292" t="s">
        <v>181</v>
      </c>
      <c r="AH292" t="s">
        <v>175</v>
      </c>
      <c r="AI292" t="s">
        <v>175</v>
      </c>
      <c r="AJ292" t="s">
        <v>175</v>
      </c>
      <c r="AK292" t="s">
        <v>181</v>
      </c>
      <c r="AL292" t="s">
        <v>52</v>
      </c>
      <c r="AM292" t="s">
        <v>203</v>
      </c>
      <c r="AN292" t="s">
        <v>204</v>
      </c>
      <c r="AO292" t="s">
        <v>184</v>
      </c>
      <c r="AP292" t="s">
        <v>201</v>
      </c>
      <c r="AQ292" t="s">
        <v>185</v>
      </c>
      <c r="AR292" t="s">
        <v>183</v>
      </c>
      <c r="AS292" t="s">
        <v>182</v>
      </c>
      <c r="AT292" t="s">
        <v>205</v>
      </c>
      <c r="AU292" t="s">
        <v>206</v>
      </c>
      <c r="AV292" t="s">
        <v>202</v>
      </c>
      <c r="AX292" t="s">
        <v>186</v>
      </c>
      <c r="AZ292" t="s">
        <v>207</v>
      </c>
      <c r="BB292" t="s">
        <v>208</v>
      </c>
      <c r="BF292" t="s">
        <v>232</v>
      </c>
      <c r="BG292" t="s">
        <v>1382</v>
      </c>
      <c r="BH292" t="s">
        <v>211</v>
      </c>
      <c r="BK292" t="s">
        <v>191</v>
      </c>
      <c r="BL292" t="s">
        <v>1785</v>
      </c>
      <c r="BM292" t="s">
        <v>191</v>
      </c>
      <c r="BN292" t="s">
        <v>1085</v>
      </c>
      <c r="BO292" t="s">
        <v>218</v>
      </c>
      <c r="BP292" t="s">
        <v>1786</v>
      </c>
      <c r="BQ292" t="s">
        <v>1787</v>
      </c>
    </row>
    <row r="293" spans="1:69" x14ac:dyDescent="0.25">
      <c r="A293" s="1">
        <v>30448667</v>
      </c>
      <c r="B293" t="s">
        <v>377</v>
      </c>
      <c r="C293" t="s">
        <v>39</v>
      </c>
      <c r="D293" t="s">
        <v>174</v>
      </c>
      <c r="E293" t="s">
        <v>200</v>
      </c>
      <c r="L293" t="s">
        <v>52</v>
      </c>
      <c r="M293" s="1">
        <v>0</v>
      </c>
      <c r="N293" s="1">
        <v>0</v>
      </c>
      <c r="O293" t="s">
        <v>174</v>
      </c>
      <c r="P293" t="s">
        <v>216</v>
      </c>
      <c r="Q293" t="s">
        <v>322</v>
      </c>
      <c r="S293" s="1">
        <v>0</v>
      </c>
      <c r="T293" t="s">
        <v>200</v>
      </c>
      <c r="Y293" t="s">
        <v>224</v>
      </c>
      <c r="AC293" t="s">
        <v>199</v>
      </c>
      <c r="AD293" t="s">
        <v>175</v>
      </c>
      <c r="AE293" t="s">
        <v>175</v>
      </c>
      <c r="AF293" t="s">
        <v>181</v>
      </c>
      <c r="AG293" t="s">
        <v>181</v>
      </c>
      <c r="AH293" t="s">
        <v>175</v>
      </c>
      <c r="AI293" t="s">
        <v>175</v>
      </c>
      <c r="AJ293" t="s">
        <v>175</v>
      </c>
      <c r="AK293" t="s">
        <v>175</v>
      </c>
      <c r="AL293" t="s">
        <v>42</v>
      </c>
      <c r="AM293" t="s">
        <v>205</v>
      </c>
      <c r="AN293" t="s">
        <v>184</v>
      </c>
      <c r="AO293" t="s">
        <v>206</v>
      </c>
      <c r="AP293" t="s">
        <v>185</v>
      </c>
      <c r="AQ293" t="s">
        <v>204</v>
      </c>
      <c r="AR293" t="s">
        <v>202</v>
      </c>
      <c r="AS293" t="s">
        <v>203</v>
      </c>
      <c r="AT293" t="s">
        <v>182</v>
      </c>
      <c r="AU293" t="s">
        <v>183</v>
      </c>
      <c r="AV293" t="s">
        <v>201</v>
      </c>
      <c r="AX293" t="s">
        <v>186</v>
      </c>
      <c r="BF293" t="s">
        <v>292</v>
      </c>
      <c r="BG293" t="s">
        <v>301</v>
      </c>
      <c r="BH293" t="s">
        <v>211</v>
      </c>
      <c r="BK293" t="s">
        <v>191</v>
      </c>
      <c r="BL293" t="s">
        <v>378</v>
      </c>
      <c r="BM293" t="s">
        <v>191</v>
      </c>
      <c r="BN293" t="s">
        <v>378</v>
      </c>
      <c r="BO293" t="s">
        <v>218</v>
      </c>
      <c r="BP293" t="s">
        <v>379</v>
      </c>
    </row>
    <row r="294" spans="1:69" x14ac:dyDescent="0.25">
      <c r="A294" s="1">
        <v>30448668</v>
      </c>
      <c r="B294" t="s">
        <v>3881</v>
      </c>
      <c r="C294" t="s">
        <v>39</v>
      </c>
      <c r="D294" t="s">
        <v>3727</v>
      </c>
      <c r="E294" t="s">
        <v>195</v>
      </c>
      <c r="L294" t="s">
        <v>52</v>
      </c>
      <c r="M294" s="1">
        <v>0</v>
      </c>
      <c r="N294" s="1">
        <v>0</v>
      </c>
      <c r="O294" t="s">
        <v>3728</v>
      </c>
      <c r="P294" t="s">
        <v>176</v>
      </c>
      <c r="Q294" t="s">
        <v>238</v>
      </c>
      <c r="S294" t="s">
        <v>178</v>
      </c>
      <c r="T294" t="s">
        <v>197</v>
      </c>
      <c r="U294" t="s">
        <v>3882</v>
      </c>
      <c r="W294" t="s">
        <v>262</v>
      </c>
      <c r="AC294" t="s">
        <v>266</v>
      </c>
      <c r="AD294" t="s">
        <v>181</v>
      </c>
      <c r="AE294" t="s">
        <v>230</v>
      </c>
      <c r="AF294" t="s">
        <v>230</v>
      </c>
      <c r="AG294" t="s">
        <v>181</v>
      </c>
      <c r="AH294" t="s">
        <v>175</v>
      </c>
      <c r="AI294" t="s">
        <v>175</v>
      </c>
      <c r="AJ294" t="s">
        <v>175</v>
      </c>
      <c r="AK294" t="s">
        <v>175</v>
      </c>
      <c r="AL294" t="s">
        <v>42</v>
      </c>
      <c r="AM294" t="s">
        <v>182</v>
      </c>
      <c r="AN294" t="s">
        <v>202</v>
      </c>
      <c r="AO294" t="s">
        <v>201</v>
      </c>
      <c r="AP294" t="s">
        <v>206</v>
      </c>
      <c r="AQ294" t="s">
        <v>185</v>
      </c>
      <c r="AR294" t="s">
        <v>184</v>
      </c>
      <c r="AS294" t="s">
        <v>183</v>
      </c>
      <c r="AT294" t="s">
        <v>205</v>
      </c>
      <c r="AU294" t="s">
        <v>204</v>
      </c>
      <c r="AV294" t="s">
        <v>203</v>
      </c>
      <c r="BF294" s="1">
        <v>0</v>
      </c>
      <c r="BG294" s="1">
        <v>0</v>
      </c>
      <c r="BH294" s="1">
        <v>0</v>
      </c>
      <c r="BK294" s="1">
        <v>0</v>
      </c>
      <c r="BM294" s="1">
        <v>0</v>
      </c>
      <c r="BO294" s="1">
        <v>0</v>
      </c>
    </row>
    <row r="295" spans="1:69" x14ac:dyDescent="0.25">
      <c r="A295" s="1">
        <v>30448670</v>
      </c>
      <c r="B295" t="s">
        <v>3230</v>
      </c>
      <c r="C295" t="s">
        <v>39</v>
      </c>
      <c r="D295" t="s">
        <v>3138</v>
      </c>
      <c r="E295" t="s">
        <v>195</v>
      </c>
      <c r="L295" t="s">
        <v>52</v>
      </c>
      <c r="M295" s="1">
        <v>0</v>
      </c>
      <c r="N295" s="1">
        <v>0</v>
      </c>
      <c r="O295" t="s">
        <v>3139</v>
      </c>
      <c r="P295" t="s">
        <v>176</v>
      </c>
      <c r="Q295" t="s">
        <v>196</v>
      </c>
      <c r="S295" t="s">
        <v>315</v>
      </c>
      <c r="T295" t="s">
        <v>197</v>
      </c>
      <c r="U295" t="s">
        <v>3231</v>
      </c>
      <c r="Y295" t="s">
        <v>224</v>
      </c>
      <c r="AC295" t="s">
        <v>225</v>
      </c>
      <c r="AD295" t="s">
        <v>181</v>
      </c>
      <c r="AE295" t="s">
        <v>181</v>
      </c>
      <c r="AF295" t="s">
        <v>181</v>
      </c>
      <c r="AG295" t="s">
        <v>181</v>
      </c>
      <c r="AH295" t="s">
        <v>181</v>
      </c>
      <c r="AI295" t="s">
        <v>181</v>
      </c>
      <c r="AJ295" t="s">
        <v>230</v>
      </c>
      <c r="AK295" t="s">
        <v>181</v>
      </c>
      <c r="AL295" t="s">
        <v>42</v>
      </c>
      <c r="AM295" t="s">
        <v>184</v>
      </c>
      <c r="AN295" t="s">
        <v>183</v>
      </c>
      <c r="AO295" t="s">
        <v>185</v>
      </c>
      <c r="AP295" t="s">
        <v>206</v>
      </c>
      <c r="AQ295" t="s">
        <v>205</v>
      </c>
      <c r="AR295" t="s">
        <v>201</v>
      </c>
      <c r="AS295" t="s">
        <v>203</v>
      </c>
      <c r="AT295" t="s">
        <v>204</v>
      </c>
      <c r="AU295" t="s">
        <v>202</v>
      </c>
      <c r="AV295" t="s">
        <v>182</v>
      </c>
      <c r="AX295" t="s">
        <v>186</v>
      </c>
      <c r="AY295" t="s">
        <v>187</v>
      </c>
      <c r="AZ295" t="s">
        <v>207</v>
      </c>
      <c r="BB295" t="s">
        <v>208</v>
      </c>
      <c r="BF295" s="1">
        <v>0</v>
      </c>
      <c r="BG295" s="1">
        <v>0</v>
      </c>
      <c r="BH295" s="1">
        <v>0</v>
      </c>
      <c r="BK295" s="1">
        <v>0</v>
      </c>
      <c r="BM295" s="1">
        <v>0</v>
      </c>
      <c r="BO295" s="1">
        <v>0</v>
      </c>
    </row>
    <row r="296" spans="1:69" x14ac:dyDescent="0.25">
      <c r="A296" s="1">
        <v>30448671</v>
      </c>
      <c r="B296" t="s">
        <v>53</v>
      </c>
      <c r="C296" t="s">
        <v>39</v>
      </c>
      <c r="L296" t="s">
        <v>52</v>
      </c>
      <c r="M296" s="1">
        <v>0</v>
      </c>
      <c r="N296" s="1">
        <v>0</v>
      </c>
      <c r="O296" s="1">
        <v>0</v>
      </c>
      <c r="P296" s="1">
        <v>0</v>
      </c>
      <c r="Q296" s="1">
        <v>0</v>
      </c>
      <c r="S296" s="1">
        <v>0</v>
      </c>
      <c r="T296" s="1">
        <v>0</v>
      </c>
      <c r="AC296" s="1">
        <v>0</v>
      </c>
      <c r="AD296" s="1">
        <v>0</v>
      </c>
      <c r="AE296" s="1">
        <v>0</v>
      </c>
      <c r="AF296" s="1">
        <v>0</v>
      </c>
      <c r="AG296" s="1">
        <v>0</v>
      </c>
      <c r="AH296" s="1">
        <v>0</v>
      </c>
      <c r="AI296" s="1">
        <v>0</v>
      </c>
      <c r="AJ296" s="1">
        <v>0</v>
      </c>
      <c r="AK296" s="1">
        <v>0</v>
      </c>
      <c r="AL296" s="1">
        <v>0</v>
      </c>
      <c r="AM296" s="1">
        <v>0</v>
      </c>
      <c r="AN296" s="1">
        <v>0</v>
      </c>
      <c r="AO296" s="1">
        <v>0</v>
      </c>
      <c r="AP296" s="1">
        <v>0</v>
      </c>
      <c r="AQ296" s="1">
        <v>0</v>
      </c>
      <c r="AR296" s="1">
        <v>0</v>
      </c>
      <c r="AS296" s="1">
        <v>0</v>
      </c>
      <c r="AT296" s="1">
        <v>0</v>
      </c>
      <c r="AU296" s="1">
        <v>0</v>
      </c>
      <c r="AV296" s="1">
        <v>0</v>
      </c>
      <c r="BF296" s="1">
        <v>0</v>
      </c>
      <c r="BG296" s="1">
        <v>0</v>
      </c>
      <c r="BH296" s="1">
        <v>0</v>
      </c>
      <c r="BK296" s="1">
        <v>0</v>
      </c>
      <c r="BM296" s="1">
        <v>0</v>
      </c>
      <c r="BO296" s="1">
        <v>0</v>
      </c>
    </row>
    <row r="297" spans="1:69" x14ac:dyDescent="0.25">
      <c r="A297" s="1">
        <v>30448672</v>
      </c>
      <c r="B297" t="s">
        <v>3883</v>
      </c>
      <c r="C297" t="s">
        <v>39</v>
      </c>
      <c r="D297" t="s">
        <v>3727</v>
      </c>
      <c r="E297" t="s">
        <v>200</v>
      </c>
      <c r="L297" t="s">
        <v>52</v>
      </c>
      <c r="M297" s="1">
        <v>0</v>
      </c>
      <c r="N297" s="1">
        <v>0</v>
      </c>
      <c r="O297" t="s">
        <v>3728</v>
      </c>
      <c r="P297" t="s">
        <v>176</v>
      </c>
      <c r="Q297" t="s">
        <v>328</v>
      </c>
      <c r="S297" t="s">
        <v>315</v>
      </c>
      <c r="T297" t="s">
        <v>200</v>
      </c>
      <c r="Y297" t="s">
        <v>224</v>
      </c>
      <c r="AC297" t="s">
        <v>180</v>
      </c>
      <c r="AD297" t="s">
        <v>200</v>
      </c>
      <c r="AE297" t="s">
        <v>200</v>
      </c>
      <c r="AF297" t="s">
        <v>200</v>
      </c>
      <c r="AG297" t="s">
        <v>200</v>
      </c>
      <c r="AH297" t="s">
        <v>200</v>
      </c>
      <c r="AI297" t="s">
        <v>200</v>
      </c>
      <c r="AJ297" t="s">
        <v>200</v>
      </c>
      <c r="AK297" t="s">
        <v>200</v>
      </c>
      <c r="AL297" t="s">
        <v>42</v>
      </c>
      <c r="AM297" s="1">
        <v>0</v>
      </c>
      <c r="AN297" t="s">
        <v>184</v>
      </c>
      <c r="AO297" t="s">
        <v>185</v>
      </c>
      <c r="AP297" s="1">
        <v>0</v>
      </c>
      <c r="AQ297" s="1">
        <v>0</v>
      </c>
      <c r="AR297" s="1">
        <v>0</v>
      </c>
      <c r="AS297" s="1">
        <v>0</v>
      </c>
      <c r="AT297" t="s">
        <v>183</v>
      </c>
      <c r="AU297" t="s">
        <v>182</v>
      </c>
      <c r="AV297" s="1">
        <v>0</v>
      </c>
      <c r="AZ297" t="s">
        <v>207</v>
      </c>
      <c r="BF297" t="s">
        <v>210</v>
      </c>
      <c r="BG297" s="1">
        <v>0</v>
      </c>
      <c r="BH297" t="s">
        <v>211</v>
      </c>
      <c r="BK297" t="s">
        <v>191</v>
      </c>
      <c r="BL297" t="s">
        <v>3884</v>
      </c>
      <c r="BM297" t="s">
        <v>191</v>
      </c>
      <c r="BN297" t="s">
        <v>3885</v>
      </c>
      <c r="BO297" t="s">
        <v>191</v>
      </c>
      <c r="BP297" t="s">
        <v>3885</v>
      </c>
    </row>
    <row r="298" spans="1:69" x14ac:dyDescent="0.25">
      <c r="A298" s="1">
        <v>30448674</v>
      </c>
      <c r="B298" t="s">
        <v>1080</v>
      </c>
      <c r="C298" t="s">
        <v>39</v>
      </c>
      <c r="D298" t="s">
        <v>942</v>
      </c>
      <c r="E298" t="s">
        <v>200</v>
      </c>
      <c r="L298" t="s">
        <v>52</v>
      </c>
      <c r="M298" s="1">
        <v>0</v>
      </c>
      <c r="N298" s="1">
        <v>0</v>
      </c>
      <c r="O298" t="s">
        <v>942</v>
      </c>
      <c r="P298" t="s">
        <v>216</v>
      </c>
      <c r="Q298" t="s">
        <v>322</v>
      </c>
      <c r="S298" s="1">
        <v>0</v>
      </c>
      <c r="T298" t="s">
        <v>200</v>
      </c>
      <c r="V298" t="s">
        <v>397</v>
      </c>
      <c r="W298" t="s">
        <v>262</v>
      </c>
      <c r="X298" t="s">
        <v>179</v>
      </c>
      <c r="Z298" t="s">
        <v>244</v>
      </c>
      <c r="AC298" t="s">
        <v>199</v>
      </c>
      <c r="AD298" t="s">
        <v>299</v>
      </c>
      <c r="AE298" t="s">
        <v>299</v>
      </c>
      <c r="AF298" t="s">
        <v>299</v>
      </c>
      <c r="AG298" t="s">
        <v>299</v>
      </c>
      <c r="AH298" t="s">
        <v>299</v>
      </c>
      <c r="AI298" t="s">
        <v>299</v>
      </c>
      <c r="AJ298" t="s">
        <v>299</v>
      </c>
      <c r="AK298" t="s">
        <v>299</v>
      </c>
      <c r="AL298" t="s">
        <v>42</v>
      </c>
      <c r="AM298" t="s">
        <v>206</v>
      </c>
      <c r="AN298" t="s">
        <v>184</v>
      </c>
      <c r="AO298" t="s">
        <v>185</v>
      </c>
      <c r="AP298" t="s">
        <v>201</v>
      </c>
      <c r="AQ298" t="s">
        <v>202</v>
      </c>
      <c r="AR298" t="s">
        <v>204</v>
      </c>
      <c r="AS298" t="s">
        <v>203</v>
      </c>
      <c r="AT298" t="s">
        <v>183</v>
      </c>
      <c r="AU298" t="s">
        <v>182</v>
      </c>
      <c r="AV298" t="s">
        <v>205</v>
      </c>
      <c r="AX298" t="s">
        <v>186</v>
      </c>
      <c r="AY298" t="s">
        <v>187</v>
      </c>
      <c r="AZ298" t="s">
        <v>207</v>
      </c>
      <c r="BA298" t="s">
        <v>188</v>
      </c>
      <c r="BB298" t="s">
        <v>208</v>
      </c>
      <c r="BF298" t="s">
        <v>210</v>
      </c>
      <c r="BG298" s="1">
        <v>0</v>
      </c>
      <c r="BH298" t="s">
        <v>190</v>
      </c>
      <c r="BK298" t="s">
        <v>191</v>
      </c>
      <c r="BM298" t="s">
        <v>191</v>
      </c>
      <c r="BO298" t="s">
        <v>191</v>
      </c>
    </row>
    <row r="299" spans="1:69" x14ac:dyDescent="0.25">
      <c r="A299" s="1">
        <v>30448675</v>
      </c>
      <c r="B299" t="s">
        <v>380</v>
      </c>
      <c r="C299" t="s">
        <v>39</v>
      </c>
      <c r="D299" t="s">
        <v>174</v>
      </c>
      <c r="E299" t="s">
        <v>195</v>
      </c>
      <c r="L299" t="s">
        <v>52</v>
      </c>
      <c r="M299" s="1">
        <v>0</v>
      </c>
      <c r="N299" s="1">
        <v>0</v>
      </c>
      <c r="O299" t="s">
        <v>174</v>
      </c>
      <c r="P299" t="s">
        <v>176</v>
      </c>
      <c r="Q299" t="s">
        <v>238</v>
      </c>
      <c r="S299" t="s">
        <v>178</v>
      </c>
      <c r="T299" t="s">
        <v>197</v>
      </c>
      <c r="U299" t="s">
        <v>381</v>
      </c>
      <c r="W299" t="s">
        <v>262</v>
      </c>
      <c r="X299" t="s">
        <v>179</v>
      </c>
      <c r="AC299" t="s">
        <v>180</v>
      </c>
      <c r="AD299" t="s">
        <v>181</v>
      </c>
      <c r="AE299" t="s">
        <v>230</v>
      </c>
      <c r="AF299" t="s">
        <v>230</v>
      </c>
      <c r="AG299" t="s">
        <v>175</v>
      </c>
      <c r="AH299" t="s">
        <v>175</v>
      </c>
      <c r="AI299" t="s">
        <v>175</v>
      </c>
      <c r="AJ299" t="s">
        <v>175</v>
      </c>
      <c r="AK299" t="s">
        <v>175</v>
      </c>
      <c r="AL299" t="s">
        <v>42</v>
      </c>
      <c r="AM299" t="s">
        <v>202</v>
      </c>
      <c r="AN299" t="s">
        <v>201</v>
      </c>
      <c r="AO299" t="s">
        <v>185</v>
      </c>
      <c r="AP299" t="s">
        <v>206</v>
      </c>
      <c r="AQ299" t="s">
        <v>184</v>
      </c>
      <c r="AR299" t="s">
        <v>182</v>
      </c>
      <c r="AS299" t="s">
        <v>203</v>
      </c>
      <c r="AT299" t="s">
        <v>204</v>
      </c>
      <c r="AU299" t="s">
        <v>183</v>
      </c>
      <c r="AV299" t="s">
        <v>205</v>
      </c>
      <c r="AX299" t="s">
        <v>186</v>
      </c>
      <c r="AY299" t="s">
        <v>187</v>
      </c>
      <c r="AZ299" t="s">
        <v>207</v>
      </c>
      <c r="BA299" t="s">
        <v>188</v>
      </c>
      <c r="BB299" t="s">
        <v>208</v>
      </c>
      <c r="BC299" t="s">
        <v>209</v>
      </c>
      <c r="BD299" t="s">
        <v>273</v>
      </c>
      <c r="BE299" t="s">
        <v>382</v>
      </c>
      <c r="BF299" t="s">
        <v>189</v>
      </c>
      <c r="BG299" s="1">
        <v>0</v>
      </c>
      <c r="BH299" t="s">
        <v>211</v>
      </c>
      <c r="BK299" t="s">
        <v>191</v>
      </c>
      <c r="BM299" t="s">
        <v>191</v>
      </c>
      <c r="BO299" t="s">
        <v>191</v>
      </c>
      <c r="BP299" t="s">
        <v>383</v>
      </c>
    </row>
    <row r="300" spans="1:69" x14ac:dyDescent="0.25">
      <c r="A300" s="1">
        <v>30448676</v>
      </c>
      <c r="B300" t="s">
        <v>3232</v>
      </c>
      <c r="C300" t="s">
        <v>39</v>
      </c>
      <c r="D300" t="s">
        <v>3138</v>
      </c>
      <c r="E300" t="s">
        <v>175</v>
      </c>
      <c r="L300" t="s">
        <v>52</v>
      </c>
      <c r="M300" s="1">
        <v>0</v>
      </c>
      <c r="N300" s="1">
        <v>0</v>
      </c>
      <c r="O300" t="s">
        <v>3139</v>
      </c>
      <c r="P300" t="s">
        <v>176</v>
      </c>
      <c r="Q300" t="s">
        <v>177</v>
      </c>
      <c r="S300" t="s">
        <v>178</v>
      </c>
      <c r="T300" t="s">
        <v>175</v>
      </c>
      <c r="X300" t="s">
        <v>179</v>
      </c>
      <c r="AC300" t="s">
        <v>180</v>
      </c>
      <c r="AD300" t="s">
        <v>175</v>
      </c>
      <c r="AE300" t="s">
        <v>175</v>
      </c>
      <c r="AF300" t="s">
        <v>181</v>
      </c>
      <c r="AG300" t="s">
        <v>175</v>
      </c>
      <c r="AH300" t="s">
        <v>175</v>
      </c>
      <c r="AI300" t="s">
        <v>175</v>
      </c>
      <c r="AJ300" t="s">
        <v>175</v>
      </c>
      <c r="AK300" t="s">
        <v>175</v>
      </c>
      <c r="AL300" t="s">
        <v>42</v>
      </c>
      <c r="AM300" t="s">
        <v>183</v>
      </c>
      <c r="AN300" t="s">
        <v>205</v>
      </c>
      <c r="AO300" t="s">
        <v>185</v>
      </c>
      <c r="AP300" t="s">
        <v>201</v>
      </c>
      <c r="AQ300" t="s">
        <v>182</v>
      </c>
      <c r="AR300" t="s">
        <v>184</v>
      </c>
      <c r="AS300" t="s">
        <v>203</v>
      </c>
      <c r="AT300" t="s">
        <v>204</v>
      </c>
      <c r="AU300" t="s">
        <v>202</v>
      </c>
      <c r="AV300" t="s">
        <v>206</v>
      </c>
      <c r="AZ300" t="s">
        <v>207</v>
      </c>
      <c r="BF300" t="s">
        <v>49</v>
      </c>
      <c r="BG300" s="1">
        <v>0</v>
      </c>
      <c r="BH300" t="s">
        <v>211</v>
      </c>
      <c r="BK300" t="s">
        <v>191</v>
      </c>
      <c r="BL300" t="s">
        <v>3088</v>
      </c>
      <c r="BM300" t="s">
        <v>191</v>
      </c>
      <c r="BN300" t="s">
        <v>367</v>
      </c>
      <c r="BO300" t="s">
        <v>191</v>
      </c>
      <c r="BP300" t="s">
        <v>3233</v>
      </c>
    </row>
    <row r="301" spans="1:69" x14ac:dyDescent="0.25">
      <c r="A301" s="1">
        <v>30448677</v>
      </c>
      <c r="B301" t="s">
        <v>1788</v>
      </c>
      <c r="C301" t="s">
        <v>39</v>
      </c>
      <c r="D301" t="s">
        <v>1616</v>
      </c>
      <c r="E301" t="s">
        <v>195</v>
      </c>
      <c r="L301" t="s">
        <v>52</v>
      </c>
      <c r="M301" s="1">
        <v>0</v>
      </c>
      <c r="N301" s="1">
        <v>0</v>
      </c>
      <c r="O301" t="s">
        <v>1616</v>
      </c>
      <c r="P301" t="s">
        <v>176</v>
      </c>
      <c r="Q301" t="s">
        <v>177</v>
      </c>
      <c r="S301" t="s">
        <v>178</v>
      </c>
      <c r="T301" t="s">
        <v>197</v>
      </c>
      <c r="U301" t="s">
        <v>1789</v>
      </c>
      <c r="W301" t="s">
        <v>262</v>
      </c>
      <c r="X301" t="s">
        <v>179</v>
      </c>
      <c r="Y301" t="s">
        <v>224</v>
      </c>
      <c r="AC301" t="s">
        <v>180</v>
      </c>
      <c r="AD301" t="s">
        <v>175</v>
      </c>
      <c r="AE301" t="s">
        <v>230</v>
      </c>
      <c r="AF301" t="s">
        <v>181</v>
      </c>
      <c r="AG301" t="s">
        <v>175</v>
      </c>
      <c r="AH301" t="s">
        <v>200</v>
      </c>
      <c r="AI301" t="s">
        <v>200</v>
      </c>
      <c r="AJ301" t="s">
        <v>181</v>
      </c>
      <c r="AK301" t="s">
        <v>230</v>
      </c>
      <c r="AL301" t="s">
        <v>42</v>
      </c>
      <c r="AM301" t="s">
        <v>203</v>
      </c>
      <c r="AN301" t="s">
        <v>206</v>
      </c>
      <c r="AO301" t="s">
        <v>183</v>
      </c>
      <c r="AP301" t="s">
        <v>182</v>
      </c>
      <c r="AQ301" t="s">
        <v>185</v>
      </c>
      <c r="AR301" t="s">
        <v>184</v>
      </c>
      <c r="AS301" t="s">
        <v>201</v>
      </c>
      <c r="AT301" t="s">
        <v>205</v>
      </c>
      <c r="AU301" t="s">
        <v>204</v>
      </c>
      <c r="AV301" t="s">
        <v>202</v>
      </c>
      <c r="AX301" t="s">
        <v>186</v>
      </c>
      <c r="AY301" t="s">
        <v>187</v>
      </c>
      <c r="BA301" t="s">
        <v>188</v>
      </c>
      <c r="BF301" t="s">
        <v>292</v>
      </c>
      <c r="BG301" t="s">
        <v>276</v>
      </c>
      <c r="BH301" t="s">
        <v>247</v>
      </c>
      <c r="BK301" t="s">
        <v>191</v>
      </c>
      <c r="BM301" t="s">
        <v>191</v>
      </c>
      <c r="BO301" t="s">
        <v>191</v>
      </c>
    </row>
    <row r="302" spans="1:69" x14ac:dyDescent="0.25">
      <c r="A302" s="1">
        <v>30448678</v>
      </c>
      <c r="B302" t="s">
        <v>54</v>
      </c>
      <c r="C302" t="s">
        <v>39</v>
      </c>
      <c r="L302" t="s">
        <v>52</v>
      </c>
      <c r="M302" s="1">
        <v>0</v>
      </c>
      <c r="N302" s="1">
        <v>0</v>
      </c>
      <c r="O302" s="1">
        <v>0</v>
      </c>
      <c r="P302" s="1">
        <v>0</v>
      </c>
      <c r="Q302" s="1">
        <v>0</v>
      </c>
      <c r="S302" s="1">
        <v>0</v>
      </c>
      <c r="T302" s="1">
        <v>0</v>
      </c>
      <c r="AC302" s="1">
        <v>0</v>
      </c>
      <c r="AD302" s="1">
        <v>0</v>
      </c>
      <c r="AE302" s="1">
        <v>0</v>
      </c>
      <c r="AF302" s="1">
        <v>0</v>
      </c>
      <c r="AG302" s="1">
        <v>0</v>
      </c>
      <c r="AH302" s="1">
        <v>0</v>
      </c>
      <c r="AI302" s="1">
        <v>0</v>
      </c>
      <c r="AJ302" s="1">
        <v>0</v>
      </c>
      <c r="AK302" s="1">
        <v>0</v>
      </c>
      <c r="AL302" s="1">
        <v>0</v>
      </c>
      <c r="AM302" s="1">
        <v>0</v>
      </c>
      <c r="AN302" s="1">
        <v>0</v>
      </c>
      <c r="AO302" s="1">
        <v>0</v>
      </c>
      <c r="AP302" s="1">
        <v>0</v>
      </c>
      <c r="AQ302" s="1">
        <v>0</v>
      </c>
      <c r="AR302" s="1">
        <v>0</v>
      </c>
      <c r="AS302" s="1">
        <v>0</v>
      </c>
      <c r="AT302" s="1">
        <v>0</v>
      </c>
      <c r="AU302" s="1">
        <v>0</v>
      </c>
      <c r="AV302" s="1">
        <v>0</v>
      </c>
      <c r="BF302" s="1">
        <v>0</v>
      </c>
      <c r="BG302" s="1">
        <v>0</v>
      </c>
      <c r="BH302" s="1">
        <v>0</v>
      </c>
      <c r="BK302" s="1">
        <v>0</v>
      </c>
      <c r="BM302" s="1">
        <v>0</v>
      </c>
      <c r="BO302" s="1">
        <v>0</v>
      </c>
    </row>
    <row r="303" spans="1:69" x14ac:dyDescent="0.25">
      <c r="A303" s="1">
        <v>30448679</v>
      </c>
      <c r="B303" t="s">
        <v>3234</v>
      </c>
      <c r="C303" t="s">
        <v>39</v>
      </c>
      <c r="D303" t="s">
        <v>3138</v>
      </c>
      <c r="E303" t="s">
        <v>175</v>
      </c>
      <c r="L303" t="s">
        <v>52</v>
      </c>
      <c r="M303" s="1">
        <v>0</v>
      </c>
      <c r="N303" s="1">
        <v>0</v>
      </c>
      <c r="O303" t="s">
        <v>3139</v>
      </c>
      <c r="P303" t="s">
        <v>176</v>
      </c>
      <c r="Q303" t="s">
        <v>177</v>
      </c>
      <c r="S303" t="s">
        <v>178</v>
      </c>
      <c r="T303" t="s">
        <v>175</v>
      </c>
      <c r="Y303" t="s">
        <v>224</v>
      </c>
      <c r="AC303" t="s">
        <v>199</v>
      </c>
      <c r="AD303" t="s">
        <v>175</v>
      </c>
      <c r="AE303" t="s">
        <v>175</v>
      </c>
      <c r="AF303" t="s">
        <v>175</v>
      </c>
      <c r="AG303" t="s">
        <v>175</v>
      </c>
      <c r="AH303" t="s">
        <v>175</v>
      </c>
      <c r="AI303" t="s">
        <v>175</v>
      </c>
      <c r="AJ303" t="s">
        <v>175</v>
      </c>
      <c r="AK303" t="s">
        <v>175</v>
      </c>
      <c r="AL303" t="s">
        <v>42</v>
      </c>
      <c r="AM303" s="1">
        <v>0</v>
      </c>
      <c r="AN303" s="1">
        <v>0</v>
      </c>
      <c r="AO303" t="s">
        <v>185</v>
      </c>
      <c r="AP303" t="s">
        <v>184</v>
      </c>
      <c r="AQ303" s="1">
        <v>0</v>
      </c>
      <c r="AR303" s="1">
        <v>0</v>
      </c>
      <c r="AS303" s="1">
        <v>0</v>
      </c>
      <c r="AT303" s="1">
        <v>0</v>
      </c>
      <c r="AU303" s="1">
        <v>0</v>
      </c>
      <c r="AV303" s="1">
        <v>0</v>
      </c>
      <c r="AX303" t="s">
        <v>186</v>
      </c>
      <c r="BF303" t="s">
        <v>210</v>
      </c>
      <c r="BG303" s="1">
        <v>0</v>
      </c>
      <c r="BH303" t="s">
        <v>211</v>
      </c>
      <c r="BK303" t="s">
        <v>191</v>
      </c>
      <c r="BL303" t="s">
        <v>3235</v>
      </c>
      <c r="BM303" t="s">
        <v>218</v>
      </c>
      <c r="BN303" t="s">
        <v>3236</v>
      </c>
      <c r="BO303" t="s">
        <v>218</v>
      </c>
      <c r="BP303" t="s">
        <v>3237</v>
      </c>
      <c r="BQ303" t="s">
        <v>3238</v>
      </c>
    </row>
    <row r="304" spans="1:69" x14ac:dyDescent="0.25">
      <c r="A304" s="1">
        <v>30448680</v>
      </c>
      <c r="B304" t="s">
        <v>3886</v>
      </c>
      <c r="C304" t="s">
        <v>39</v>
      </c>
      <c r="D304" t="s">
        <v>3727</v>
      </c>
      <c r="E304" t="s">
        <v>175</v>
      </c>
      <c r="L304" t="s">
        <v>52</v>
      </c>
      <c r="M304" s="1">
        <v>0</v>
      </c>
      <c r="N304" s="1">
        <v>0</v>
      </c>
      <c r="O304" t="s">
        <v>3728</v>
      </c>
      <c r="P304" t="s">
        <v>176</v>
      </c>
      <c r="Q304" t="s">
        <v>238</v>
      </c>
      <c r="S304" t="s">
        <v>178</v>
      </c>
      <c r="T304" t="s">
        <v>175</v>
      </c>
      <c r="X304" t="s">
        <v>179</v>
      </c>
      <c r="Z304" t="s">
        <v>244</v>
      </c>
      <c r="AC304" t="s">
        <v>199</v>
      </c>
      <c r="AD304" t="s">
        <v>175</v>
      </c>
      <c r="AE304" t="s">
        <v>181</v>
      </c>
      <c r="AF304" t="s">
        <v>181</v>
      </c>
      <c r="AG304" t="s">
        <v>175</v>
      </c>
      <c r="AH304" t="s">
        <v>175</v>
      </c>
      <c r="AI304" t="s">
        <v>175</v>
      </c>
      <c r="AJ304" t="s">
        <v>181</v>
      </c>
      <c r="AK304" t="s">
        <v>175</v>
      </c>
      <c r="AL304" t="s">
        <v>42</v>
      </c>
      <c r="AM304" t="s">
        <v>206</v>
      </c>
      <c r="AN304" t="s">
        <v>182</v>
      </c>
      <c r="AO304" t="s">
        <v>185</v>
      </c>
      <c r="AP304" t="s">
        <v>184</v>
      </c>
      <c r="AQ304" t="s">
        <v>202</v>
      </c>
      <c r="AR304" t="s">
        <v>204</v>
      </c>
      <c r="AS304" t="s">
        <v>203</v>
      </c>
      <c r="AT304" t="s">
        <v>183</v>
      </c>
      <c r="AU304" t="s">
        <v>201</v>
      </c>
      <c r="AV304" t="s">
        <v>205</v>
      </c>
      <c r="AW304" t="s">
        <v>3887</v>
      </c>
      <c r="AY304" t="s">
        <v>187</v>
      </c>
      <c r="AZ304" t="s">
        <v>207</v>
      </c>
      <c r="BA304" t="s">
        <v>188</v>
      </c>
      <c r="BB304" t="s">
        <v>208</v>
      </c>
      <c r="BF304" t="s">
        <v>189</v>
      </c>
      <c r="BG304" s="1">
        <v>0</v>
      </c>
      <c r="BH304" t="s">
        <v>190</v>
      </c>
      <c r="BK304" t="s">
        <v>191</v>
      </c>
      <c r="BL304" t="s">
        <v>3888</v>
      </c>
      <c r="BM304" t="s">
        <v>191</v>
      </c>
      <c r="BN304" t="s">
        <v>3889</v>
      </c>
      <c r="BO304" t="s">
        <v>218</v>
      </c>
      <c r="BP304" t="s">
        <v>3890</v>
      </c>
    </row>
    <row r="305" spans="1:69" x14ac:dyDescent="0.25">
      <c r="A305" s="1">
        <v>30448681</v>
      </c>
      <c r="B305" t="s">
        <v>3891</v>
      </c>
      <c r="C305" t="s">
        <v>39</v>
      </c>
      <c r="D305" t="s">
        <v>3727</v>
      </c>
      <c r="E305" t="s">
        <v>195</v>
      </c>
      <c r="L305" t="s">
        <v>52</v>
      </c>
      <c r="M305" s="1">
        <v>0</v>
      </c>
      <c r="N305" s="1">
        <v>0</v>
      </c>
      <c r="O305" t="s">
        <v>3728</v>
      </c>
      <c r="P305" t="s">
        <v>176</v>
      </c>
      <c r="Q305" t="s">
        <v>238</v>
      </c>
      <c r="S305" t="s">
        <v>178</v>
      </c>
      <c r="T305" t="s">
        <v>297</v>
      </c>
      <c r="U305" t="s">
        <v>3892</v>
      </c>
      <c r="Y305" t="s">
        <v>224</v>
      </c>
      <c r="AC305" t="s">
        <v>266</v>
      </c>
      <c r="AD305" t="s">
        <v>181</v>
      </c>
      <c r="AE305" t="s">
        <v>175</v>
      </c>
      <c r="AF305" t="s">
        <v>230</v>
      </c>
      <c r="AG305" t="s">
        <v>230</v>
      </c>
      <c r="AH305" t="s">
        <v>175</v>
      </c>
      <c r="AI305" t="s">
        <v>175</v>
      </c>
      <c r="AJ305" t="s">
        <v>181</v>
      </c>
      <c r="AK305" t="s">
        <v>181</v>
      </c>
      <c r="AL305" t="s">
        <v>42</v>
      </c>
      <c r="AM305" t="s">
        <v>185</v>
      </c>
      <c r="AN305" t="s">
        <v>184</v>
      </c>
      <c r="AO305" t="s">
        <v>182</v>
      </c>
      <c r="AP305" t="s">
        <v>203</v>
      </c>
      <c r="AQ305" t="s">
        <v>202</v>
      </c>
      <c r="AR305" t="s">
        <v>204</v>
      </c>
      <c r="AS305" t="s">
        <v>205</v>
      </c>
      <c r="AT305" t="s">
        <v>201</v>
      </c>
      <c r="AU305" t="s">
        <v>183</v>
      </c>
      <c r="AV305" t="s">
        <v>206</v>
      </c>
      <c r="AW305" t="s">
        <v>3893</v>
      </c>
      <c r="AX305" t="s">
        <v>186</v>
      </c>
      <c r="AY305" t="s">
        <v>187</v>
      </c>
      <c r="AZ305" t="s">
        <v>207</v>
      </c>
      <c r="BA305" t="s">
        <v>188</v>
      </c>
      <c r="BF305" t="s">
        <v>49</v>
      </c>
      <c r="BG305" s="1">
        <v>0</v>
      </c>
      <c r="BH305" t="s">
        <v>247</v>
      </c>
      <c r="BK305" t="s">
        <v>191</v>
      </c>
      <c r="BL305" t="s">
        <v>3894</v>
      </c>
      <c r="BM305" t="s">
        <v>191</v>
      </c>
      <c r="BN305" t="s">
        <v>3895</v>
      </c>
      <c r="BO305" t="s">
        <v>191</v>
      </c>
      <c r="BP305" t="s">
        <v>3896</v>
      </c>
      <c r="BQ305" t="s">
        <v>3897</v>
      </c>
    </row>
    <row r="306" spans="1:69" x14ac:dyDescent="0.25">
      <c r="A306" s="1">
        <v>30448683</v>
      </c>
      <c r="B306" t="s">
        <v>3898</v>
      </c>
      <c r="C306" t="s">
        <v>39</v>
      </c>
      <c r="D306" t="s">
        <v>3727</v>
      </c>
      <c r="E306" t="s">
        <v>175</v>
      </c>
      <c r="L306" t="s">
        <v>52</v>
      </c>
      <c r="M306" s="1">
        <v>0</v>
      </c>
      <c r="N306" s="1">
        <v>0</v>
      </c>
      <c r="O306" t="s">
        <v>3728</v>
      </c>
      <c r="P306" t="s">
        <v>176</v>
      </c>
      <c r="Q306" t="s">
        <v>177</v>
      </c>
      <c r="S306" t="s">
        <v>256</v>
      </c>
      <c r="T306" t="s">
        <v>175</v>
      </c>
      <c r="Y306" t="s">
        <v>224</v>
      </c>
      <c r="AC306" t="s">
        <v>180</v>
      </c>
      <c r="AD306" t="s">
        <v>175</v>
      </c>
      <c r="AE306" t="s">
        <v>175</v>
      </c>
      <c r="AF306" t="s">
        <v>181</v>
      </c>
      <c r="AG306" t="s">
        <v>175</v>
      </c>
      <c r="AH306" t="s">
        <v>200</v>
      </c>
      <c r="AI306" t="s">
        <v>175</v>
      </c>
      <c r="AJ306" t="s">
        <v>175</v>
      </c>
      <c r="AK306" t="s">
        <v>175</v>
      </c>
      <c r="AL306" t="s">
        <v>42</v>
      </c>
      <c r="AM306" t="s">
        <v>184</v>
      </c>
      <c r="AN306" t="s">
        <v>183</v>
      </c>
      <c r="AO306" t="s">
        <v>185</v>
      </c>
      <c r="AP306" t="s">
        <v>203</v>
      </c>
      <c r="AQ306" t="s">
        <v>182</v>
      </c>
      <c r="AR306" t="s">
        <v>204</v>
      </c>
      <c r="AS306" t="s">
        <v>205</v>
      </c>
      <c r="AT306" t="s">
        <v>206</v>
      </c>
      <c r="AU306" t="s">
        <v>202</v>
      </c>
      <c r="AV306" t="s">
        <v>201</v>
      </c>
      <c r="BF306" s="1">
        <v>0</v>
      </c>
      <c r="BG306" s="1">
        <v>0</v>
      </c>
      <c r="BH306" s="1">
        <v>0</v>
      </c>
      <c r="BK306" s="1">
        <v>0</v>
      </c>
      <c r="BM306" s="1">
        <v>0</v>
      </c>
      <c r="BO306" s="1">
        <v>0</v>
      </c>
    </row>
    <row r="307" spans="1:69" x14ac:dyDescent="0.25">
      <c r="A307" s="1">
        <v>30448684</v>
      </c>
      <c r="B307" t="s">
        <v>3239</v>
      </c>
      <c r="C307" t="s">
        <v>39</v>
      </c>
      <c r="D307" t="s">
        <v>3138</v>
      </c>
      <c r="E307" t="s">
        <v>175</v>
      </c>
      <c r="L307" t="s">
        <v>52</v>
      </c>
      <c r="M307" s="1">
        <v>0</v>
      </c>
      <c r="N307" s="1">
        <v>0</v>
      </c>
      <c r="O307" t="s">
        <v>3139</v>
      </c>
      <c r="P307" t="s">
        <v>176</v>
      </c>
      <c r="Q307" t="s">
        <v>238</v>
      </c>
      <c r="S307" t="s">
        <v>178</v>
      </c>
      <c r="T307" t="s">
        <v>175</v>
      </c>
      <c r="X307" t="s">
        <v>179</v>
      </c>
      <c r="Y307" t="s">
        <v>224</v>
      </c>
      <c r="AC307" t="s">
        <v>180</v>
      </c>
      <c r="AD307" t="s">
        <v>181</v>
      </c>
      <c r="AE307" t="s">
        <v>181</v>
      </c>
      <c r="AF307" t="s">
        <v>181</v>
      </c>
      <c r="AG307" t="s">
        <v>175</v>
      </c>
      <c r="AH307" t="s">
        <v>200</v>
      </c>
      <c r="AI307" t="s">
        <v>200</v>
      </c>
      <c r="AJ307" t="s">
        <v>200</v>
      </c>
      <c r="AK307" t="s">
        <v>175</v>
      </c>
      <c r="AL307" t="s">
        <v>52</v>
      </c>
      <c r="AM307" t="s">
        <v>184</v>
      </c>
      <c r="AN307" t="s">
        <v>183</v>
      </c>
      <c r="AO307" t="s">
        <v>206</v>
      </c>
      <c r="AP307" t="s">
        <v>185</v>
      </c>
      <c r="AQ307" t="s">
        <v>202</v>
      </c>
      <c r="AR307" t="s">
        <v>203</v>
      </c>
      <c r="AS307" t="s">
        <v>204</v>
      </c>
      <c r="AT307" t="s">
        <v>201</v>
      </c>
      <c r="AU307" t="s">
        <v>182</v>
      </c>
      <c r="AV307" t="s">
        <v>205</v>
      </c>
      <c r="AX307" t="s">
        <v>186</v>
      </c>
      <c r="AZ307" t="s">
        <v>207</v>
      </c>
      <c r="BC307" t="s">
        <v>209</v>
      </c>
      <c r="BF307" t="s">
        <v>49</v>
      </c>
      <c r="BG307" s="1">
        <v>0</v>
      </c>
      <c r="BH307" t="s">
        <v>211</v>
      </c>
      <c r="BK307" t="s">
        <v>191</v>
      </c>
      <c r="BL307" t="s">
        <v>2187</v>
      </c>
      <c r="BM307" t="s">
        <v>218</v>
      </c>
      <c r="BN307" t="s">
        <v>3240</v>
      </c>
      <c r="BO307" t="s">
        <v>218</v>
      </c>
      <c r="BP307" t="s">
        <v>3241</v>
      </c>
    </row>
    <row r="308" spans="1:69" x14ac:dyDescent="0.25">
      <c r="A308" s="1">
        <v>30448685</v>
      </c>
      <c r="B308" t="s">
        <v>3899</v>
      </c>
      <c r="C308" t="s">
        <v>39</v>
      </c>
      <c r="D308" t="s">
        <v>3727</v>
      </c>
      <c r="E308" t="s">
        <v>175</v>
      </c>
      <c r="L308" t="s">
        <v>52</v>
      </c>
      <c r="M308" s="1">
        <v>0</v>
      </c>
      <c r="N308" s="1">
        <v>0</v>
      </c>
      <c r="O308" t="s">
        <v>3728</v>
      </c>
      <c r="P308" t="s">
        <v>176</v>
      </c>
      <c r="Q308" t="s">
        <v>177</v>
      </c>
      <c r="S308" t="s">
        <v>178</v>
      </c>
      <c r="T308" t="s">
        <v>175</v>
      </c>
      <c r="Y308" t="s">
        <v>224</v>
      </c>
      <c r="AC308" t="s">
        <v>180</v>
      </c>
      <c r="AD308" t="s">
        <v>181</v>
      </c>
      <c r="AE308" t="s">
        <v>181</v>
      </c>
      <c r="AF308" t="s">
        <v>181</v>
      </c>
      <c r="AG308" t="s">
        <v>230</v>
      </c>
      <c r="AH308" t="s">
        <v>181</v>
      </c>
      <c r="AI308" t="s">
        <v>181</v>
      </c>
      <c r="AJ308" t="s">
        <v>181</v>
      </c>
      <c r="AK308" t="s">
        <v>181</v>
      </c>
      <c r="AL308" t="s">
        <v>42</v>
      </c>
      <c r="AM308" t="s">
        <v>203</v>
      </c>
      <c r="AN308" t="s">
        <v>206</v>
      </c>
      <c r="AO308" t="s">
        <v>202</v>
      </c>
      <c r="AP308" t="s">
        <v>201</v>
      </c>
      <c r="AQ308" t="s">
        <v>185</v>
      </c>
      <c r="AR308" t="s">
        <v>184</v>
      </c>
      <c r="AS308" t="s">
        <v>205</v>
      </c>
      <c r="AT308" t="s">
        <v>204</v>
      </c>
      <c r="AU308" t="s">
        <v>183</v>
      </c>
      <c r="AV308" t="s">
        <v>182</v>
      </c>
      <c r="AX308" t="s">
        <v>186</v>
      </c>
      <c r="AY308" t="s">
        <v>187</v>
      </c>
      <c r="AZ308" t="s">
        <v>207</v>
      </c>
      <c r="BA308" t="s">
        <v>188</v>
      </c>
      <c r="BF308" t="s">
        <v>232</v>
      </c>
      <c r="BG308" t="s">
        <v>301</v>
      </c>
      <c r="BH308" t="s">
        <v>302</v>
      </c>
      <c r="BI308" t="s">
        <v>3900</v>
      </c>
      <c r="BK308" t="s">
        <v>191</v>
      </c>
      <c r="BL308" t="s">
        <v>3901</v>
      </c>
      <c r="BM308" t="s">
        <v>191</v>
      </c>
      <c r="BO308" t="s">
        <v>191</v>
      </c>
      <c r="BP308" t="s">
        <v>3902</v>
      </c>
    </row>
    <row r="309" spans="1:69" x14ac:dyDescent="0.25">
      <c r="A309" s="1">
        <v>30448686</v>
      </c>
      <c r="B309" t="s">
        <v>3242</v>
      </c>
      <c r="C309" t="s">
        <v>39</v>
      </c>
      <c r="D309" t="s">
        <v>3138</v>
      </c>
      <c r="E309" t="s">
        <v>175</v>
      </c>
      <c r="L309" t="s">
        <v>52</v>
      </c>
      <c r="M309" s="1">
        <v>0</v>
      </c>
      <c r="N309" s="1">
        <v>0</v>
      </c>
      <c r="O309" t="s">
        <v>3139</v>
      </c>
      <c r="P309" t="s">
        <v>216</v>
      </c>
      <c r="Q309" t="s">
        <v>322</v>
      </c>
      <c r="S309" s="1">
        <v>0</v>
      </c>
      <c r="T309" t="s">
        <v>175</v>
      </c>
      <c r="Y309" t="s">
        <v>224</v>
      </c>
      <c r="AC309" t="s">
        <v>180</v>
      </c>
      <c r="AD309" t="s">
        <v>181</v>
      </c>
      <c r="AE309" t="s">
        <v>230</v>
      </c>
      <c r="AF309" t="s">
        <v>230</v>
      </c>
      <c r="AG309" t="s">
        <v>181</v>
      </c>
      <c r="AH309" t="s">
        <v>175</v>
      </c>
      <c r="AI309" t="s">
        <v>175</v>
      </c>
      <c r="AJ309" t="s">
        <v>175</v>
      </c>
      <c r="AK309" t="s">
        <v>181</v>
      </c>
      <c r="AL309" t="s">
        <v>52</v>
      </c>
      <c r="AM309" t="s">
        <v>201</v>
      </c>
      <c r="AN309" t="s">
        <v>184</v>
      </c>
      <c r="AO309" t="s">
        <v>183</v>
      </c>
      <c r="AP309" t="s">
        <v>202</v>
      </c>
      <c r="AQ309" t="s">
        <v>204</v>
      </c>
      <c r="AR309" t="s">
        <v>205</v>
      </c>
      <c r="AS309" t="s">
        <v>203</v>
      </c>
      <c r="AT309" t="s">
        <v>185</v>
      </c>
      <c r="AU309" t="s">
        <v>182</v>
      </c>
      <c r="AV309" t="s">
        <v>206</v>
      </c>
      <c r="AW309" t="s">
        <v>3243</v>
      </c>
      <c r="AY309" t="s">
        <v>187</v>
      </c>
      <c r="BA309" t="s">
        <v>188</v>
      </c>
      <c r="BC309" t="s">
        <v>209</v>
      </c>
      <c r="BF309" t="s">
        <v>49</v>
      </c>
      <c r="BG309" s="1">
        <v>0</v>
      </c>
      <c r="BH309" t="s">
        <v>211</v>
      </c>
      <c r="BK309" t="s">
        <v>191</v>
      </c>
      <c r="BL309" t="s">
        <v>3244</v>
      </c>
      <c r="BM309" t="s">
        <v>191</v>
      </c>
      <c r="BN309" t="s">
        <v>2379</v>
      </c>
      <c r="BO309" t="s">
        <v>218</v>
      </c>
      <c r="BP309" t="s">
        <v>3245</v>
      </c>
    </row>
    <row r="310" spans="1:69" x14ac:dyDescent="0.25">
      <c r="A310" s="1">
        <v>30448688</v>
      </c>
      <c r="B310" t="s">
        <v>384</v>
      </c>
      <c r="C310" t="s">
        <v>39</v>
      </c>
      <c r="D310" t="s">
        <v>174</v>
      </c>
      <c r="E310" t="s">
        <v>200</v>
      </c>
      <c r="L310" t="s">
        <v>52</v>
      </c>
      <c r="M310" s="1">
        <v>0</v>
      </c>
      <c r="N310" s="1">
        <v>0</v>
      </c>
      <c r="O310" t="s">
        <v>174</v>
      </c>
      <c r="P310" t="s">
        <v>176</v>
      </c>
      <c r="Q310" t="s">
        <v>238</v>
      </c>
      <c r="S310" t="s">
        <v>222</v>
      </c>
      <c r="T310" t="s">
        <v>200</v>
      </c>
      <c r="W310" t="s">
        <v>262</v>
      </c>
      <c r="Y310" t="s">
        <v>224</v>
      </c>
      <c r="Z310" t="s">
        <v>244</v>
      </c>
      <c r="AC310" t="s">
        <v>180</v>
      </c>
      <c r="AD310" s="1">
        <v>0</v>
      </c>
      <c r="AE310" s="1">
        <v>0</v>
      </c>
      <c r="AF310" s="1">
        <v>0</v>
      </c>
      <c r="AG310" s="1">
        <v>0</v>
      </c>
      <c r="AH310" s="1">
        <v>0</v>
      </c>
      <c r="AI310" s="1">
        <v>0</v>
      </c>
      <c r="AJ310" s="1">
        <v>0</v>
      </c>
      <c r="AK310" s="1">
        <v>0</v>
      </c>
      <c r="AL310" s="1">
        <v>0</v>
      </c>
      <c r="AM310" s="1">
        <v>0</v>
      </c>
      <c r="AN310" s="1">
        <v>0</v>
      </c>
      <c r="AO310" s="1">
        <v>0</v>
      </c>
      <c r="AP310" s="1">
        <v>0</v>
      </c>
      <c r="AQ310" s="1">
        <v>0</v>
      </c>
      <c r="AR310" s="1">
        <v>0</v>
      </c>
      <c r="AS310" s="1">
        <v>0</v>
      </c>
      <c r="AT310" s="1">
        <v>0</v>
      </c>
      <c r="AU310" s="1">
        <v>0</v>
      </c>
      <c r="AV310" s="1">
        <v>0</v>
      </c>
      <c r="BF310" s="1">
        <v>0</v>
      </c>
      <c r="BG310" s="1">
        <v>0</v>
      </c>
      <c r="BH310" s="1">
        <v>0</v>
      </c>
      <c r="BK310" s="1">
        <v>0</v>
      </c>
      <c r="BM310" s="1">
        <v>0</v>
      </c>
      <c r="BO310" s="1">
        <v>0</v>
      </c>
    </row>
    <row r="311" spans="1:69" x14ac:dyDescent="0.25">
      <c r="A311" s="1">
        <v>30448689</v>
      </c>
      <c r="B311" t="s">
        <v>1790</v>
      </c>
      <c r="C311" t="s">
        <v>39</v>
      </c>
      <c r="D311" t="s">
        <v>1616</v>
      </c>
      <c r="E311" t="s">
        <v>195</v>
      </c>
      <c r="L311" t="s">
        <v>52</v>
      </c>
      <c r="M311" s="1">
        <v>0</v>
      </c>
      <c r="N311" s="1">
        <v>0</v>
      </c>
      <c r="O311" t="s">
        <v>1616</v>
      </c>
      <c r="P311" t="s">
        <v>176</v>
      </c>
      <c r="Q311" t="s">
        <v>196</v>
      </c>
      <c r="S311" t="s">
        <v>315</v>
      </c>
      <c r="T311" t="s">
        <v>197</v>
      </c>
      <c r="U311" t="s">
        <v>1791</v>
      </c>
      <c r="Y311" t="s">
        <v>224</v>
      </c>
      <c r="AC311" t="s">
        <v>225</v>
      </c>
      <c r="AD311" t="s">
        <v>181</v>
      </c>
      <c r="AE311" t="s">
        <v>181</v>
      </c>
      <c r="AF311" t="s">
        <v>230</v>
      </c>
      <c r="AG311" t="s">
        <v>230</v>
      </c>
      <c r="AH311" t="s">
        <v>181</v>
      </c>
      <c r="AI311" t="s">
        <v>181</v>
      </c>
      <c r="AJ311" t="s">
        <v>175</v>
      </c>
      <c r="AK311" t="s">
        <v>181</v>
      </c>
      <c r="AL311" t="s">
        <v>42</v>
      </c>
      <c r="AM311" t="s">
        <v>182</v>
      </c>
      <c r="AN311" s="1">
        <v>0</v>
      </c>
      <c r="AO311" s="1">
        <v>0</v>
      </c>
      <c r="AP311" t="s">
        <v>185</v>
      </c>
      <c r="AQ311" s="1">
        <v>0</v>
      </c>
      <c r="AR311" s="1">
        <v>0</v>
      </c>
      <c r="AS311" s="1">
        <v>0</v>
      </c>
      <c r="AT311" s="1">
        <v>0</v>
      </c>
      <c r="AU311" s="1">
        <v>0</v>
      </c>
      <c r="AV311" t="s">
        <v>184</v>
      </c>
      <c r="AW311" t="s">
        <v>1792</v>
      </c>
      <c r="AZ311" t="s">
        <v>207</v>
      </c>
      <c r="BA311" t="s">
        <v>188</v>
      </c>
      <c r="BF311" t="s">
        <v>189</v>
      </c>
      <c r="BG311" s="1">
        <v>0</v>
      </c>
      <c r="BH311" t="s">
        <v>211</v>
      </c>
      <c r="BK311" t="s">
        <v>218</v>
      </c>
      <c r="BL311" t="s">
        <v>1793</v>
      </c>
      <c r="BM311" t="s">
        <v>218</v>
      </c>
      <c r="BN311" t="s">
        <v>1794</v>
      </c>
      <c r="BO311" t="s">
        <v>218</v>
      </c>
      <c r="BP311" t="s">
        <v>1795</v>
      </c>
      <c r="BQ311" t="s">
        <v>1796</v>
      </c>
    </row>
    <row r="312" spans="1:69" x14ac:dyDescent="0.25">
      <c r="A312" s="1">
        <v>30448690</v>
      </c>
      <c r="B312" t="s">
        <v>385</v>
      </c>
      <c r="C312" t="s">
        <v>39</v>
      </c>
      <c r="D312" t="s">
        <v>174</v>
      </c>
      <c r="E312" t="s">
        <v>200</v>
      </c>
      <c r="L312" t="s">
        <v>52</v>
      </c>
      <c r="M312" s="1">
        <v>0</v>
      </c>
      <c r="N312" s="1">
        <v>0</v>
      </c>
      <c r="O312" t="s">
        <v>174</v>
      </c>
      <c r="P312" t="s">
        <v>176</v>
      </c>
      <c r="Q312" t="s">
        <v>196</v>
      </c>
      <c r="S312" t="s">
        <v>178</v>
      </c>
      <c r="T312" t="s">
        <v>200</v>
      </c>
      <c r="Z312" t="s">
        <v>244</v>
      </c>
      <c r="AC312" t="s">
        <v>199</v>
      </c>
      <c r="AD312" t="s">
        <v>200</v>
      </c>
      <c r="AE312" t="s">
        <v>200</v>
      </c>
      <c r="AF312" t="s">
        <v>175</v>
      </c>
      <c r="AG312" t="s">
        <v>200</v>
      </c>
      <c r="AH312" t="s">
        <v>200</v>
      </c>
      <c r="AI312" t="s">
        <v>200</v>
      </c>
      <c r="AJ312" t="s">
        <v>175</v>
      </c>
      <c r="AK312" t="s">
        <v>200</v>
      </c>
      <c r="AL312" t="s">
        <v>52</v>
      </c>
      <c r="AM312" s="1">
        <v>0</v>
      </c>
      <c r="AN312" s="1">
        <v>0</v>
      </c>
      <c r="AO312" s="1">
        <v>0</v>
      </c>
      <c r="AP312" s="1">
        <v>0</v>
      </c>
      <c r="AQ312" s="1">
        <v>0</v>
      </c>
      <c r="AR312" s="1">
        <v>0</v>
      </c>
      <c r="AS312" s="1">
        <v>0</v>
      </c>
      <c r="AT312" s="1">
        <v>0</v>
      </c>
      <c r="AU312" s="1">
        <v>0</v>
      </c>
      <c r="AV312" s="1">
        <v>0</v>
      </c>
      <c r="BF312" s="1">
        <v>0</v>
      </c>
      <c r="BG312" s="1">
        <v>0</v>
      </c>
      <c r="BH312" s="1">
        <v>0</v>
      </c>
      <c r="BK312" s="1">
        <v>0</v>
      </c>
      <c r="BM312" s="1">
        <v>0</v>
      </c>
      <c r="BO312" s="1">
        <v>0</v>
      </c>
    </row>
    <row r="313" spans="1:69" x14ac:dyDescent="0.25">
      <c r="A313" s="1">
        <v>30448692</v>
      </c>
      <c r="B313" t="s">
        <v>386</v>
      </c>
      <c r="C313" t="s">
        <v>39</v>
      </c>
      <c r="D313" t="s">
        <v>174</v>
      </c>
      <c r="E313" t="s">
        <v>216</v>
      </c>
      <c r="L313" t="s">
        <v>52</v>
      </c>
      <c r="M313" s="1">
        <v>0</v>
      </c>
      <c r="N313" s="1">
        <v>0</v>
      </c>
      <c r="O313" t="s">
        <v>174</v>
      </c>
      <c r="P313" t="s">
        <v>216</v>
      </c>
      <c r="Q313" t="s">
        <v>328</v>
      </c>
      <c r="S313" s="1">
        <v>0</v>
      </c>
      <c r="T313" t="s">
        <v>197</v>
      </c>
      <c r="U313" t="s">
        <v>387</v>
      </c>
      <c r="W313" t="s">
        <v>262</v>
      </c>
      <c r="X313" t="s">
        <v>179</v>
      </c>
      <c r="Y313" t="s">
        <v>224</v>
      </c>
      <c r="AC313" t="s">
        <v>199</v>
      </c>
      <c r="AD313" t="s">
        <v>181</v>
      </c>
      <c r="AE313" t="s">
        <v>230</v>
      </c>
      <c r="AF313" t="s">
        <v>181</v>
      </c>
      <c r="AG313" t="s">
        <v>299</v>
      </c>
      <c r="AH313" t="s">
        <v>181</v>
      </c>
      <c r="AI313" t="s">
        <v>230</v>
      </c>
      <c r="AJ313" t="s">
        <v>181</v>
      </c>
      <c r="AK313" t="s">
        <v>230</v>
      </c>
      <c r="AL313" t="s">
        <v>42</v>
      </c>
      <c r="AM313" t="s">
        <v>185</v>
      </c>
      <c r="AN313" t="s">
        <v>204</v>
      </c>
      <c r="AO313" t="s">
        <v>205</v>
      </c>
      <c r="AP313" t="s">
        <v>201</v>
      </c>
      <c r="AQ313" t="s">
        <v>182</v>
      </c>
      <c r="AR313" t="s">
        <v>184</v>
      </c>
      <c r="AS313" t="s">
        <v>202</v>
      </c>
      <c r="AT313" t="s">
        <v>203</v>
      </c>
      <c r="AU313" t="s">
        <v>206</v>
      </c>
      <c r="AV313" t="s">
        <v>183</v>
      </c>
      <c r="AX313" t="s">
        <v>186</v>
      </c>
      <c r="AY313" t="s">
        <v>187</v>
      </c>
      <c r="AZ313" t="s">
        <v>207</v>
      </c>
      <c r="BA313" t="s">
        <v>188</v>
      </c>
      <c r="BB313" t="s">
        <v>208</v>
      </c>
      <c r="BC313" t="s">
        <v>209</v>
      </c>
      <c r="BF313" t="s">
        <v>189</v>
      </c>
      <c r="BG313" s="1">
        <v>0</v>
      </c>
      <c r="BH313" t="s">
        <v>247</v>
      </c>
      <c r="BK313" t="s">
        <v>191</v>
      </c>
      <c r="BM313" t="s">
        <v>191</v>
      </c>
      <c r="BO313" t="s">
        <v>191</v>
      </c>
    </row>
    <row r="314" spans="1:69" x14ac:dyDescent="0.25">
      <c r="A314" s="1">
        <v>30448695</v>
      </c>
      <c r="B314" t="s">
        <v>3246</v>
      </c>
      <c r="C314" t="s">
        <v>39</v>
      </c>
      <c r="D314" t="s">
        <v>3138</v>
      </c>
      <c r="E314" t="s">
        <v>175</v>
      </c>
      <c r="L314" t="s">
        <v>52</v>
      </c>
      <c r="M314" s="1">
        <v>0</v>
      </c>
      <c r="N314" s="1">
        <v>0</v>
      </c>
      <c r="O314" t="s">
        <v>3139</v>
      </c>
      <c r="P314" t="s">
        <v>216</v>
      </c>
      <c r="Q314" t="s">
        <v>322</v>
      </c>
      <c r="S314" s="1">
        <v>0</v>
      </c>
      <c r="T314" t="s">
        <v>175</v>
      </c>
      <c r="Z314" t="s">
        <v>244</v>
      </c>
      <c r="AC314" t="s">
        <v>180</v>
      </c>
      <c r="AD314" t="s">
        <v>175</v>
      </c>
      <c r="AE314" t="s">
        <v>175</v>
      </c>
      <c r="AF314" t="s">
        <v>181</v>
      </c>
      <c r="AG314" t="s">
        <v>175</v>
      </c>
      <c r="AH314" t="s">
        <v>200</v>
      </c>
      <c r="AI314" t="s">
        <v>200</v>
      </c>
      <c r="AJ314" t="s">
        <v>181</v>
      </c>
      <c r="AK314" t="s">
        <v>175</v>
      </c>
      <c r="AL314" t="s">
        <v>42</v>
      </c>
      <c r="AM314" s="1">
        <v>0</v>
      </c>
      <c r="AN314" s="1">
        <v>0</v>
      </c>
      <c r="AO314" s="1">
        <v>0</v>
      </c>
      <c r="AP314" s="1">
        <v>0</v>
      </c>
      <c r="AQ314" s="1">
        <v>0</v>
      </c>
      <c r="AR314" s="1">
        <v>0</v>
      </c>
      <c r="AS314" s="1">
        <v>0</v>
      </c>
      <c r="AT314" s="1">
        <v>0</v>
      </c>
      <c r="AU314" s="1">
        <v>0</v>
      </c>
      <c r="AV314" s="1">
        <v>0</v>
      </c>
      <c r="AW314" t="s">
        <v>3247</v>
      </c>
      <c r="AY314" t="s">
        <v>187</v>
      </c>
      <c r="AZ314" t="s">
        <v>207</v>
      </c>
      <c r="BF314" t="s">
        <v>210</v>
      </c>
      <c r="BG314" s="1">
        <v>0</v>
      </c>
      <c r="BH314" t="s">
        <v>247</v>
      </c>
      <c r="BK314" t="s">
        <v>191</v>
      </c>
      <c r="BM314" t="s">
        <v>218</v>
      </c>
      <c r="BO314" t="s">
        <v>218</v>
      </c>
    </row>
    <row r="315" spans="1:69" x14ac:dyDescent="0.25">
      <c r="A315" s="1">
        <v>30448698</v>
      </c>
      <c r="B315" t="s">
        <v>3248</v>
      </c>
      <c r="C315" t="s">
        <v>39</v>
      </c>
      <c r="D315" t="s">
        <v>3138</v>
      </c>
      <c r="E315" t="s">
        <v>200</v>
      </c>
      <c r="L315" t="s">
        <v>52</v>
      </c>
      <c r="M315" s="1">
        <v>0</v>
      </c>
      <c r="N315" s="1">
        <v>0</v>
      </c>
      <c r="O315" t="s">
        <v>3139</v>
      </c>
      <c r="P315" t="s">
        <v>176</v>
      </c>
      <c r="Q315" t="s">
        <v>238</v>
      </c>
      <c r="S315" t="s">
        <v>178</v>
      </c>
      <c r="T315" t="s">
        <v>200</v>
      </c>
      <c r="Y315" t="s">
        <v>224</v>
      </c>
      <c r="AC315" t="s">
        <v>180</v>
      </c>
      <c r="AD315" s="1">
        <v>0</v>
      </c>
      <c r="AE315" s="1">
        <v>0</v>
      </c>
      <c r="AF315" s="1">
        <v>0</v>
      </c>
      <c r="AG315" s="1">
        <v>0</v>
      </c>
      <c r="AH315" s="1">
        <v>0</v>
      </c>
      <c r="AI315" s="1">
        <v>0</v>
      </c>
      <c r="AJ315" s="1">
        <v>0</v>
      </c>
      <c r="AK315" s="1">
        <v>0</v>
      </c>
      <c r="AL315" s="1">
        <v>0</v>
      </c>
      <c r="AM315" s="1">
        <v>0</v>
      </c>
      <c r="AN315" s="1">
        <v>0</v>
      </c>
      <c r="AO315" s="1">
        <v>0</v>
      </c>
      <c r="AP315" s="1">
        <v>0</v>
      </c>
      <c r="AQ315" s="1">
        <v>0</v>
      </c>
      <c r="AR315" s="1">
        <v>0</v>
      </c>
      <c r="AS315" s="1">
        <v>0</v>
      </c>
      <c r="AT315" s="1">
        <v>0</v>
      </c>
      <c r="AU315" s="1">
        <v>0</v>
      </c>
      <c r="AV315" s="1">
        <v>0</v>
      </c>
      <c r="BF315" s="1">
        <v>0</v>
      </c>
      <c r="BG315" s="1">
        <v>0</v>
      </c>
      <c r="BH315" s="1">
        <v>0</v>
      </c>
      <c r="BK315" s="1">
        <v>0</v>
      </c>
      <c r="BM315" s="1">
        <v>0</v>
      </c>
      <c r="BO315" s="1">
        <v>0</v>
      </c>
    </row>
    <row r="316" spans="1:69" x14ac:dyDescent="0.25">
      <c r="A316" s="1">
        <v>30448699</v>
      </c>
      <c r="B316" t="s">
        <v>1081</v>
      </c>
      <c r="C316" t="s">
        <v>39</v>
      </c>
      <c r="D316" t="s">
        <v>942</v>
      </c>
      <c r="E316" t="s">
        <v>200</v>
      </c>
      <c r="L316" t="s">
        <v>52</v>
      </c>
      <c r="M316" s="1">
        <v>0</v>
      </c>
      <c r="N316" s="1">
        <v>0</v>
      </c>
      <c r="O316" t="s">
        <v>942</v>
      </c>
      <c r="P316" t="s">
        <v>216</v>
      </c>
      <c r="Q316" t="s">
        <v>177</v>
      </c>
      <c r="S316" s="1">
        <v>0</v>
      </c>
      <c r="T316" t="s">
        <v>200</v>
      </c>
      <c r="W316" t="s">
        <v>262</v>
      </c>
      <c r="AC316" t="s">
        <v>199</v>
      </c>
      <c r="AD316" t="s">
        <v>175</v>
      </c>
      <c r="AE316" t="s">
        <v>175</v>
      </c>
      <c r="AF316" t="s">
        <v>181</v>
      </c>
      <c r="AG316" t="s">
        <v>181</v>
      </c>
      <c r="AH316" t="s">
        <v>200</v>
      </c>
      <c r="AI316" t="s">
        <v>200</v>
      </c>
      <c r="AJ316" t="s">
        <v>200</v>
      </c>
      <c r="AK316" t="s">
        <v>175</v>
      </c>
      <c r="AL316" t="s">
        <v>42</v>
      </c>
      <c r="AM316" t="s">
        <v>183</v>
      </c>
      <c r="AN316" t="s">
        <v>201</v>
      </c>
      <c r="AO316" t="s">
        <v>184</v>
      </c>
      <c r="AP316" t="s">
        <v>185</v>
      </c>
      <c r="AQ316" t="s">
        <v>202</v>
      </c>
      <c r="AR316" t="s">
        <v>203</v>
      </c>
      <c r="AS316" t="s">
        <v>204</v>
      </c>
      <c r="AT316" t="s">
        <v>206</v>
      </c>
      <c r="AU316" t="s">
        <v>205</v>
      </c>
      <c r="AV316" t="s">
        <v>182</v>
      </c>
      <c r="AW316" t="s">
        <v>1082</v>
      </c>
      <c r="AX316" t="s">
        <v>186</v>
      </c>
      <c r="AZ316" t="s">
        <v>207</v>
      </c>
      <c r="BF316" t="s">
        <v>210</v>
      </c>
      <c r="BG316" s="1">
        <v>0</v>
      </c>
      <c r="BH316" t="s">
        <v>247</v>
      </c>
      <c r="BK316" t="s">
        <v>191</v>
      </c>
      <c r="BL316" t="s">
        <v>1083</v>
      </c>
      <c r="BM316" t="s">
        <v>191</v>
      </c>
      <c r="BN316" t="s">
        <v>1084</v>
      </c>
      <c r="BO316" t="s">
        <v>218</v>
      </c>
      <c r="BP316" t="s">
        <v>1085</v>
      </c>
      <c r="BQ316" t="s">
        <v>1086</v>
      </c>
    </row>
    <row r="317" spans="1:69" x14ac:dyDescent="0.25">
      <c r="A317" s="1">
        <v>30448703</v>
      </c>
      <c r="B317" t="s">
        <v>3249</v>
      </c>
      <c r="C317" t="s">
        <v>39</v>
      </c>
      <c r="D317" t="s">
        <v>3138</v>
      </c>
      <c r="E317" t="s">
        <v>175</v>
      </c>
      <c r="L317" t="s">
        <v>52</v>
      </c>
      <c r="M317" s="1">
        <v>0</v>
      </c>
      <c r="N317" s="1">
        <v>0</v>
      </c>
      <c r="O317" t="s">
        <v>3139</v>
      </c>
      <c r="P317" t="s">
        <v>216</v>
      </c>
      <c r="Q317" t="s">
        <v>322</v>
      </c>
      <c r="S317" s="1">
        <v>0</v>
      </c>
      <c r="T317" t="s">
        <v>175</v>
      </c>
      <c r="Y317" t="s">
        <v>224</v>
      </c>
      <c r="AC317" t="s">
        <v>199</v>
      </c>
      <c r="AD317" t="s">
        <v>175</v>
      </c>
      <c r="AE317" t="s">
        <v>181</v>
      </c>
      <c r="AF317" t="s">
        <v>181</v>
      </c>
      <c r="AG317" t="s">
        <v>181</v>
      </c>
      <c r="AH317" t="s">
        <v>175</v>
      </c>
      <c r="AI317" t="s">
        <v>181</v>
      </c>
      <c r="AJ317" t="s">
        <v>175</v>
      </c>
      <c r="AK317" t="s">
        <v>181</v>
      </c>
      <c r="AL317" t="s">
        <v>52</v>
      </c>
      <c r="AM317" s="1">
        <v>0</v>
      </c>
      <c r="AN317" s="1">
        <v>0</v>
      </c>
      <c r="AO317" t="s">
        <v>182</v>
      </c>
      <c r="AP317" s="1">
        <v>0</v>
      </c>
      <c r="AQ317" t="s">
        <v>184</v>
      </c>
      <c r="AR317" t="s">
        <v>185</v>
      </c>
      <c r="AS317" s="1">
        <v>0</v>
      </c>
      <c r="AT317" s="1">
        <v>0</v>
      </c>
      <c r="AU317" s="1">
        <v>0</v>
      </c>
      <c r="AV317" s="1">
        <v>0</v>
      </c>
      <c r="AW317" t="s">
        <v>3250</v>
      </c>
      <c r="AY317" t="s">
        <v>187</v>
      </c>
      <c r="AZ317" t="s">
        <v>207</v>
      </c>
      <c r="BA317" t="s">
        <v>188</v>
      </c>
      <c r="BB317" t="s">
        <v>208</v>
      </c>
      <c r="BF317" t="s">
        <v>232</v>
      </c>
      <c r="BG317" t="s">
        <v>301</v>
      </c>
      <c r="BH317" t="s">
        <v>211</v>
      </c>
      <c r="BK317" t="s">
        <v>191</v>
      </c>
      <c r="BL317" t="s">
        <v>3251</v>
      </c>
      <c r="BM317" t="s">
        <v>218</v>
      </c>
      <c r="BN317" t="s">
        <v>3252</v>
      </c>
      <c r="BO317" s="1">
        <v>0</v>
      </c>
      <c r="BP317" t="s">
        <v>3253</v>
      </c>
      <c r="BQ317" t="s">
        <v>3254</v>
      </c>
    </row>
    <row r="318" spans="1:69" x14ac:dyDescent="0.25">
      <c r="A318" s="1">
        <v>30448705</v>
      </c>
      <c r="B318" t="s">
        <v>3903</v>
      </c>
      <c r="C318" t="s">
        <v>39</v>
      </c>
      <c r="D318" t="s">
        <v>3727</v>
      </c>
      <c r="E318" t="s">
        <v>200</v>
      </c>
      <c r="L318" t="s">
        <v>52</v>
      </c>
      <c r="M318" s="1">
        <v>0</v>
      </c>
      <c r="N318" s="1">
        <v>0</v>
      </c>
      <c r="O318" t="s">
        <v>3728</v>
      </c>
      <c r="P318" t="s">
        <v>216</v>
      </c>
      <c r="Q318" t="s">
        <v>322</v>
      </c>
      <c r="S318" s="1">
        <v>0</v>
      </c>
      <c r="T318" t="s">
        <v>200</v>
      </c>
      <c r="AC318" t="s">
        <v>225</v>
      </c>
      <c r="AD318" t="s">
        <v>175</v>
      </c>
      <c r="AE318" t="s">
        <v>175</v>
      </c>
      <c r="AF318" t="s">
        <v>175</v>
      </c>
      <c r="AG318" t="s">
        <v>181</v>
      </c>
      <c r="AH318" t="s">
        <v>175</v>
      </c>
      <c r="AI318" t="s">
        <v>175</v>
      </c>
      <c r="AJ318" t="s">
        <v>175</v>
      </c>
      <c r="AK318" t="s">
        <v>181</v>
      </c>
      <c r="AL318" t="s">
        <v>42</v>
      </c>
      <c r="AM318" t="s">
        <v>185</v>
      </c>
      <c r="AN318" s="1">
        <v>0</v>
      </c>
      <c r="AO318" s="1">
        <v>0</v>
      </c>
      <c r="AP318" s="1">
        <v>0</v>
      </c>
      <c r="AQ318" t="s">
        <v>184</v>
      </c>
      <c r="AR318" s="1">
        <v>0</v>
      </c>
      <c r="AS318" s="1">
        <v>0</v>
      </c>
      <c r="AT318" s="1">
        <v>0</v>
      </c>
      <c r="AU318" s="1">
        <v>0</v>
      </c>
      <c r="AV318" s="1">
        <v>0</v>
      </c>
      <c r="BA318" t="s">
        <v>188</v>
      </c>
      <c r="BB318" t="s">
        <v>208</v>
      </c>
      <c r="BF318" t="s">
        <v>210</v>
      </c>
      <c r="BG318" s="1">
        <v>0</v>
      </c>
      <c r="BH318" t="s">
        <v>211</v>
      </c>
      <c r="BK318" t="s">
        <v>191</v>
      </c>
      <c r="BL318" t="s">
        <v>3853</v>
      </c>
      <c r="BM318" t="s">
        <v>218</v>
      </c>
      <c r="BN318" t="s">
        <v>3904</v>
      </c>
      <c r="BO318" t="s">
        <v>191</v>
      </c>
      <c r="BP318" t="s">
        <v>3853</v>
      </c>
      <c r="BQ318" t="s">
        <v>3905</v>
      </c>
    </row>
    <row r="319" spans="1:69" x14ac:dyDescent="0.25">
      <c r="A319" s="1">
        <v>30448706</v>
      </c>
      <c r="B319" t="s">
        <v>1797</v>
      </c>
      <c r="C319" t="s">
        <v>39</v>
      </c>
      <c r="D319" t="s">
        <v>1616</v>
      </c>
      <c r="E319" t="s">
        <v>195</v>
      </c>
      <c r="L319" t="s">
        <v>52</v>
      </c>
      <c r="M319" s="1">
        <v>0</v>
      </c>
      <c r="N319" s="1">
        <v>0</v>
      </c>
      <c r="O319" t="s">
        <v>1616</v>
      </c>
      <c r="P319" t="s">
        <v>176</v>
      </c>
      <c r="Q319" t="s">
        <v>177</v>
      </c>
      <c r="S319" t="s">
        <v>222</v>
      </c>
      <c r="T319" t="s">
        <v>197</v>
      </c>
      <c r="U319" t="s">
        <v>1798</v>
      </c>
      <c r="W319" t="s">
        <v>262</v>
      </c>
      <c r="Y319" t="s">
        <v>224</v>
      </c>
      <c r="AC319" t="s">
        <v>180</v>
      </c>
      <c r="AD319" t="s">
        <v>181</v>
      </c>
      <c r="AE319" t="s">
        <v>181</v>
      </c>
      <c r="AF319" t="s">
        <v>230</v>
      </c>
      <c r="AG319" t="s">
        <v>181</v>
      </c>
      <c r="AH319" t="s">
        <v>175</v>
      </c>
      <c r="AI319" t="s">
        <v>175</v>
      </c>
      <c r="AJ319" t="s">
        <v>230</v>
      </c>
      <c r="AK319" t="s">
        <v>181</v>
      </c>
      <c r="AL319" t="s">
        <v>52</v>
      </c>
      <c r="AM319" t="s">
        <v>183</v>
      </c>
      <c r="AN319" t="s">
        <v>201</v>
      </c>
      <c r="AO319" t="s">
        <v>182</v>
      </c>
      <c r="AP319" t="s">
        <v>184</v>
      </c>
      <c r="AQ319" t="s">
        <v>203</v>
      </c>
      <c r="AR319" t="s">
        <v>202</v>
      </c>
      <c r="AS319" t="s">
        <v>185</v>
      </c>
      <c r="AT319" t="s">
        <v>204</v>
      </c>
      <c r="AU319" t="s">
        <v>205</v>
      </c>
      <c r="AV319" t="s">
        <v>206</v>
      </c>
      <c r="AX319" t="s">
        <v>186</v>
      </c>
      <c r="AZ319" t="s">
        <v>207</v>
      </c>
      <c r="BC319" t="s">
        <v>209</v>
      </c>
      <c r="BF319" t="s">
        <v>232</v>
      </c>
      <c r="BG319" t="s">
        <v>233</v>
      </c>
      <c r="BH319" t="s">
        <v>211</v>
      </c>
      <c r="BK319" t="s">
        <v>191</v>
      </c>
      <c r="BL319" t="s">
        <v>1799</v>
      </c>
      <c r="BM319" t="s">
        <v>191</v>
      </c>
      <c r="BN319" t="s">
        <v>401</v>
      </c>
      <c r="BO319" s="1">
        <v>0</v>
      </c>
      <c r="BP319" t="s">
        <v>1800</v>
      </c>
    </row>
    <row r="320" spans="1:69" x14ac:dyDescent="0.25">
      <c r="A320" s="1">
        <v>30448707</v>
      </c>
      <c r="B320" t="s">
        <v>2612</v>
      </c>
      <c r="C320" t="s">
        <v>39</v>
      </c>
      <c r="D320" t="s">
        <v>2512</v>
      </c>
      <c r="E320" t="s">
        <v>175</v>
      </c>
      <c r="L320" t="s">
        <v>52</v>
      </c>
      <c r="M320" s="1">
        <v>0</v>
      </c>
      <c r="N320" s="1">
        <v>0</v>
      </c>
      <c r="O320" t="s">
        <v>2512</v>
      </c>
      <c r="P320" t="s">
        <v>216</v>
      </c>
      <c r="Q320" t="s">
        <v>258</v>
      </c>
      <c r="S320" s="1">
        <v>0</v>
      </c>
      <c r="T320" t="s">
        <v>175</v>
      </c>
      <c r="X320" t="s">
        <v>179</v>
      </c>
      <c r="AC320" t="s">
        <v>180</v>
      </c>
      <c r="AD320" t="s">
        <v>175</v>
      </c>
      <c r="AE320" t="s">
        <v>175</v>
      </c>
      <c r="AF320" t="s">
        <v>175</v>
      </c>
      <c r="AG320" t="s">
        <v>175</v>
      </c>
      <c r="AH320" t="s">
        <v>200</v>
      </c>
      <c r="AI320" t="s">
        <v>175</v>
      </c>
      <c r="AJ320" t="s">
        <v>200</v>
      </c>
      <c r="AK320" t="s">
        <v>200</v>
      </c>
      <c r="AL320" t="s">
        <v>42</v>
      </c>
      <c r="AM320" t="s">
        <v>185</v>
      </c>
      <c r="AN320" t="s">
        <v>182</v>
      </c>
      <c r="AO320" s="1">
        <v>0</v>
      </c>
      <c r="AP320" t="s">
        <v>183</v>
      </c>
      <c r="AQ320" t="s">
        <v>184</v>
      </c>
      <c r="AR320" s="1">
        <v>0</v>
      </c>
      <c r="AS320" s="1">
        <v>0</v>
      </c>
      <c r="AT320" s="1">
        <v>0</v>
      </c>
      <c r="AU320" s="1">
        <v>0</v>
      </c>
      <c r="AV320" s="1">
        <v>0</v>
      </c>
      <c r="AX320" t="s">
        <v>186</v>
      </c>
      <c r="AY320" t="s">
        <v>187</v>
      </c>
      <c r="AZ320" t="s">
        <v>207</v>
      </c>
      <c r="BA320" t="s">
        <v>188</v>
      </c>
      <c r="BC320" t="s">
        <v>209</v>
      </c>
      <c r="BF320" t="s">
        <v>49</v>
      </c>
      <c r="BG320" s="1">
        <v>0</v>
      </c>
      <c r="BH320" t="s">
        <v>247</v>
      </c>
      <c r="BK320" t="s">
        <v>191</v>
      </c>
      <c r="BL320" t="s">
        <v>2613</v>
      </c>
      <c r="BM320" t="s">
        <v>191</v>
      </c>
      <c r="BN320" t="s">
        <v>1093</v>
      </c>
      <c r="BO320" t="s">
        <v>191</v>
      </c>
      <c r="BP320" t="s">
        <v>2614</v>
      </c>
    </row>
    <row r="321" spans="1:69" x14ac:dyDescent="0.25">
      <c r="A321" s="1">
        <v>30448709</v>
      </c>
      <c r="B321" t="s">
        <v>3126</v>
      </c>
      <c r="C321" t="s">
        <v>39</v>
      </c>
      <c r="D321" t="s">
        <v>3125</v>
      </c>
      <c r="L321" t="s">
        <v>52</v>
      </c>
      <c r="M321" s="1">
        <v>0</v>
      </c>
      <c r="N321" s="1">
        <v>0</v>
      </c>
      <c r="O321" t="s">
        <v>49</v>
      </c>
      <c r="P321" s="1">
        <v>0</v>
      </c>
      <c r="Q321" s="1">
        <v>0</v>
      </c>
      <c r="S321" s="1">
        <v>0</v>
      </c>
      <c r="T321" s="1">
        <v>0</v>
      </c>
      <c r="AC321" s="1">
        <v>0</v>
      </c>
      <c r="AD321" s="1">
        <v>0</v>
      </c>
      <c r="AE321" s="1">
        <v>0</v>
      </c>
      <c r="AF321" s="1">
        <v>0</v>
      </c>
      <c r="AG321" s="1">
        <v>0</v>
      </c>
      <c r="AH321" s="1">
        <v>0</v>
      </c>
      <c r="AI321" s="1">
        <v>0</v>
      </c>
      <c r="AJ321" s="1">
        <v>0</v>
      </c>
      <c r="AK321" s="1">
        <v>0</v>
      </c>
      <c r="AL321" s="1">
        <v>0</v>
      </c>
      <c r="AM321" s="1">
        <v>0</v>
      </c>
      <c r="AN321" s="1">
        <v>0</v>
      </c>
      <c r="AO321" s="1">
        <v>0</v>
      </c>
      <c r="AP321" s="1">
        <v>0</v>
      </c>
      <c r="AQ321" s="1">
        <v>0</v>
      </c>
      <c r="AR321" s="1">
        <v>0</v>
      </c>
      <c r="AS321" s="1">
        <v>0</v>
      </c>
      <c r="AT321" s="1">
        <v>0</v>
      </c>
      <c r="AU321" s="1">
        <v>0</v>
      </c>
      <c r="AV321" s="1">
        <v>0</v>
      </c>
      <c r="BF321" s="1">
        <v>0</v>
      </c>
      <c r="BG321" s="1">
        <v>0</v>
      </c>
      <c r="BH321" s="1">
        <v>0</v>
      </c>
      <c r="BK321" s="1">
        <v>0</v>
      </c>
      <c r="BM321" s="1">
        <v>0</v>
      </c>
      <c r="BO321" s="1">
        <v>0</v>
      </c>
    </row>
    <row r="322" spans="1:69" x14ac:dyDescent="0.25">
      <c r="A322" s="1">
        <v>30448711</v>
      </c>
      <c r="B322" t="s">
        <v>3906</v>
      </c>
      <c r="C322" t="s">
        <v>39</v>
      </c>
      <c r="D322" t="s">
        <v>3727</v>
      </c>
      <c r="E322" t="s">
        <v>200</v>
      </c>
      <c r="L322" t="s">
        <v>52</v>
      </c>
      <c r="M322" s="1">
        <v>0</v>
      </c>
      <c r="N322" s="1">
        <v>0</v>
      </c>
      <c r="O322" t="s">
        <v>3728</v>
      </c>
      <c r="P322" t="s">
        <v>176</v>
      </c>
      <c r="Q322" t="s">
        <v>177</v>
      </c>
      <c r="S322" t="s">
        <v>178</v>
      </c>
      <c r="T322" t="s">
        <v>200</v>
      </c>
      <c r="AA322" t="s">
        <v>273</v>
      </c>
      <c r="AB322" t="s">
        <v>1121</v>
      </c>
      <c r="AC322" t="s">
        <v>180</v>
      </c>
      <c r="AD322" t="s">
        <v>200</v>
      </c>
      <c r="AE322" t="s">
        <v>200</v>
      </c>
      <c r="AF322" t="s">
        <v>200</v>
      </c>
      <c r="AG322" t="s">
        <v>200</v>
      </c>
      <c r="AH322" t="s">
        <v>200</v>
      </c>
      <c r="AI322" t="s">
        <v>200</v>
      </c>
      <c r="AJ322" t="s">
        <v>200</v>
      </c>
      <c r="AK322" t="s">
        <v>200</v>
      </c>
      <c r="AL322" t="s">
        <v>42</v>
      </c>
      <c r="AM322" t="s">
        <v>201</v>
      </c>
      <c r="AN322" s="1">
        <v>0</v>
      </c>
      <c r="AO322" t="s">
        <v>185</v>
      </c>
      <c r="AP322" t="s">
        <v>184</v>
      </c>
      <c r="AQ322" t="s">
        <v>182</v>
      </c>
      <c r="AR322" t="s">
        <v>183</v>
      </c>
      <c r="AS322" s="1">
        <v>0</v>
      </c>
      <c r="AT322" s="1">
        <v>0</v>
      </c>
      <c r="AU322" s="1">
        <v>0</v>
      </c>
      <c r="AV322" s="1">
        <v>0</v>
      </c>
      <c r="AY322" t="s">
        <v>187</v>
      </c>
      <c r="AZ322" t="s">
        <v>207</v>
      </c>
      <c r="BB322" t="s">
        <v>208</v>
      </c>
      <c r="BF322" t="s">
        <v>210</v>
      </c>
      <c r="BG322" s="1">
        <v>0</v>
      </c>
      <c r="BH322" t="s">
        <v>247</v>
      </c>
      <c r="BK322" t="s">
        <v>191</v>
      </c>
      <c r="BL322" t="s">
        <v>518</v>
      </c>
      <c r="BM322" t="s">
        <v>191</v>
      </c>
      <c r="BN322" t="s">
        <v>3907</v>
      </c>
      <c r="BO322" t="s">
        <v>191</v>
      </c>
      <c r="BP322" t="s">
        <v>518</v>
      </c>
      <c r="BQ322" t="s">
        <v>3908</v>
      </c>
    </row>
    <row r="323" spans="1:69" x14ac:dyDescent="0.25">
      <c r="A323" s="1">
        <v>30448712</v>
      </c>
      <c r="B323" t="s">
        <v>1087</v>
      </c>
      <c r="C323" t="s">
        <v>39</v>
      </c>
      <c r="D323" t="s">
        <v>942</v>
      </c>
      <c r="E323" t="s">
        <v>175</v>
      </c>
      <c r="L323" t="s">
        <v>52</v>
      </c>
      <c r="M323" s="1">
        <v>0</v>
      </c>
      <c r="N323" s="1">
        <v>0</v>
      </c>
      <c r="O323" t="s">
        <v>942</v>
      </c>
      <c r="P323" t="s">
        <v>176</v>
      </c>
      <c r="Q323" t="s">
        <v>177</v>
      </c>
      <c r="S323" t="s">
        <v>178</v>
      </c>
      <c r="T323" t="s">
        <v>175</v>
      </c>
      <c r="Y323" t="s">
        <v>224</v>
      </c>
      <c r="AC323" t="s">
        <v>49</v>
      </c>
      <c r="AD323" t="s">
        <v>181</v>
      </c>
      <c r="AE323" t="s">
        <v>181</v>
      </c>
      <c r="AF323" t="s">
        <v>181</v>
      </c>
      <c r="AG323" t="s">
        <v>181</v>
      </c>
      <c r="AH323" t="s">
        <v>230</v>
      </c>
      <c r="AI323" t="s">
        <v>230</v>
      </c>
      <c r="AJ323" t="s">
        <v>230</v>
      </c>
      <c r="AK323" t="s">
        <v>230</v>
      </c>
      <c r="AL323" t="s">
        <v>52</v>
      </c>
      <c r="AM323" t="s">
        <v>185</v>
      </c>
      <c r="AN323" t="s">
        <v>204</v>
      </c>
      <c r="AO323" t="s">
        <v>206</v>
      </c>
      <c r="AP323" t="s">
        <v>184</v>
      </c>
      <c r="AQ323" t="s">
        <v>202</v>
      </c>
      <c r="AR323" t="s">
        <v>203</v>
      </c>
      <c r="AS323" t="s">
        <v>182</v>
      </c>
      <c r="AT323" t="s">
        <v>183</v>
      </c>
      <c r="AU323" t="s">
        <v>201</v>
      </c>
      <c r="AV323" t="s">
        <v>205</v>
      </c>
      <c r="AY323" t="s">
        <v>187</v>
      </c>
      <c r="BA323" t="s">
        <v>188</v>
      </c>
      <c r="BC323" t="s">
        <v>209</v>
      </c>
      <c r="BF323" t="s">
        <v>232</v>
      </c>
      <c r="BG323" t="s">
        <v>301</v>
      </c>
      <c r="BH323" s="1">
        <v>0</v>
      </c>
      <c r="BK323" t="s">
        <v>191</v>
      </c>
      <c r="BM323" t="s">
        <v>218</v>
      </c>
      <c r="BO323" t="s">
        <v>218</v>
      </c>
    </row>
    <row r="324" spans="1:69" x14ac:dyDescent="0.25">
      <c r="A324" s="1">
        <v>30448713</v>
      </c>
      <c r="B324" t="s">
        <v>3909</v>
      </c>
      <c r="C324" t="s">
        <v>39</v>
      </c>
      <c r="D324" t="s">
        <v>3727</v>
      </c>
      <c r="E324" t="s">
        <v>216</v>
      </c>
      <c r="L324" t="s">
        <v>52</v>
      </c>
      <c r="M324" s="1">
        <v>0</v>
      </c>
      <c r="N324" s="1">
        <v>0</v>
      </c>
      <c r="O324" t="s">
        <v>3728</v>
      </c>
      <c r="P324" t="s">
        <v>216</v>
      </c>
      <c r="Q324" t="s">
        <v>177</v>
      </c>
      <c r="S324" s="1">
        <v>0</v>
      </c>
      <c r="T324" t="s">
        <v>197</v>
      </c>
      <c r="U324" t="s">
        <v>3910</v>
      </c>
      <c r="Y324" t="s">
        <v>224</v>
      </c>
      <c r="AC324" t="s">
        <v>199</v>
      </c>
      <c r="AD324" t="s">
        <v>175</v>
      </c>
      <c r="AE324" t="s">
        <v>175</v>
      </c>
      <c r="AF324" t="s">
        <v>175</v>
      </c>
      <c r="AG324" t="s">
        <v>175</v>
      </c>
      <c r="AH324" t="s">
        <v>175</v>
      </c>
      <c r="AI324" t="s">
        <v>175</v>
      </c>
      <c r="AJ324" t="s">
        <v>175</v>
      </c>
      <c r="AK324" t="s">
        <v>175</v>
      </c>
      <c r="AL324" t="s">
        <v>52</v>
      </c>
      <c r="AM324" t="s">
        <v>206</v>
      </c>
      <c r="AN324" t="s">
        <v>205</v>
      </c>
      <c r="AO324" t="s">
        <v>201</v>
      </c>
      <c r="AP324" t="s">
        <v>203</v>
      </c>
      <c r="AQ324" t="s">
        <v>185</v>
      </c>
      <c r="AR324" t="s">
        <v>182</v>
      </c>
      <c r="AS324" t="s">
        <v>204</v>
      </c>
      <c r="AT324" t="s">
        <v>184</v>
      </c>
      <c r="AU324" t="s">
        <v>183</v>
      </c>
      <c r="AV324" t="s">
        <v>202</v>
      </c>
      <c r="AZ324" t="s">
        <v>207</v>
      </c>
      <c r="BB324" t="s">
        <v>208</v>
      </c>
      <c r="BF324" t="s">
        <v>210</v>
      </c>
      <c r="BG324" s="1">
        <v>0</v>
      </c>
      <c r="BH324" t="s">
        <v>211</v>
      </c>
      <c r="BK324" t="s">
        <v>191</v>
      </c>
      <c r="BM324" t="s">
        <v>218</v>
      </c>
      <c r="BO324" t="s">
        <v>218</v>
      </c>
    </row>
    <row r="325" spans="1:69" x14ac:dyDescent="0.25">
      <c r="A325" s="1">
        <v>30448714</v>
      </c>
      <c r="B325" t="s">
        <v>2615</v>
      </c>
      <c r="C325" t="s">
        <v>39</v>
      </c>
      <c r="D325" t="s">
        <v>2512</v>
      </c>
      <c r="E325" t="s">
        <v>216</v>
      </c>
      <c r="L325" t="s">
        <v>52</v>
      </c>
      <c r="M325" s="1">
        <v>0</v>
      </c>
      <c r="N325" s="1">
        <v>0</v>
      </c>
      <c r="O325" t="s">
        <v>2512</v>
      </c>
      <c r="P325" t="s">
        <v>216</v>
      </c>
      <c r="Q325" t="s">
        <v>322</v>
      </c>
      <c r="S325" s="1">
        <v>0</v>
      </c>
      <c r="T325" t="s">
        <v>197</v>
      </c>
      <c r="X325" t="s">
        <v>179</v>
      </c>
      <c r="AC325" t="s">
        <v>199</v>
      </c>
      <c r="AD325" t="s">
        <v>175</v>
      </c>
      <c r="AE325" t="s">
        <v>175</v>
      </c>
      <c r="AF325" t="s">
        <v>175</v>
      </c>
      <c r="AG325" t="s">
        <v>175</v>
      </c>
      <c r="AH325" t="s">
        <v>175</v>
      </c>
      <c r="AI325" t="s">
        <v>175</v>
      </c>
      <c r="AJ325" t="s">
        <v>175</v>
      </c>
      <c r="AK325" t="s">
        <v>175</v>
      </c>
      <c r="AL325" t="s">
        <v>49</v>
      </c>
      <c r="AM325" s="1">
        <v>0</v>
      </c>
      <c r="AN325" t="s">
        <v>185</v>
      </c>
      <c r="AO325" s="1">
        <v>0</v>
      </c>
      <c r="AP325" t="s">
        <v>182</v>
      </c>
      <c r="AQ325" s="1">
        <v>0</v>
      </c>
      <c r="AR325" s="1">
        <v>0</v>
      </c>
      <c r="AS325" s="1">
        <v>0</v>
      </c>
      <c r="AT325" t="s">
        <v>184</v>
      </c>
      <c r="AU325" s="1">
        <v>0</v>
      </c>
      <c r="AV325" s="1">
        <v>0</v>
      </c>
      <c r="AY325" t="s">
        <v>187</v>
      </c>
      <c r="AZ325" t="s">
        <v>207</v>
      </c>
      <c r="BA325" t="s">
        <v>188</v>
      </c>
      <c r="BC325" t="s">
        <v>209</v>
      </c>
      <c r="BF325" t="s">
        <v>232</v>
      </c>
      <c r="BG325" t="s">
        <v>301</v>
      </c>
      <c r="BH325" t="s">
        <v>211</v>
      </c>
      <c r="BK325" s="1">
        <v>0</v>
      </c>
      <c r="BL325" t="s">
        <v>1129</v>
      </c>
      <c r="BM325" t="s">
        <v>218</v>
      </c>
      <c r="BO325" t="s">
        <v>218</v>
      </c>
    </row>
    <row r="326" spans="1:69" x14ac:dyDescent="0.25">
      <c r="A326" s="1">
        <v>30448715</v>
      </c>
      <c r="B326" t="s">
        <v>2615</v>
      </c>
      <c r="C326" t="s">
        <v>39</v>
      </c>
      <c r="D326" t="s">
        <v>3125</v>
      </c>
      <c r="L326" t="s">
        <v>52</v>
      </c>
      <c r="M326" s="1">
        <v>0</v>
      </c>
      <c r="N326" s="1">
        <v>0</v>
      </c>
      <c r="O326" t="s">
        <v>49</v>
      </c>
      <c r="P326" s="1">
        <v>0</v>
      </c>
      <c r="Q326" s="1">
        <v>0</v>
      </c>
      <c r="S326" s="1">
        <v>0</v>
      </c>
      <c r="T326" s="1">
        <v>0</v>
      </c>
      <c r="AC326" s="1">
        <v>0</v>
      </c>
      <c r="AD326" s="1">
        <v>0</v>
      </c>
      <c r="AE326" s="1">
        <v>0</v>
      </c>
      <c r="AF326" s="1">
        <v>0</v>
      </c>
      <c r="AG326" s="1">
        <v>0</v>
      </c>
      <c r="AH326" s="1">
        <v>0</v>
      </c>
      <c r="AI326" s="1">
        <v>0</v>
      </c>
      <c r="AJ326" s="1">
        <v>0</v>
      </c>
      <c r="AK326" s="1">
        <v>0</v>
      </c>
      <c r="AL326" s="1">
        <v>0</v>
      </c>
      <c r="AM326" s="1">
        <v>0</v>
      </c>
      <c r="AN326" s="1">
        <v>0</v>
      </c>
      <c r="AO326" s="1">
        <v>0</v>
      </c>
      <c r="AP326" s="1">
        <v>0</v>
      </c>
      <c r="AQ326" s="1">
        <v>0</v>
      </c>
      <c r="AR326" s="1">
        <v>0</v>
      </c>
      <c r="AS326" s="1">
        <v>0</v>
      </c>
      <c r="AT326" s="1">
        <v>0</v>
      </c>
      <c r="AU326" s="1">
        <v>0</v>
      </c>
      <c r="AV326" s="1">
        <v>0</v>
      </c>
      <c r="BF326" s="1">
        <v>0</v>
      </c>
      <c r="BG326" s="1">
        <v>0</v>
      </c>
      <c r="BH326" s="1">
        <v>0</v>
      </c>
      <c r="BK326" s="1">
        <v>0</v>
      </c>
      <c r="BM326" s="1">
        <v>0</v>
      </c>
      <c r="BO326" s="1">
        <v>0</v>
      </c>
    </row>
    <row r="327" spans="1:69" x14ac:dyDescent="0.25">
      <c r="A327" s="1">
        <v>30448716</v>
      </c>
      <c r="B327" t="s">
        <v>1088</v>
      </c>
      <c r="C327" t="s">
        <v>39</v>
      </c>
      <c r="D327" t="s">
        <v>942</v>
      </c>
      <c r="E327" t="s">
        <v>175</v>
      </c>
      <c r="L327" t="s">
        <v>52</v>
      </c>
      <c r="M327" s="1">
        <v>0</v>
      </c>
      <c r="N327" s="1">
        <v>0</v>
      </c>
      <c r="O327" t="s">
        <v>942</v>
      </c>
      <c r="P327" t="s">
        <v>216</v>
      </c>
      <c r="Q327" t="s">
        <v>328</v>
      </c>
      <c r="S327" s="1">
        <v>0</v>
      </c>
      <c r="T327" t="s">
        <v>175</v>
      </c>
      <c r="X327" t="s">
        <v>179</v>
      </c>
      <c r="AC327" t="s">
        <v>180</v>
      </c>
      <c r="AD327" s="1">
        <v>0</v>
      </c>
      <c r="AE327" s="1">
        <v>0</v>
      </c>
      <c r="AF327" s="1">
        <v>0</v>
      </c>
      <c r="AG327" s="1">
        <v>0</v>
      </c>
      <c r="AH327" s="1">
        <v>0</v>
      </c>
      <c r="AI327" s="1">
        <v>0</v>
      </c>
      <c r="AJ327" s="1">
        <v>0</v>
      </c>
      <c r="AK327" s="1">
        <v>0</v>
      </c>
      <c r="AL327" s="1">
        <v>0</v>
      </c>
      <c r="AM327" s="1">
        <v>0</v>
      </c>
      <c r="AN327" s="1">
        <v>0</v>
      </c>
      <c r="AO327" s="1">
        <v>0</v>
      </c>
      <c r="AP327" s="1">
        <v>0</v>
      </c>
      <c r="AQ327" s="1">
        <v>0</v>
      </c>
      <c r="AR327" s="1">
        <v>0</v>
      </c>
      <c r="AS327" s="1">
        <v>0</v>
      </c>
      <c r="AT327" s="1">
        <v>0</v>
      </c>
      <c r="AU327" s="1">
        <v>0</v>
      </c>
      <c r="AV327" s="1">
        <v>0</v>
      </c>
      <c r="BF327" s="1">
        <v>0</v>
      </c>
      <c r="BG327" s="1">
        <v>0</v>
      </c>
      <c r="BH327" s="1">
        <v>0</v>
      </c>
      <c r="BK327" s="1">
        <v>0</v>
      </c>
      <c r="BM327" s="1">
        <v>0</v>
      </c>
      <c r="BO327" s="1">
        <v>0</v>
      </c>
    </row>
    <row r="328" spans="1:69" x14ac:dyDescent="0.25">
      <c r="A328" s="1">
        <v>30448718</v>
      </c>
      <c r="B328" t="s">
        <v>1801</v>
      </c>
      <c r="C328" t="s">
        <v>39</v>
      </c>
      <c r="D328" t="s">
        <v>1616</v>
      </c>
      <c r="E328" t="s">
        <v>216</v>
      </c>
      <c r="L328" t="s">
        <v>52</v>
      </c>
      <c r="M328" s="1">
        <v>0</v>
      </c>
      <c r="N328" s="1">
        <v>0</v>
      </c>
      <c r="O328" t="s">
        <v>1616</v>
      </c>
      <c r="P328" t="s">
        <v>216</v>
      </c>
      <c r="Q328" t="s">
        <v>177</v>
      </c>
      <c r="S328" s="1">
        <v>0</v>
      </c>
      <c r="T328" t="s">
        <v>197</v>
      </c>
      <c r="U328" t="s">
        <v>1802</v>
      </c>
      <c r="Y328" t="s">
        <v>224</v>
      </c>
      <c r="AC328" t="s">
        <v>180</v>
      </c>
      <c r="AD328" t="s">
        <v>181</v>
      </c>
      <c r="AE328" t="s">
        <v>230</v>
      </c>
      <c r="AF328" t="s">
        <v>181</v>
      </c>
      <c r="AG328" t="s">
        <v>230</v>
      </c>
      <c r="AH328" t="s">
        <v>181</v>
      </c>
      <c r="AI328" t="s">
        <v>181</v>
      </c>
      <c r="AJ328" t="s">
        <v>299</v>
      </c>
      <c r="AK328" t="s">
        <v>181</v>
      </c>
      <c r="AL328" t="s">
        <v>42</v>
      </c>
      <c r="AM328" t="s">
        <v>182</v>
      </c>
      <c r="AN328" t="s">
        <v>206</v>
      </c>
      <c r="AO328" t="s">
        <v>183</v>
      </c>
      <c r="AP328" t="s">
        <v>184</v>
      </c>
      <c r="AQ328" t="s">
        <v>204</v>
      </c>
      <c r="AR328" t="s">
        <v>202</v>
      </c>
      <c r="AS328" t="s">
        <v>203</v>
      </c>
      <c r="AT328" t="s">
        <v>201</v>
      </c>
      <c r="AU328" t="s">
        <v>205</v>
      </c>
      <c r="AV328" t="s">
        <v>185</v>
      </c>
      <c r="AZ328" t="s">
        <v>207</v>
      </c>
      <c r="BA328" t="s">
        <v>188</v>
      </c>
      <c r="BF328" t="s">
        <v>232</v>
      </c>
      <c r="BG328" t="s">
        <v>276</v>
      </c>
      <c r="BH328" t="s">
        <v>464</v>
      </c>
      <c r="BK328" t="s">
        <v>218</v>
      </c>
      <c r="BM328" t="s">
        <v>218</v>
      </c>
      <c r="BO328" t="s">
        <v>218</v>
      </c>
      <c r="BQ328" t="s">
        <v>1803</v>
      </c>
    </row>
    <row r="329" spans="1:69" x14ac:dyDescent="0.25">
      <c r="A329" s="1">
        <v>30448719</v>
      </c>
      <c r="B329" t="s">
        <v>3911</v>
      </c>
      <c r="C329" t="s">
        <v>39</v>
      </c>
      <c r="D329" t="s">
        <v>3727</v>
      </c>
      <c r="E329" t="s">
        <v>200</v>
      </c>
      <c r="L329" t="s">
        <v>52</v>
      </c>
      <c r="M329" s="1">
        <v>0</v>
      </c>
      <c r="N329" s="1">
        <v>0</v>
      </c>
      <c r="O329" t="s">
        <v>3728</v>
      </c>
      <c r="P329" t="s">
        <v>216</v>
      </c>
      <c r="Q329" t="s">
        <v>238</v>
      </c>
      <c r="S329" s="1">
        <v>0</v>
      </c>
      <c r="T329" t="s">
        <v>200</v>
      </c>
      <c r="AC329" t="s">
        <v>180</v>
      </c>
      <c r="AD329" t="s">
        <v>200</v>
      </c>
      <c r="AE329" t="s">
        <v>200</v>
      </c>
      <c r="AF329" t="s">
        <v>200</v>
      </c>
      <c r="AG329" t="s">
        <v>200</v>
      </c>
      <c r="AH329" t="s">
        <v>200</v>
      </c>
      <c r="AI329" t="s">
        <v>200</v>
      </c>
      <c r="AJ329" t="s">
        <v>200</v>
      </c>
      <c r="AK329" t="s">
        <v>200</v>
      </c>
      <c r="AL329" t="s">
        <v>42</v>
      </c>
      <c r="AM329" s="1">
        <v>0</v>
      </c>
      <c r="AN329" s="1">
        <v>0</v>
      </c>
      <c r="AO329" s="1">
        <v>0</v>
      </c>
      <c r="AP329" s="1">
        <v>0</v>
      </c>
      <c r="AQ329" s="1">
        <v>0</v>
      </c>
      <c r="AR329" s="1">
        <v>0</v>
      </c>
      <c r="AS329" s="1">
        <v>0</v>
      </c>
      <c r="AT329" s="1">
        <v>0</v>
      </c>
      <c r="AU329" s="1">
        <v>0</v>
      </c>
      <c r="AV329" t="s">
        <v>185</v>
      </c>
      <c r="AZ329" t="s">
        <v>207</v>
      </c>
      <c r="BF329" t="s">
        <v>210</v>
      </c>
      <c r="BG329" s="1">
        <v>0</v>
      </c>
      <c r="BH329" t="s">
        <v>464</v>
      </c>
      <c r="BK329" t="s">
        <v>191</v>
      </c>
      <c r="BM329" t="s">
        <v>218</v>
      </c>
      <c r="BO329" t="s">
        <v>191</v>
      </c>
    </row>
    <row r="330" spans="1:69" x14ac:dyDescent="0.25">
      <c r="A330" s="1">
        <v>30448720</v>
      </c>
      <c r="B330" t="s">
        <v>3255</v>
      </c>
      <c r="C330" t="s">
        <v>39</v>
      </c>
      <c r="D330" t="s">
        <v>3138</v>
      </c>
      <c r="E330" t="s">
        <v>175</v>
      </c>
      <c r="L330" t="s">
        <v>52</v>
      </c>
      <c r="M330" s="1">
        <v>0</v>
      </c>
      <c r="N330" s="1">
        <v>0</v>
      </c>
      <c r="O330" t="s">
        <v>3139</v>
      </c>
      <c r="P330" t="s">
        <v>216</v>
      </c>
      <c r="Q330" t="s">
        <v>177</v>
      </c>
      <c r="S330" s="1">
        <v>0</v>
      </c>
      <c r="T330" t="s">
        <v>175</v>
      </c>
      <c r="X330" t="s">
        <v>179</v>
      </c>
      <c r="AC330" t="s">
        <v>199</v>
      </c>
      <c r="AD330" t="s">
        <v>175</v>
      </c>
      <c r="AE330" t="s">
        <v>175</v>
      </c>
      <c r="AF330" t="s">
        <v>181</v>
      </c>
      <c r="AG330" t="s">
        <v>181</v>
      </c>
      <c r="AH330" t="s">
        <v>175</v>
      </c>
      <c r="AI330" t="s">
        <v>175</v>
      </c>
      <c r="AJ330" t="s">
        <v>175</v>
      </c>
      <c r="AK330" t="s">
        <v>175</v>
      </c>
      <c r="AL330" t="s">
        <v>42</v>
      </c>
      <c r="AM330" t="s">
        <v>184</v>
      </c>
      <c r="AN330" t="s">
        <v>185</v>
      </c>
      <c r="AO330" t="s">
        <v>201</v>
      </c>
      <c r="AP330" t="s">
        <v>182</v>
      </c>
      <c r="AQ330" t="s">
        <v>204</v>
      </c>
      <c r="AR330" t="s">
        <v>202</v>
      </c>
      <c r="AS330" t="s">
        <v>206</v>
      </c>
      <c r="AT330" t="s">
        <v>183</v>
      </c>
      <c r="AU330" t="s">
        <v>205</v>
      </c>
      <c r="AV330" t="s">
        <v>203</v>
      </c>
      <c r="AX330" t="s">
        <v>186</v>
      </c>
      <c r="AZ330" t="s">
        <v>207</v>
      </c>
      <c r="BA330" t="s">
        <v>188</v>
      </c>
      <c r="BC330" t="s">
        <v>209</v>
      </c>
      <c r="BF330" t="s">
        <v>232</v>
      </c>
      <c r="BG330" t="s">
        <v>276</v>
      </c>
      <c r="BH330" t="s">
        <v>211</v>
      </c>
      <c r="BK330" t="s">
        <v>191</v>
      </c>
      <c r="BL330" t="s">
        <v>3256</v>
      </c>
      <c r="BM330" t="s">
        <v>218</v>
      </c>
      <c r="BN330" t="s">
        <v>3257</v>
      </c>
      <c r="BO330" t="s">
        <v>218</v>
      </c>
      <c r="BP330" t="s">
        <v>3258</v>
      </c>
    </row>
    <row r="331" spans="1:69" x14ac:dyDescent="0.25">
      <c r="A331" s="1">
        <v>30448723</v>
      </c>
      <c r="B331" t="s">
        <v>1804</v>
      </c>
      <c r="C331" t="s">
        <v>39</v>
      </c>
      <c r="D331" t="s">
        <v>1616</v>
      </c>
      <c r="E331" t="s">
        <v>175</v>
      </c>
      <c r="L331" t="s">
        <v>52</v>
      </c>
      <c r="M331" s="1">
        <v>0</v>
      </c>
      <c r="N331" s="1">
        <v>0</v>
      </c>
      <c r="O331" t="s">
        <v>1616</v>
      </c>
      <c r="P331" t="s">
        <v>176</v>
      </c>
      <c r="Q331" t="s">
        <v>177</v>
      </c>
      <c r="S331" t="s">
        <v>178</v>
      </c>
      <c r="T331" t="s">
        <v>175</v>
      </c>
      <c r="W331" t="s">
        <v>262</v>
      </c>
      <c r="AC331" t="s">
        <v>180</v>
      </c>
      <c r="AD331" t="s">
        <v>200</v>
      </c>
      <c r="AE331" t="s">
        <v>175</v>
      </c>
      <c r="AF331" t="s">
        <v>175</v>
      </c>
      <c r="AG331" t="s">
        <v>175</v>
      </c>
      <c r="AH331" t="s">
        <v>200</v>
      </c>
      <c r="AI331" t="s">
        <v>200</v>
      </c>
      <c r="AJ331" t="s">
        <v>175</v>
      </c>
      <c r="AK331" t="s">
        <v>175</v>
      </c>
      <c r="AL331" t="s">
        <v>52</v>
      </c>
      <c r="AM331" t="s">
        <v>204</v>
      </c>
      <c r="AN331" t="s">
        <v>201</v>
      </c>
      <c r="AO331" t="s">
        <v>185</v>
      </c>
      <c r="AP331" t="s">
        <v>182</v>
      </c>
      <c r="AQ331" t="s">
        <v>203</v>
      </c>
      <c r="AR331" t="s">
        <v>202</v>
      </c>
      <c r="AS331" t="s">
        <v>183</v>
      </c>
      <c r="AT331" t="s">
        <v>206</v>
      </c>
      <c r="AU331" t="s">
        <v>205</v>
      </c>
      <c r="AV331" t="s">
        <v>184</v>
      </c>
      <c r="AX331" t="s">
        <v>186</v>
      </c>
      <c r="AZ331" t="s">
        <v>207</v>
      </c>
      <c r="BA331" t="s">
        <v>188</v>
      </c>
      <c r="BC331" t="s">
        <v>209</v>
      </c>
      <c r="BF331" t="s">
        <v>210</v>
      </c>
      <c r="BG331" s="1">
        <v>0</v>
      </c>
      <c r="BH331" t="s">
        <v>211</v>
      </c>
      <c r="BK331" t="s">
        <v>191</v>
      </c>
      <c r="BL331" t="s">
        <v>1805</v>
      </c>
      <c r="BM331" t="s">
        <v>191</v>
      </c>
      <c r="BN331" t="s">
        <v>1806</v>
      </c>
      <c r="BO331" t="s">
        <v>191</v>
      </c>
      <c r="BP331" t="s">
        <v>1807</v>
      </c>
    </row>
    <row r="332" spans="1:69" x14ac:dyDescent="0.25">
      <c r="A332" s="1">
        <v>30448724</v>
      </c>
      <c r="B332" t="s">
        <v>1089</v>
      </c>
      <c r="C332" t="s">
        <v>39</v>
      </c>
      <c r="D332" t="s">
        <v>942</v>
      </c>
      <c r="E332" t="s">
        <v>175</v>
      </c>
      <c r="L332" t="s">
        <v>52</v>
      </c>
      <c r="M332" s="1">
        <v>0</v>
      </c>
      <c r="N332" s="1">
        <v>0</v>
      </c>
      <c r="O332" t="s">
        <v>942</v>
      </c>
      <c r="P332" t="s">
        <v>176</v>
      </c>
      <c r="Q332" t="s">
        <v>177</v>
      </c>
      <c r="S332" t="s">
        <v>178</v>
      </c>
      <c r="T332" t="s">
        <v>175</v>
      </c>
      <c r="Y332" t="s">
        <v>224</v>
      </c>
      <c r="AC332" t="s">
        <v>199</v>
      </c>
      <c r="AD332" t="s">
        <v>175</v>
      </c>
      <c r="AE332" t="s">
        <v>175</v>
      </c>
      <c r="AF332" t="s">
        <v>175</v>
      </c>
      <c r="AG332" t="s">
        <v>175</v>
      </c>
      <c r="AH332" t="s">
        <v>200</v>
      </c>
      <c r="AI332" t="s">
        <v>200</v>
      </c>
      <c r="AJ332" t="s">
        <v>175</v>
      </c>
      <c r="AK332" t="s">
        <v>181</v>
      </c>
      <c r="AL332" t="s">
        <v>42</v>
      </c>
      <c r="AM332" t="s">
        <v>185</v>
      </c>
      <c r="AN332" t="s">
        <v>201</v>
      </c>
      <c r="AO332" t="s">
        <v>184</v>
      </c>
      <c r="AP332" t="s">
        <v>182</v>
      </c>
      <c r="AQ332" t="s">
        <v>202</v>
      </c>
      <c r="AR332" t="s">
        <v>203</v>
      </c>
      <c r="AS332" t="s">
        <v>204</v>
      </c>
      <c r="AT332" t="s">
        <v>205</v>
      </c>
      <c r="AU332" t="s">
        <v>206</v>
      </c>
      <c r="AV332" t="s">
        <v>183</v>
      </c>
      <c r="AW332" t="s">
        <v>1090</v>
      </c>
      <c r="AY332" t="s">
        <v>187</v>
      </c>
      <c r="AZ332" t="s">
        <v>207</v>
      </c>
      <c r="BA332" t="s">
        <v>188</v>
      </c>
      <c r="BB332" t="s">
        <v>208</v>
      </c>
      <c r="BF332" t="s">
        <v>210</v>
      </c>
      <c r="BG332" s="1">
        <v>0</v>
      </c>
      <c r="BH332" t="s">
        <v>211</v>
      </c>
      <c r="BK332" t="s">
        <v>191</v>
      </c>
      <c r="BL332" t="s">
        <v>1091</v>
      </c>
      <c r="BM332" t="s">
        <v>191</v>
      </c>
      <c r="BN332" t="s">
        <v>1092</v>
      </c>
      <c r="BO332" t="s">
        <v>218</v>
      </c>
      <c r="BP332" t="s">
        <v>1093</v>
      </c>
    </row>
    <row r="333" spans="1:69" x14ac:dyDescent="0.25">
      <c r="A333" s="1">
        <v>30448725</v>
      </c>
      <c r="B333" t="s">
        <v>3912</v>
      </c>
      <c r="C333" t="s">
        <v>39</v>
      </c>
      <c r="D333" t="s">
        <v>3727</v>
      </c>
      <c r="E333" t="s">
        <v>175</v>
      </c>
      <c r="L333" t="s">
        <v>52</v>
      </c>
      <c r="M333" s="1">
        <v>0</v>
      </c>
      <c r="N333" s="1">
        <v>0</v>
      </c>
      <c r="O333" t="s">
        <v>3728</v>
      </c>
      <c r="P333" t="s">
        <v>216</v>
      </c>
      <c r="Q333" t="s">
        <v>322</v>
      </c>
      <c r="S333" s="1">
        <v>0</v>
      </c>
      <c r="T333" t="s">
        <v>175</v>
      </c>
      <c r="Y333" t="s">
        <v>224</v>
      </c>
      <c r="AC333" t="s">
        <v>180</v>
      </c>
      <c r="AD333" t="s">
        <v>181</v>
      </c>
      <c r="AE333" t="s">
        <v>181</v>
      </c>
      <c r="AF333" t="s">
        <v>181</v>
      </c>
      <c r="AG333" t="s">
        <v>181</v>
      </c>
      <c r="AH333" t="s">
        <v>175</v>
      </c>
      <c r="AI333" t="s">
        <v>175</v>
      </c>
      <c r="AJ333" t="s">
        <v>175</v>
      </c>
      <c r="AK333" t="s">
        <v>181</v>
      </c>
      <c r="AL333" t="s">
        <v>42</v>
      </c>
      <c r="AM333" s="1">
        <v>0</v>
      </c>
      <c r="AN333" t="s">
        <v>184</v>
      </c>
      <c r="AO333" s="1">
        <v>0</v>
      </c>
      <c r="AP333" s="1">
        <v>0</v>
      </c>
      <c r="AQ333" t="s">
        <v>185</v>
      </c>
      <c r="AR333" s="1">
        <v>0</v>
      </c>
      <c r="AS333" s="1">
        <v>0</v>
      </c>
      <c r="AT333" s="1">
        <v>0</v>
      </c>
      <c r="AU333" s="1">
        <v>0</v>
      </c>
      <c r="AV333" s="1">
        <v>0</v>
      </c>
      <c r="AY333" t="s">
        <v>187</v>
      </c>
      <c r="AZ333" t="s">
        <v>207</v>
      </c>
      <c r="BF333" t="s">
        <v>232</v>
      </c>
      <c r="BG333" t="s">
        <v>276</v>
      </c>
      <c r="BH333" t="s">
        <v>211</v>
      </c>
      <c r="BK333" t="s">
        <v>191</v>
      </c>
      <c r="BL333" t="s">
        <v>3913</v>
      </c>
      <c r="BM333" t="s">
        <v>191</v>
      </c>
      <c r="BO333" t="s">
        <v>191</v>
      </c>
      <c r="BP333" t="s">
        <v>3914</v>
      </c>
    </row>
    <row r="334" spans="1:69" x14ac:dyDescent="0.25">
      <c r="A334" s="1">
        <v>30448727</v>
      </c>
      <c r="B334" t="s">
        <v>2616</v>
      </c>
      <c r="C334" t="s">
        <v>39</v>
      </c>
      <c r="D334" t="s">
        <v>2512</v>
      </c>
      <c r="E334" t="s">
        <v>216</v>
      </c>
      <c r="L334" t="s">
        <v>52</v>
      </c>
      <c r="M334" s="1">
        <v>0</v>
      </c>
      <c r="N334" s="1">
        <v>0</v>
      </c>
      <c r="O334" t="s">
        <v>2512</v>
      </c>
      <c r="P334" t="s">
        <v>216</v>
      </c>
      <c r="Q334" t="s">
        <v>322</v>
      </c>
      <c r="S334" s="1">
        <v>0</v>
      </c>
      <c r="T334" t="s">
        <v>197</v>
      </c>
      <c r="U334" t="s">
        <v>2617</v>
      </c>
      <c r="AA334" t="s">
        <v>273</v>
      </c>
      <c r="AB334" t="s">
        <v>2618</v>
      </c>
      <c r="AC334" t="s">
        <v>225</v>
      </c>
      <c r="AD334" t="s">
        <v>181</v>
      </c>
      <c r="AE334" t="s">
        <v>181</v>
      </c>
      <c r="AF334" t="s">
        <v>181</v>
      </c>
      <c r="AG334" t="s">
        <v>181</v>
      </c>
      <c r="AH334" t="s">
        <v>181</v>
      </c>
      <c r="AI334" t="s">
        <v>181</v>
      </c>
      <c r="AJ334" t="s">
        <v>181</v>
      </c>
      <c r="AK334" t="s">
        <v>181</v>
      </c>
      <c r="AL334" t="s">
        <v>42</v>
      </c>
      <c r="AM334" s="1">
        <v>0</v>
      </c>
      <c r="AN334" s="1">
        <v>0</v>
      </c>
      <c r="AO334" s="1">
        <v>0</v>
      </c>
      <c r="AP334" s="1">
        <v>0</v>
      </c>
      <c r="AQ334" s="1">
        <v>0</v>
      </c>
      <c r="AR334" s="1">
        <v>0</v>
      </c>
      <c r="AS334" s="1">
        <v>0</v>
      </c>
      <c r="AT334" s="1">
        <v>0</v>
      </c>
      <c r="AU334" s="1">
        <v>0</v>
      </c>
      <c r="AV334" s="1">
        <v>0</v>
      </c>
      <c r="AW334" t="s">
        <v>2619</v>
      </c>
      <c r="BD334" t="s">
        <v>273</v>
      </c>
      <c r="BE334" t="s">
        <v>2620</v>
      </c>
      <c r="BF334" t="s">
        <v>49</v>
      </c>
      <c r="BG334" s="1">
        <v>0</v>
      </c>
      <c r="BH334" t="s">
        <v>190</v>
      </c>
      <c r="BK334" s="1">
        <v>0</v>
      </c>
      <c r="BL334" t="s">
        <v>2621</v>
      </c>
      <c r="BM334" s="1">
        <v>0</v>
      </c>
      <c r="BN334" t="s">
        <v>2622</v>
      </c>
      <c r="BO334" s="1">
        <v>0</v>
      </c>
      <c r="BP334" t="s">
        <v>2623</v>
      </c>
      <c r="BQ334" t="s">
        <v>2624</v>
      </c>
    </row>
    <row r="335" spans="1:69" x14ac:dyDescent="0.25">
      <c r="A335" s="1">
        <v>30448729</v>
      </c>
      <c r="B335" t="s">
        <v>3259</v>
      </c>
      <c r="C335" t="s">
        <v>39</v>
      </c>
      <c r="D335" t="s">
        <v>3138</v>
      </c>
      <c r="E335" t="s">
        <v>175</v>
      </c>
      <c r="L335" t="s">
        <v>52</v>
      </c>
      <c r="M335" s="1">
        <v>0</v>
      </c>
      <c r="N335" s="1">
        <v>0</v>
      </c>
      <c r="O335" t="s">
        <v>3139</v>
      </c>
      <c r="P335" t="s">
        <v>176</v>
      </c>
      <c r="Q335" t="s">
        <v>177</v>
      </c>
      <c r="S335" t="s">
        <v>178</v>
      </c>
      <c r="T335" t="s">
        <v>175</v>
      </c>
      <c r="X335" t="s">
        <v>179</v>
      </c>
      <c r="Y335" t="s">
        <v>224</v>
      </c>
      <c r="Z335" t="s">
        <v>244</v>
      </c>
      <c r="AC335" t="s">
        <v>180</v>
      </c>
      <c r="AD335" t="s">
        <v>175</v>
      </c>
      <c r="AE335" t="s">
        <v>175</v>
      </c>
      <c r="AF335" t="s">
        <v>175</v>
      </c>
      <c r="AG335" t="s">
        <v>175</v>
      </c>
      <c r="AH335" t="s">
        <v>175</v>
      </c>
      <c r="AI335" t="s">
        <v>175</v>
      </c>
      <c r="AJ335" t="s">
        <v>175</v>
      </c>
      <c r="AK335" t="s">
        <v>175</v>
      </c>
      <c r="AL335" t="s">
        <v>42</v>
      </c>
      <c r="AM335" t="s">
        <v>201</v>
      </c>
      <c r="AN335" s="1">
        <v>0</v>
      </c>
      <c r="AO335" t="s">
        <v>185</v>
      </c>
      <c r="AP335" t="s">
        <v>184</v>
      </c>
      <c r="AQ335" t="s">
        <v>182</v>
      </c>
      <c r="AR335" s="1">
        <v>0</v>
      </c>
      <c r="AS335" s="1">
        <v>0</v>
      </c>
      <c r="AT335" s="1">
        <v>0</v>
      </c>
      <c r="AU335" s="1">
        <v>0</v>
      </c>
      <c r="AV335" t="s">
        <v>183</v>
      </c>
      <c r="AX335" t="s">
        <v>186</v>
      </c>
      <c r="AY335" t="s">
        <v>187</v>
      </c>
      <c r="BC335" t="s">
        <v>209</v>
      </c>
      <c r="BF335" t="s">
        <v>210</v>
      </c>
      <c r="BG335" s="1">
        <v>0</v>
      </c>
      <c r="BH335" t="s">
        <v>211</v>
      </c>
      <c r="BK335" t="s">
        <v>191</v>
      </c>
      <c r="BL335" t="s">
        <v>3260</v>
      </c>
      <c r="BM335" t="s">
        <v>191</v>
      </c>
      <c r="BN335" t="s">
        <v>3261</v>
      </c>
      <c r="BO335" t="s">
        <v>191</v>
      </c>
      <c r="BP335" t="s">
        <v>3262</v>
      </c>
    </row>
    <row r="336" spans="1:69" x14ac:dyDescent="0.25">
      <c r="A336" s="1">
        <v>30448732</v>
      </c>
      <c r="B336" t="s">
        <v>3915</v>
      </c>
      <c r="C336" t="s">
        <v>39</v>
      </c>
      <c r="D336" t="s">
        <v>3727</v>
      </c>
      <c r="E336" t="s">
        <v>216</v>
      </c>
      <c r="L336" t="s">
        <v>52</v>
      </c>
      <c r="M336" s="1">
        <v>0</v>
      </c>
      <c r="N336" s="1">
        <v>0</v>
      </c>
      <c r="O336" t="s">
        <v>3728</v>
      </c>
      <c r="P336" t="s">
        <v>216</v>
      </c>
      <c r="Q336" t="s">
        <v>196</v>
      </c>
      <c r="S336" s="1">
        <v>0</v>
      </c>
      <c r="T336" t="s">
        <v>49</v>
      </c>
      <c r="W336" t="s">
        <v>262</v>
      </c>
      <c r="X336" t="s">
        <v>179</v>
      </c>
      <c r="Y336" t="s">
        <v>224</v>
      </c>
      <c r="AC336" t="s">
        <v>199</v>
      </c>
      <c r="AD336" t="s">
        <v>181</v>
      </c>
      <c r="AE336" t="s">
        <v>181</v>
      </c>
      <c r="AF336" t="s">
        <v>181</v>
      </c>
      <c r="AG336" t="s">
        <v>181</v>
      </c>
      <c r="AH336" t="s">
        <v>181</v>
      </c>
      <c r="AI336" t="s">
        <v>181</v>
      </c>
      <c r="AJ336" t="s">
        <v>181</v>
      </c>
      <c r="AK336" t="s">
        <v>181</v>
      </c>
      <c r="AL336" t="s">
        <v>42</v>
      </c>
      <c r="AM336" s="1">
        <v>0</v>
      </c>
      <c r="AN336" s="1">
        <v>0</v>
      </c>
      <c r="AO336" s="1">
        <v>0</v>
      </c>
      <c r="AP336" s="1">
        <v>0</v>
      </c>
      <c r="AQ336" s="1">
        <v>0</v>
      </c>
      <c r="AR336" s="1">
        <v>0</v>
      </c>
      <c r="AS336" s="1">
        <v>0</v>
      </c>
      <c r="AT336" s="1">
        <v>0</v>
      </c>
      <c r="AU336" s="1">
        <v>0</v>
      </c>
      <c r="AV336" s="1">
        <v>0</v>
      </c>
      <c r="BF336" s="1">
        <v>0</v>
      </c>
      <c r="BG336" s="1">
        <v>0</v>
      </c>
      <c r="BH336" s="1">
        <v>0</v>
      </c>
      <c r="BK336" s="1">
        <v>0</v>
      </c>
      <c r="BM336" s="1">
        <v>0</v>
      </c>
      <c r="BO336" s="1">
        <v>0</v>
      </c>
    </row>
    <row r="337" spans="1:69" x14ac:dyDescent="0.25">
      <c r="A337" s="1">
        <v>30448734</v>
      </c>
      <c r="B337" t="s">
        <v>1808</v>
      </c>
      <c r="C337" t="s">
        <v>39</v>
      </c>
      <c r="D337" t="s">
        <v>1616</v>
      </c>
      <c r="E337" t="s">
        <v>175</v>
      </c>
      <c r="L337" t="s">
        <v>52</v>
      </c>
      <c r="M337" s="1">
        <v>0</v>
      </c>
      <c r="N337" s="1">
        <v>0</v>
      </c>
      <c r="O337" t="s">
        <v>1616</v>
      </c>
      <c r="P337" t="s">
        <v>216</v>
      </c>
      <c r="Q337" t="s">
        <v>177</v>
      </c>
      <c r="S337" s="1">
        <v>0</v>
      </c>
      <c r="T337" t="s">
        <v>175</v>
      </c>
      <c r="Y337" t="s">
        <v>224</v>
      </c>
      <c r="AC337" t="s">
        <v>180</v>
      </c>
      <c r="AD337" t="s">
        <v>200</v>
      </c>
      <c r="AE337" t="s">
        <v>200</v>
      </c>
      <c r="AF337" t="s">
        <v>200</v>
      </c>
      <c r="AG337" t="s">
        <v>200</v>
      </c>
      <c r="AH337" t="s">
        <v>200</v>
      </c>
      <c r="AI337" t="s">
        <v>200</v>
      </c>
      <c r="AJ337" t="s">
        <v>200</v>
      </c>
      <c r="AK337" t="s">
        <v>200</v>
      </c>
      <c r="AL337" t="s">
        <v>42</v>
      </c>
      <c r="AM337" t="s">
        <v>205</v>
      </c>
      <c r="AN337" t="s">
        <v>184</v>
      </c>
      <c r="AO337" t="s">
        <v>185</v>
      </c>
      <c r="AP337" t="s">
        <v>201</v>
      </c>
      <c r="AQ337" t="s">
        <v>204</v>
      </c>
      <c r="AR337" t="s">
        <v>202</v>
      </c>
      <c r="AS337" t="s">
        <v>203</v>
      </c>
      <c r="AT337" t="s">
        <v>182</v>
      </c>
      <c r="AU337" t="s">
        <v>183</v>
      </c>
      <c r="AV337" t="s">
        <v>206</v>
      </c>
      <c r="AX337" t="s">
        <v>186</v>
      </c>
      <c r="AY337" t="s">
        <v>187</v>
      </c>
      <c r="AZ337" t="s">
        <v>207</v>
      </c>
      <c r="BA337" t="s">
        <v>188</v>
      </c>
      <c r="BB337" t="s">
        <v>208</v>
      </c>
      <c r="BC337" t="s">
        <v>209</v>
      </c>
      <c r="BF337" t="s">
        <v>189</v>
      </c>
      <c r="BG337" s="1">
        <v>0</v>
      </c>
      <c r="BH337" t="s">
        <v>211</v>
      </c>
      <c r="BK337" t="s">
        <v>191</v>
      </c>
      <c r="BL337" t="s">
        <v>1809</v>
      </c>
      <c r="BM337" t="s">
        <v>218</v>
      </c>
      <c r="BN337" t="s">
        <v>1810</v>
      </c>
      <c r="BO337" t="s">
        <v>218</v>
      </c>
      <c r="BP337" t="s">
        <v>1811</v>
      </c>
    </row>
    <row r="338" spans="1:69" x14ac:dyDescent="0.25">
      <c r="A338" s="1">
        <v>30448735</v>
      </c>
      <c r="B338" t="s">
        <v>3916</v>
      </c>
      <c r="C338" t="s">
        <v>39</v>
      </c>
      <c r="D338" t="s">
        <v>3727</v>
      </c>
      <c r="E338" t="s">
        <v>200</v>
      </c>
      <c r="L338" t="s">
        <v>52</v>
      </c>
      <c r="M338" s="1">
        <v>0</v>
      </c>
      <c r="N338" s="1">
        <v>0</v>
      </c>
      <c r="O338" t="s">
        <v>3728</v>
      </c>
      <c r="P338" t="s">
        <v>176</v>
      </c>
      <c r="Q338" t="s">
        <v>238</v>
      </c>
      <c r="S338" t="s">
        <v>178</v>
      </c>
      <c r="T338" t="s">
        <v>200</v>
      </c>
      <c r="Y338" t="s">
        <v>224</v>
      </c>
      <c r="AC338" t="s">
        <v>266</v>
      </c>
      <c r="AD338" t="s">
        <v>175</v>
      </c>
      <c r="AE338" t="s">
        <v>175</v>
      </c>
      <c r="AF338" t="s">
        <v>175</v>
      </c>
      <c r="AG338" t="s">
        <v>175</v>
      </c>
      <c r="AH338" t="s">
        <v>175</v>
      </c>
      <c r="AI338" t="s">
        <v>175</v>
      </c>
      <c r="AJ338" t="s">
        <v>175</v>
      </c>
      <c r="AK338" t="s">
        <v>175</v>
      </c>
      <c r="AL338" t="s">
        <v>42</v>
      </c>
      <c r="AM338" t="s">
        <v>206</v>
      </c>
      <c r="AN338" t="s">
        <v>204</v>
      </c>
      <c r="AO338" t="s">
        <v>201</v>
      </c>
      <c r="AP338" t="s">
        <v>182</v>
      </c>
      <c r="AQ338" t="s">
        <v>185</v>
      </c>
      <c r="AR338" t="s">
        <v>184</v>
      </c>
      <c r="AS338" t="s">
        <v>183</v>
      </c>
      <c r="AT338" t="s">
        <v>203</v>
      </c>
      <c r="AU338" t="s">
        <v>202</v>
      </c>
      <c r="AV338" t="s">
        <v>205</v>
      </c>
      <c r="AX338" t="s">
        <v>186</v>
      </c>
      <c r="AZ338" t="s">
        <v>207</v>
      </c>
      <c r="BA338" t="s">
        <v>188</v>
      </c>
      <c r="BC338" t="s">
        <v>209</v>
      </c>
      <c r="BF338" t="s">
        <v>49</v>
      </c>
      <c r="BG338" s="1">
        <v>0</v>
      </c>
      <c r="BH338" t="s">
        <v>211</v>
      </c>
      <c r="BK338" t="s">
        <v>191</v>
      </c>
      <c r="BL338" t="s">
        <v>3917</v>
      </c>
      <c r="BM338" t="s">
        <v>218</v>
      </c>
      <c r="BN338" t="s">
        <v>3918</v>
      </c>
      <c r="BO338" t="s">
        <v>191</v>
      </c>
      <c r="BP338" t="s">
        <v>3919</v>
      </c>
      <c r="BQ338" t="s">
        <v>3920</v>
      </c>
    </row>
    <row r="339" spans="1:69" x14ac:dyDescent="0.25">
      <c r="A339" s="1">
        <v>30448736</v>
      </c>
      <c r="B339" t="s">
        <v>3921</v>
      </c>
      <c r="C339" t="s">
        <v>39</v>
      </c>
      <c r="D339" t="s">
        <v>3727</v>
      </c>
      <c r="E339" t="s">
        <v>175</v>
      </c>
      <c r="L339" t="s">
        <v>52</v>
      </c>
      <c r="M339" s="1">
        <v>0</v>
      </c>
      <c r="N339" s="1">
        <v>0</v>
      </c>
      <c r="O339" t="s">
        <v>3728</v>
      </c>
      <c r="P339" t="s">
        <v>216</v>
      </c>
      <c r="Q339" t="s">
        <v>177</v>
      </c>
      <c r="S339" s="1">
        <v>0</v>
      </c>
      <c r="T339" t="s">
        <v>175</v>
      </c>
      <c r="X339" t="s">
        <v>179</v>
      </c>
      <c r="AC339" t="s">
        <v>180</v>
      </c>
      <c r="AD339" t="s">
        <v>181</v>
      </c>
      <c r="AE339" t="s">
        <v>181</v>
      </c>
      <c r="AF339" t="s">
        <v>181</v>
      </c>
      <c r="AG339" t="s">
        <v>181</v>
      </c>
      <c r="AH339" t="s">
        <v>175</v>
      </c>
      <c r="AI339" t="s">
        <v>175</v>
      </c>
      <c r="AJ339" t="s">
        <v>175</v>
      </c>
      <c r="AK339" t="s">
        <v>181</v>
      </c>
      <c r="AL339" s="1">
        <v>0</v>
      </c>
      <c r="AM339" s="1">
        <v>0</v>
      </c>
      <c r="AN339" s="1">
        <v>0</v>
      </c>
      <c r="AO339" s="1">
        <v>0</v>
      </c>
      <c r="AP339" s="1">
        <v>0</v>
      </c>
      <c r="AQ339" s="1">
        <v>0</v>
      </c>
      <c r="AR339" s="1">
        <v>0</v>
      </c>
      <c r="AS339" s="1">
        <v>0</v>
      </c>
      <c r="AT339" s="1">
        <v>0</v>
      </c>
      <c r="AU339" s="1">
        <v>0</v>
      </c>
      <c r="AV339" s="1">
        <v>0</v>
      </c>
      <c r="BF339" s="1">
        <v>0</v>
      </c>
      <c r="BG339" s="1">
        <v>0</v>
      </c>
      <c r="BH339" s="1">
        <v>0</v>
      </c>
      <c r="BK339" s="1">
        <v>0</v>
      </c>
      <c r="BM339" s="1">
        <v>0</v>
      </c>
      <c r="BO339" s="1">
        <v>0</v>
      </c>
    </row>
    <row r="340" spans="1:69" x14ac:dyDescent="0.25">
      <c r="A340" s="1">
        <v>30448737</v>
      </c>
      <c r="B340" t="s">
        <v>3922</v>
      </c>
      <c r="C340" t="s">
        <v>39</v>
      </c>
      <c r="D340" t="s">
        <v>3727</v>
      </c>
      <c r="E340" t="s">
        <v>175</v>
      </c>
      <c r="L340" t="s">
        <v>52</v>
      </c>
      <c r="M340" s="1">
        <v>0</v>
      </c>
      <c r="N340" s="1">
        <v>0</v>
      </c>
      <c r="O340" t="s">
        <v>3728</v>
      </c>
      <c r="P340" t="s">
        <v>216</v>
      </c>
      <c r="Q340" t="s">
        <v>328</v>
      </c>
      <c r="S340" s="1">
        <v>0</v>
      </c>
      <c r="T340" t="s">
        <v>175</v>
      </c>
      <c r="X340" t="s">
        <v>179</v>
      </c>
      <c r="AC340" t="s">
        <v>199</v>
      </c>
      <c r="AD340" t="s">
        <v>175</v>
      </c>
      <c r="AE340" t="s">
        <v>175</v>
      </c>
      <c r="AF340" t="s">
        <v>175</v>
      </c>
      <c r="AG340" t="s">
        <v>175</v>
      </c>
      <c r="AH340" t="s">
        <v>175</v>
      </c>
      <c r="AI340" t="s">
        <v>175</v>
      </c>
      <c r="AJ340" t="s">
        <v>181</v>
      </c>
      <c r="AK340" t="s">
        <v>175</v>
      </c>
      <c r="AL340" t="s">
        <v>49</v>
      </c>
      <c r="AM340" t="s">
        <v>204</v>
      </c>
      <c r="AN340" t="s">
        <v>182</v>
      </c>
      <c r="AO340" t="s">
        <v>185</v>
      </c>
      <c r="AP340" t="s">
        <v>202</v>
      </c>
      <c r="AQ340" t="s">
        <v>201</v>
      </c>
      <c r="AR340" t="s">
        <v>206</v>
      </c>
      <c r="AS340" t="s">
        <v>203</v>
      </c>
      <c r="AT340" t="s">
        <v>184</v>
      </c>
      <c r="AU340" t="s">
        <v>183</v>
      </c>
      <c r="AV340" t="s">
        <v>205</v>
      </c>
      <c r="AX340" t="s">
        <v>186</v>
      </c>
      <c r="BF340" t="s">
        <v>232</v>
      </c>
      <c r="BG340" t="s">
        <v>301</v>
      </c>
      <c r="BH340" t="s">
        <v>464</v>
      </c>
      <c r="BK340" t="s">
        <v>191</v>
      </c>
      <c r="BL340" t="s">
        <v>3923</v>
      </c>
      <c r="BM340" t="s">
        <v>191</v>
      </c>
      <c r="BO340" t="s">
        <v>218</v>
      </c>
    </row>
    <row r="341" spans="1:69" x14ac:dyDescent="0.25">
      <c r="A341" s="1">
        <v>30448743</v>
      </c>
      <c r="B341" t="s">
        <v>2625</v>
      </c>
      <c r="C341" t="s">
        <v>39</v>
      </c>
      <c r="D341" t="s">
        <v>2512</v>
      </c>
      <c r="E341" t="s">
        <v>175</v>
      </c>
      <c r="L341" t="s">
        <v>52</v>
      </c>
      <c r="M341" s="1">
        <v>0</v>
      </c>
      <c r="N341" s="1">
        <v>0</v>
      </c>
      <c r="O341" t="s">
        <v>2512</v>
      </c>
      <c r="P341" t="s">
        <v>216</v>
      </c>
      <c r="Q341" t="s">
        <v>322</v>
      </c>
      <c r="S341" s="1">
        <v>0</v>
      </c>
      <c r="T341" t="s">
        <v>175</v>
      </c>
      <c r="Y341" t="s">
        <v>224</v>
      </c>
      <c r="AC341" t="s">
        <v>199</v>
      </c>
      <c r="AD341" s="1">
        <v>0</v>
      </c>
      <c r="AE341" t="s">
        <v>299</v>
      </c>
      <c r="AF341" s="1">
        <v>0</v>
      </c>
      <c r="AG341" t="s">
        <v>299</v>
      </c>
      <c r="AH341" t="s">
        <v>299</v>
      </c>
      <c r="AI341" t="s">
        <v>299</v>
      </c>
      <c r="AJ341" t="s">
        <v>299</v>
      </c>
      <c r="AK341" t="s">
        <v>299</v>
      </c>
      <c r="AL341" t="s">
        <v>42</v>
      </c>
      <c r="AM341" t="s">
        <v>182</v>
      </c>
      <c r="AN341" t="s">
        <v>185</v>
      </c>
      <c r="AO341" t="s">
        <v>183</v>
      </c>
      <c r="AP341" t="s">
        <v>204</v>
      </c>
      <c r="AQ341" t="s">
        <v>202</v>
      </c>
      <c r="AR341" t="s">
        <v>206</v>
      </c>
      <c r="AS341" t="s">
        <v>203</v>
      </c>
      <c r="AT341" t="s">
        <v>184</v>
      </c>
      <c r="AU341" t="s">
        <v>201</v>
      </c>
      <c r="AV341" t="s">
        <v>205</v>
      </c>
      <c r="AZ341" t="s">
        <v>207</v>
      </c>
      <c r="BF341" t="s">
        <v>210</v>
      </c>
      <c r="BG341" s="1">
        <v>0</v>
      </c>
      <c r="BH341" t="s">
        <v>211</v>
      </c>
      <c r="BK341" t="s">
        <v>191</v>
      </c>
      <c r="BL341" t="s">
        <v>2626</v>
      </c>
      <c r="BM341" t="s">
        <v>191</v>
      </c>
      <c r="BO341" t="s">
        <v>191</v>
      </c>
      <c r="BQ341" t="s">
        <v>2627</v>
      </c>
    </row>
    <row r="342" spans="1:69" x14ac:dyDescent="0.25">
      <c r="A342" s="1">
        <v>30448745</v>
      </c>
      <c r="B342" t="s">
        <v>3263</v>
      </c>
      <c r="C342" t="s">
        <v>39</v>
      </c>
      <c r="D342" t="s">
        <v>3138</v>
      </c>
      <c r="E342" t="s">
        <v>216</v>
      </c>
      <c r="L342" t="s">
        <v>52</v>
      </c>
      <c r="M342" s="1">
        <v>0</v>
      </c>
      <c r="N342" s="1">
        <v>0</v>
      </c>
      <c r="O342" t="s">
        <v>3139</v>
      </c>
      <c r="P342" t="s">
        <v>216</v>
      </c>
      <c r="Q342" t="s">
        <v>322</v>
      </c>
      <c r="S342" s="1">
        <v>0</v>
      </c>
      <c r="T342" t="s">
        <v>197</v>
      </c>
      <c r="X342" t="s">
        <v>179</v>
      </c>
      <c r="AC342" t="s">
        <v>49</v>
      </c>
      <c r="AD342" t="s">
        <v>175</v>
      </c>
      <c r="AE342" t="s">
        <v>175</v>
      </c>
      <c r="AF342" t="s">
        <v>181</v>
      </c>
      <c r="AG342" t="s">
        <v>175</v>
      </c>
      <c r="AH342" t="s">
        <v>175</v>
      </c>
      <c r="AI342" t="s">
        <v>175</v>
      </c>
      <c r="AJ342" t="s">
        <v>175</v>
      </c>
      <c r="AK342" t="s">
        <v>175</v>
      </c>
      <c r="AL342" t="s">
        <v>42</v>
      </c>
      <c r="AM342" t="s">
        <v>204</v>
      </c>
      <c r="AN342" t="s">
        <v>184</v>
      </c>
      <c r="AO342" t="s">
        <v>205</v>
      </c>
      <c r="AP342" t="s">
        <v>206</v>
      </c>
      <c r="AQ342" t="s">
        <v>183</v>
      </c>
      <c r="AR342" t="s">
        <v>201</v>
      </c>
      <c r="AS342" t="s">
        <v>203</v>
      </c>
      <c r="AT342" t="s">
        <v>185</v>
      </c>
      <c r="AU342" t="s">
        <v>182</v>
      </c>
      <c r="AV342" t="s">
        <v>202</v>
      </c>
      <c r="BF342" s="1">
        <v>0</v>
      </c>
      <c r="BG342" s="1">
        <v>0</v>
      </c>
      <c r="BH342" s="1">
        <v>0</v>
      </c>
      <c r="BK342" s="1">
        <v>0</v>
      </c>
      <c r="BM342" s="1">
        <v>0</v>
      </c>
      <c r="BO342" s="1">
        <v>0</v>
      </c>
    </row>
    <row r="343" spans="1:69" x14ac:dyDescent="0.25">
      <c r="A343" s="1">
        <v>30448746</v>
      </c>
      <c r="B343" t="s">
        <v>3263</v>
      </c>
      <c r="C343" t="s">
        <v>39</v>
      </c>
      <c r="D343" t="s">
        <v>3138</v>
      </c>
      <c r="E343" t="s">
        <v>216</v>
      </c>
      <c r="L343" t="s">
        <v>52</v>
      </c>
      <c r="M343" s="1">
        <v>0</v>
      </c>
      <c r="N343" s="1">
        <v>0</v>
      </c>
      <c r="O343" t="s">
        <v>3139</v>
      </c>
      <c r="P343" t="s">
        <v>216</v>
      </c>
      <c r="Q343" t="s">
        <v>238</v>
      </c>
      <c r="S343" s="1">
        <v>0</v>
      </c>
      <c r="T343" t="s">
        <v>197</v>
      </c>
      <c r="W343" t="s">
        <v>262</v>
      </c>
      <c r="X343" t="s">
        <v>179</v>
      </c>
      <c r="Y343" t="s">
        <v>224</v>
      </c>
      <c r="Z343" t="s">
        <v>244</v>
      </c>
      <c r="AC343" t="s">
        <v>180</v>
      </c>
      <c r="AD343" t="s">
        <v>181</v>
      </c>
      <c r="AE343" t="s">
        <v>181</v>
      </c>
      <c r="AF343" t="s">
        <v>181</v>
      </c>
      <c r="AG343" t="s">
        <v>175</v>
      </c>
      <c r="AH343" t="s">
        <v>175</v>
      </c>
      <c r="AI343" t="s">
        <v>181</v>
      </c>
      <c r="AJ343" t="s">
        <v>175</v>
      </c>
      <c r="AK343" t="s">
        <v>181</v>
      </c>
      <c r="AL343" t="s">
        <v>42</v>
      </c>
      <c r="AM343" t="s">
        <v>206</v>
      </c>
      <c r="AN343" t="s">
        <v>182</v>
      </c>
      <c r="AO343" t="s">
        <v>201</v>
      </c>
      <c r="AP343" t="s">
        <v>205</v>
      </c>
      <c r="AQ343" t="s">
        <v>185</v>
      </c>
      <c r="AR343" t="s">
        <v>184</v>
      </c>
      <c r="AS343" t="s">
        <v>204</v>
      </c>
      <c r="AT343" t="s">
        <v>183</v>
      </c>
      <c r="AU343" t="s">
        <v>203</v>
      </c>
      <c r="AV343" t="s">
        <v>202</v>
      </c>
      <c r="AW343" t="s">
        <v>3264</v>
      </c>
      <c r="AX343" t="s">
        <v>186</v>
      </c>
      <c r="BA343" t="s">
        <v>188</v>
      </c>
      <c r="BC343" t="s">
        <v>209</v>
      </c>
      <c r="BF343" t="s">
        <v>292</v>
      </c>
      <c r="BG343" t="s">
        <v>301</v>
      </c>
      <c r="BH343" t="s">
        <v>247</v>
      </c>
      <c r="BK343" t="s">
        <v>191</v>
      </c>
      <c r="BL343" t="s">
        <v>3265</v>
      </c>
      <c r="BM343" t="s">
        <v>191</v>
      </c>
      <c r="BN343" t="s">
        <v>3266</v>
      </c>
      <c r="BO343" t="s">
        <v>191</v>
      </c>
      <c r="BP343" t="s">
        <v>3267</v>
      </c>
    </row>
    <row r="344" spans="1:69" x14ac:dyDescent="0.25">
      <c r="A344" s="1">
        <v>30448750</v>
      </c>
      <c r="B344" t="s">
        <v>1094</v>
      </c>
      <c r="C344" t="s">
        <v>39</v>
      </c>
      <c r="D344" t="s">
        <v>942</v>
      </c>
      <c r="E344" t="s">
        <v>175</v>
      </c>
      <c r="L344" t="s">
        <v>52</v>
      </c>
      <c r="M344" s="1">
        <v>0</v>
      </c>
      <c r="N344" s="1">
        <v>0</v>
      </c>
      <c r="O344" t="s">
        <v>942</v>
      </c>
      <c r="P344" t="s">
        <v>216</v>
      </c>
      <c r="Q344" t="s">
        <v>238</v>
      </c>
      <c r="S344" s="1">
        <v>0</v>
      </c>
      <c r="T344" t="s">
        <v>175</v>
      </c>
      <c r="X344" t="s">
        <v>179</v>
      </c>
      <c r="AC344" t="s">
        <v>180</v>
      </c>
      <c r="AD344" t="s">
        <v>175</v>
      </c>
      <c r="AE344" t="s">
        <v>175</v>
      </c>
      <c r="AF344" t="s">
        <v>175</v>
      </c>
      <c r="AG344" t="s">
        <v>175</v>
      </c>
      <c r="AH344" t="s">
        <v>175</v>
      </c>
      <c r="AI344" t="s">
        <v>175</v>
      </c>
      <c r="AJ344" t="s">
        <v>175</v>
      </c>
      <c r="AK344" t="s">
        <v>175</v>
      </c>
      <c r="AL344" t="s">
        <v>42</v>
      </c>
      <c r="AM344" t="s">
        <v>182</v>
      </c>
      <c r="AN344" t="s">
        <v>184</v>
      </c>
      <c r="AO344" t="s">
        <v>206</v>
      </c>
      <c r="AP344" t="s">
        <v>183</v>
      </c>
      <c r="AQ344" t="s">
        <v>204</v>
      </c>
      <c r="AR344" t="s">
        <v>202</v>
      </c>
      <c r="AS344" t="s">
        <v>203</v>
      </c>
      <c r="AT344" t="s">
        <v>185</v>
      </c>
      <c r="AU344" t="s">
        <v>205</v>
      </c>
      <c r="AV344" t="s">
        <v>201</v>
      </c>
      <c r="AX344" t="s">
        <v>186</v>
      </c>
      <c r="AZ344" t="s">
        <v>207</v>
      </c>
      <c r="BC344" t="s">
        <v>209</v>
      </c>
      <c r="BF344" t="s">
        <v>232</v>
      </c>
      <c r="BG344" t="s">
        <v>301</v>
      </c>
      <c r="BH344" t="s">
        <v>211</v>
      </c>
      <c r="BK344" t="s">
        <v>191</v>
      </c>
      <c r="BL344" t="s">
        <v>1095</v>
      </c>
      <c r="BM344" t="s">
        <v>191</v>
      </c>
      <c r="BN344" t="s">
        <v>1096</v>
      </c>
      <c r="BO344" t="s">
        <v>218</v>
      </c>
      <c r="BP344" t="s">
        <v>1097</v>
      </c>
      <c r="BQ344" t="s">
        <v>1098</v>
      </c>
    </row>
    <row r="345" spans="1:69" x14ac:dyDescent="0.25">
      <c r="A345" s="1">
        <v>30448754</v>
      </c>
      <c r="B345" t="s">
        <v>2628</v>
      </c>
      <c r="C345" t="s">
        <v>39</v>
      </c>
      <c r="D345" t="s">
        <v>2512</v>
      </c>
      <c r="E345" t="s">
        <v>216</v>
      </c>
      <c r="L345" t="s">
        <v>52</v>
      </c>
      <c r="M345" s="1">
        <v>0</v>
      </c>
      <c r="N345" s="1">
        <v>0</v>
      </c>
      <c r="O345" t="s">
        <v>2512</v>
      </c>
      <c r="P345" t="s">
        <v>216</v>
      </c>
      <c r="Q345" t="s">
        <v>322</v>
      </c>
      <c r="S345" s="1">
        <v>0</v>
      </c>
      <c r="T345" t="s">
        <v>197</v>
      </c>
      <c r="U345" t="s">
        <v>2629</v>
      </c>
      <c r="X345" t="s">
        <v>179</v>
      </c>
      <c r="AC345" t="s">
        <v>180</v>
      </c>
      <c r="AD345" t="s">
        <v>175</v>
      </c>
      <c r="AE345" t="s">
        <v>230</v>
      </c>
      <c r="AF345" t="s">
        <v>175</v>
      </c>
      <c r="AG345" t="s">
        <v>200</v>
      </c>
      <c r="AH345" t="s">
        <v>175</v>
      </c>
      <c r="AI345" t="s">
        <v>175</v>
      </c>
      <c r="AJ345" t="s">
        <v>175</v>
      </c>
      <c r="AK345" t="s">
        <v>175</v>
      </c>
      <c r="AL345" t="s">
        <v>52</v>
      </c>
      <c r="AM345" t="s">
        <v>182</v>
      </c>
      <c r="AN345" t="s">
        <v>206</v>
      </c>
      <c r="AO345" t="s">
        <v>205</v>
      </c>
      <c r="AP345" t="s">
        <v>185</v>
      </c>
      <c r="AQ345" t="s">
        <v>202</v>
      </c>
      <c r="AR345" t="s">
        <v>203</v>
      </c>
      <c r="AS345" t="s">
        <v>183</v>
      </c>
      <c r="AT345" t="s">
        <v>184</v>
      </c>
      <c r="AU345" t="s">
        <v>201</v>
      </c>
      <c r="AV345" t="s">
        <v>204</v>
      </c>
      <c r="AX345" t="s">
        <v>186</v>
      </c>
      <c r="AY345" t="s">
        <v>187</v>
      </c>
      <c r="AZ345" t="s">
        <v>207</v>
      </c>
      <c r="BB345" t="s">
        <v>208</v>
      </c>
      <c r="BC345" t="s">
        <v>209</v>
      </c>
      <c r="BF345" t="s">
        <v>232</v>
      </c>
      <c r="BG345" t="s">
        <v>49</v>
      </c>
      <c r="BH345" t="s">
        <v>247</v>
      </c>
      <c r="BK345" t="s">
        <v>191</v>
      </c>
      <c r="BL345" t="s">
        <v>2630</v>
      </c>
      <c r="BM345" t="s">
        <v>191</v>
      </c>
      <c r="BN345" t="s">
        <v>2631</v>
      </c>
      <c r="BO345" t="s">
        <v>218</v>
      </c>
      <c r="BP345" t="s">
        <v>911</v>
      </c>
    </row>
    <row r="346" spans="1:69" x14ac:dyDescent="0.25">
      <c r="A346" s="1">
        <v>30448755</v>
      </c>
      <c r="B346" t="s">
        <v>1812</v>
      </c>
      <c r="C346" t="s">
        <v>39</v>
      </c>
      <c r="D346" t="s">
        <v>1616</v>
      </c>
      <c r="E346" t="s">
        <v>195</v>
      </c>
      <c r="L346" t="s">
        <v>52</v>
      </c>
      <c r="M346" s="1">
        <v>0</v>
      </c>
      <c r="N346" s="1">
        <v>0</v>
      </c>
      <c r="O346" t="s">
        <v>1616</v>
      </c>
      <c r="P346" t="s">
        <v>176</v>
      </c>
      <c r="Q346" t="s">
        <v>177</v>
      </c>
      <c r="S346" t="s">
        <v>178</v>
      </c>
      <c r="T346" t="s">
        <v>297</v>
      </c>
      <c r="U346" t="s">
        <v>1813</v>
      </c>
      <c r="AA346" t="s">
        <v>273</v>
      </c>
      <c r="AB346" t="s">
        <v>1814</v>
      </c>
      <c r="AC346" t="s">
        <v>180</v>
      </c>
      <c r="AD346" t="s">
        <v>175</v>
      </c>
      <c r="AE346" t="s">
        <v>299</v>
      </c>
      <c r="AF346" t="s">
        <v>299</v>
      </c>
      <c r="AG346" t="s">
        <v>175</v>
      </c>
      <c r="AH346" t="s">
        <v>200</v>
      </c>
      <c r="AI346" t="s">
        <v>200</v>
      </c>
      <c r="AJ346" t="s">
        <v>200</v>
      </c>
      <c r="AK346" t="s">
        <v>200</v>
      </c>
      <c r="AL346" t="s">
        <v>42</v>
      </c>
      <c r="AM346" t="s">
        <v>184</v>
      </c>
      <c r="AN346" t="s">
        <v>201</v>
      </c>
      <c r="AO346" t="s">
        <v>206</v>
      </c>
      <c r="AP346" t="s">
        <v>185</v>
      </c>
      <c r="AQ346" t="s">
        <v>204</v>
      </c>
      <c r="AR346" t="s">
        <v>202</v>
      </c>
      <c r="AS346" t="s">
        <v>203</v>
      </c>
      <c r="AT346" t="s">
        <v>182</v>
      </c>
      <c r="AU346" t="s">
        <v>183</v>
      </c>
      <c r="AV346" t="s">
        <v>205</v>
      </c>
      <c r="AW346" t="s">
        <v>1815</v>
      </c>
      <c r="AX346" t="s">
        <v>186</v>
      </c>
      <c r="AZ346" t="s">
        <v>207</v>
      </c>
      <c r="BB346" t="s">
        <v>208</v>
      </c>
      <c r="BF346" t="s">
        <v>210</v>
      </c>
      <c r="BG346" s="1">
        <v>0</v>
      </c>
      <c r="BH346" t="s">
        <v>190</v>
      </c>
      <c r="BK346" t="s">
        <v>191</v>
      </c>
      <c r="BM346" t="s">
        <v>191</v>
      </c>
      <c r="BO346" t="s">
        <v>191</v>
      </c>
      <c r="BQ346" t="s">
        <v>1816</v>
      </c>
    </row>
    <row r="347" spans="1:69" x14ac:dyDescent="0.25">
      <c r="A347" s="1">
        <v>30448756</v>
      </c>
      <c r="B347" t="s">
        <v>3924</v>
      </c>
      <c r="C347" t="s">
        <v>39</v>
      </c>
      <c r="D347" t="s">
        <v>3727</v>
      </c>
      <c r="E347" t="s">
        <v>195</v>
      </c>
      <c r="L347" t="s">
        <v>52</v>
      </c>
      <c r="M347" s="1">
        <v>0</v>
      </c>
      <c r="N347" s="1">
        <v>0</v>
      </c>
      <c r="O347" t="s">
        <v>3728</v>
      </c>
      <c r="P347" t="s">
        <v>176</v>
      </c>
      <c r="Q347" t="s">
        <v>258</v>
      </c>
      <c r="S347" t="s">
        <v>178</v>
      </c>
      <c r="T347" t="s">
        <v>197</v>
      </c>
      <c r="Y347" t="s">
        <v>224</v>
      </c>
      <c r="AC347" t="s">
        <v>1357</v>
      </c>
      <c r="AD347" t="s">
        <v>181</v>
      </c>
      <c r="AE347" t="s">
        <v>181</v>
      </c>
      <c r="AF347" t="s">
        <v>181</v>
      </c>
      <c r="AG347" t="s">
        <v>181</v>
      </c>
      <c r="AH347" t="s">
        <v>181</v>
      </c>
      <c r="AI347" t="s">
        <v>181</v>
      </c>
      <c r="AJ347" t="s">
        <v>181</v>
      </c>
      <c r="AK347" t="s">
        <v>181</v>
      </c>
      <c r="AL347" t="s">
        <v>42</v>
      </c>
      <c r="AM347" s="1">
        <v>0</v>
      </c>
      <c r="AN347" s="1">
        <v>0</v>
      </c>
      <c r="AO347" s="1">
        <v>0</v>
      </c>
      <c r="AP347" s="1">
        <v>0</v>
      </c>
      <c r="AQ347" s="1">
        <v>0</v>
      </c>
      <c r="AR347" s="1">
        <v>0</v>
      </c>
      <c r="AS347" s="1">
        <v>0</v>
      </c>
      <c r="AT347" s="1">
        <v>0</v>
      </c>
      <c r="AU347" s="1">
        <v>0</v>
      </c>
      <c r="AV347" s="1">
        <v>0</v>
      </c>
      <c r="BF347" s="1">
        <v>0</v>
      </c>
      <c r="BG347" s="1">
        <v>0</v>
      </c>
      <c r="BH347" s="1">
        <v>0</v>
      </c>
      <c r="BK347" s="1">
        <v>0</v>
      </c>
      <c r="BM347" t="s">
        <v>191</v>
      </c>
      <c r="BO347" t="s">
        <v>191</v>
      </c>
    </row>
    <row r="348" spans="1:69" x14ac:dyDescent="0.25">
      <c r="A348" s="1">
        <v>30448757</v>
      </c>
      <c r="B348" t="s">
        <v>3268</v>
      </c>
      <c r="C348" t="s">
        <v>39</v>
      </c>
      <c r="D348" t="s">
        <v>3727</v>
      </c>
      <c r="E348" t="s">
        <v>200</v>
      </c>
      <c r="L348" t="s">
        <v>52</v>
      </c>
      <c r="M348" s="1">
        <v>0</v>
      </c>
      <c r="N348" s="1">
        <v>0</v>
      </c>
      <c r="O348" t="s">
        <v>3728</v>
      </c>
      <c r="P348" t="s">
        <v>176</v>
      </c>
      <c r="Q348" t="s">
        <v>238</v>
      </c>
      <c r="S348" t="s">
        <v>178</v>
      </c>
      <c r="T348" t="s">
        <v>200</v>
      </c>
      <c r="AA348" t="s">
        <v>273</v>
      </c>
      <c r="AB348" t="s">
        <v>3925</v>
      </c>
      <c r="AC348" t="s">
        <v>266</v>
      </c>
      <c r="AD348" t="s">
        <v>200</v>
      </c>
      <c r="AE348" t="s">
        <v>200</v>
      </c>
      <c r="AF348" t="s">
        <v>200</v>
      </c>
      <c r="AG348" t="s">
        <v>200</v>
      </c>
      <c r="AH348" t="s">
        <v>200</v>
      </c>
      <c r="AI348" t="s">
        <v>200</v>
      </c>
      <c r="AJ348" t="s">
        <v>200</v>
      </c>
      <c r="AK348" t="s">
        <v>200</v>
      </c>
      <c r="AL348" t="s">
        <v>52</v>
      </c>
      <c r="AM348" s="1">
        <v>0</v>
      </c>
      <c r="AN348" s="1">
        <v>0</v>
      </c>
      <c r="AO348" s="1">
        <v>0</v>
      </c>
      <c r="AP348" s="1">
        <v>0</v>
      </c>
      <c r="AQ348" s="1">
        <v>0</v>
      </c>
      <c r="AR348" s="1">
        <v>0</v>
      </c>
      <c r="AS348" s="1">
        <v>0</v>
      </c>
      <c r="AT348" s="1">
        <v>0</v>
      </c>
      <c r="AU348" s="1">
        <v>0</v>
      </c>
      <c r="AV348" s="1">
        <v>0</v>
      </c>
      <c r="BF348" s="1">
        <v>0</v>
      </c>
      <c r="BG348" s="1">
        <v>0</v>
      </c>
      <c r="BH348" s="1">
        <v>0</v>
      </c>
      <c r="BK348" s="1">
        <v>0</v>
      </c>
      <c r="BM348" s="1">
        <v>0</v>
      </c>
      <c r="BO348" s="1">
        <v>0</v>
      </c>
    </row>
    <row r="349" spans="1:69" x14ac:dyDescent="0.25">
      <c r="A349" s="1">
        <v>30448758</v>
      </c>
      <c r="B349" t="s">
        <v>3268</v>
      </c>
      <c r="C349" t="s">
        <v>39</v>
      </c>
      <c r="D349" t="s">
        <v>3727</v>
      </c>
      <c r="E349" t="s">
        <v>200</v>
      </c>
      <c r="L349" t="s">
        <v>52</v>
      </c>
      <c r="M349" s="1">
        <v>0</v>
      </c>
      <c r="N349" s="1">
        <v>0</v>
      </c>
      <c r="O349" t="s">
        <v>3728</v>
      </c>
      <c r="P349" t="s">
        <v>176</v>
      </c>
      <c r="Q349" t="s">
        <v>196</v>
      </c>
      <c r="S349" t="s">
        <v>349</v>
      </c>
      <c r="T349" t="s">
        <v>200</v>
      </c>
      <c r="Y349" t="s">
        <v>224</v>
      </c>
      <c r="AC349" t="s">
        <v>180</v>
      </c>
      <c r="AD349" t="s">
        <v>175</v>
      </c>
      <c r="AE349" t="s">
        <v>175</v>
      </c>
      <c r="AF349" t="s">
        <v>181</v>
      </c>
      <c r="AG349" t="s">
        <v>181</v>
      </c>
      <c r="AH349" t="s">
        <v>175</v>
      </c>
      <c r="AI349" t="s">
        <v>175</v>
      </c>
      <c r="AJ349" t="s">
        <v>175</v>
      </c>
      <c r="AK349" t="s">
        <v>175</v>
      </c>
      <c r="AL349" t="s">
        <v>42</v>
      </c>
      <c r="AM349" t="s">
        <v>201</v>
      </c>
      <c r="AN349" t="s">
        <v>206</v>
      </c>
      <c r="AO349" t="s">
        <v>185</v>
      </c>
      <c r="AP349" t="s">
        <v>183</v>
      </c>
      <c r="AQ349" t="s">
        <v>182</v>
      </c>
      <c r="AR349" t="s">
        <v>184</v>
      </c>
      <c r="AS349" t="s">
        <v>205</v>
      </c>
      <c r="AT349" t="s">
        <v>204</v>
      </c>
      <c r="AU349" t="s">
        <v>202</v>
      </c>
      <c r="AV349" t="s">
        <v>203</v>
      </c>
      <c r="AY349" t="s">
        <v>187</v>
      </c>
      <c r="BA349" t="s">
        <v>188</v>
      </c>
      <c r="BB349" t="s">
        <v>208</v>
      </c>
      <c r="BF349" s="1">
        <v>0</v>
      </c>
      <c r="BG349" s="1">
        <v>0</v>
      </c>
      <c r="BH349" t="s">
        <v>464</v>
      </c>
      <c r="BK349" t="s">
        <v>191</v>
      </c>
      <c r="BL349" t="s">
        <v>3875</v>
      </c>
      <c r="BM349" t="s">
        <v>191</v>
      </c>
      <c r="BO349" t="s">
        <v>191</v>
      </c>
    </row>
    <row r="350" spans="1:69" x14ac:dyDescent="0.25">
      <c r="A350" s="1">
        <v>30448759</v>
      </c>
      <c r="B350" t="s">
        <v>3268</v>
      </c>
      <c r="C350" t="s">
        <v>39</v>
      </c>
      <c r="D350" t="s">
        <v>3138</v>
      </c>
      <c r="E350" t="s">
        <v>175</v>
      </c>
      <c r="L350" t="s">
        <v>52</v>
      </c>
      <c r="M350" s="1">
        <v>0</v>
      </c>
      <c r="N350" s="1">
        <v>0</v>
      </c>
      <c r="O350" t="s">
        <v>3139</v>
      </c>
      <c r="P350" t="s">
        <v>176</v>
      </c>
      <c r="Q350" t="s">
        <v>177</v>
      </c>
      <c r="S350" t="s">
        <v>178</v>
      </c>
      <c r="T350" t="s">
        <v>175</v>
      </c>
      <c r="X350" t="s">
        <v>179</v>
      </c>
      <c r="AC350" t="s">
        <v>199</v>
      </c>
      <c r="AD350" t="s">
        <v>175</v>
      </c>
      <c r="AE350" t="s">
        <v>175</v>
      </c>
      <c r="AF350" t="s">
        <v>175</v>
      </c>
      <c r="AG350" t="s">
        <v>175</v>
      </c>
      <c r="AH350" t="s">
        <v>175</v>
      </c>
      <c r="AI350" t="s">
        <v>175</v>
      </c>
      <c r="AJ350" t="s">
        <v>175</v>
      </c>
      <c r="AK350" t="s">
        <v>175</v>
      </c>
      <c r="AL350" t="s">
        <v>42</v>
      </c>
      <c r="AM350" t="s">
        <v>182</v>
      </c>
      <c r="AN350" t="s">
        <v>183</v>
      </c>
      <c r="AO350" t="s">
        <v>185</v>
      </c>
      <c r="AP350" t="s">
        <v>184</v>
      </c>
      <c r="AQ350" t="s">
        <v>202</v>
      </c>
      <c r="AR350" t="s">
        <v>203</v>
      </c>
      <c r="AS350" t="s">
        <v>204</v>
      </c>
      <c r="AT350" t="s">
        <v>201</v>
      </c>
      <c r="AU350" t="s">
        <v>206</v>
      </c>
      <c r="AV350" t="s">
        <v>205</v>
      </c>
      <c r="AY350" t="s">
        <v>187</v>
      </c>
      <c r="AZ350" t="s">
        <v>207</v>
      </c>
      <c r="BC350" t="s">
        <v>209</v>
      </c>
      <c r="BF350" t="s">
        <v>189</v>
      </c>
      <c r="BG350" s="1">
        <v>0</v>
      </c>
      <c r="BH350" t="s">
        <v>247</v>
      </c>
      <c r="BK350" t="s">
        <v>191</v>
      </c>
      <c r="BL350" t="s">
        <v>3269</v>
      </c>
      <c r="BM350" t="s">
        <v>191</v>
      </c>
      <c r="BN350" t="s">
        <v>3270</v>
      </c>
      <c r="BO350" t="s">
        <v>191</v>
      </c>
      <c r="BP350" t="s">
        <v>3271</v>
      </c>
    </row>
    <row r="351" spans="1:69" x14ac:dyDescent="0.25">
      <c r="A351" s="1">
        <v>30448761</v>
      </c>
      <c r="B351" t="s">
        <v>3926</v>
      </c>
      <c r="C351" t="s">
        <v>39</v>
      </c>
      <c r="D351" t="s">
        <v>3727</v>
      </c>
      <c r="E351" t="s">
        <v>195</v>
      </c>
      <c r="L351" t="s">
        <v>52</v>
      </c>
      <c r="M351" s="1">
        <v>0</v>
      </c>
      <c r="N351" s="1">
        <v>0</v>
      </c>
      <c r="O351" t="s">
        <v>3728</v>
      </c>
      <c r="P351" t="s">
        <v>176</v>
      </c>
      <c r="Q351" t="s">
        <v>196</v>
      </c>
      <c r="S351" t="s">
        <v>256</v>
      </c>
      <c r="T351" t="s">
        <v>197</v>
      </c>
      <c r="U351" t="s">
        <v>3927</v>
      </c>
      <c r="X351" t="s">
        <v>179</v>
      </c>
      <c r="AC351" t="s">
        <v>180</v>
      </c>
      <c r="AD351" t="s">
        <v>230</v>
      </c>
      <c r="AE351" t="s">
        <v>230</v>
      </c>
      <c r="AF351" t="s">
        <v>230</v>
      </c>
      <c r="AG351" t="s">
        <v>230</v>
      </c>
      <c r="AH351" t="s">
        <v>181</v>
      </c>
      <c r="AI351" t="s">
        <v>181</v>
      </c>
      <c r="AJ351" t="s">
        <v>175</v>
      </c>
      <c r="AK351" t="s">
        <v>230</v>
      </c>
      <c r="AL351" t="s">
        <v>42</v>
      </c>
      <c r="AM351" t="s">
        <v>184</v>
      </c>
      <c r="AN351" s="1">
        <v>0</v>
      </c>
      <c r="AO351" s="1">
        <v>0</v>
      </c>
      <c r="AP351" t="s">
        <v>182</v>
      </c>
      <c r="AQ351" t="s">
        <v>185</v>
      </c>
      <c r="AR351" s="1">
        <v>0</v>
      </c>
      <c r="AS351" s="1">
        <v>0</v>
      </c>
      <c r="AT351" s="1">
        <v>0</v>
      </c>
      <c r="AU351" s="1">
        <v>0</v>
      </c>
      <c r="AV351" s="1">
        <v>0</v>
      </c>
      <c r="AX351" t="s">
        <v>186</v>
      </c>
      <c r="BF351" t="s">
        <v>210</v>
      </c>
      <c r="BG351" s="1">
        <v>0</v>
      </c>
      <c r="BH351" s="1">
        <v>0</v>
      </c>
      <c r="BK351" s="1">
        <v>0</v>
      </c>
      <c r="BM351" s="1">
        <v>0</v>
      </c>
      <c r="BO351" s="1">
        <v>0</v>
      </c>
    </row>
    <row r="352" spans="1:69" x14ac:dyDescent="0.25">
      <c r="A352" s="1">
        <v>30448768</v>
      </c>
      <c r="B352" t="s">
        <v>388</v>
      </c>
      <c r="C352" t="s">
        <v>39</v>
      </c>
      <c r="D352" t="s">
        <v>174</v>
      </c>
      <c r="E352" t="s">
        <v>195</v>
      </c>
      <c r="L352" t="s">
        <v>52</v>
      </c>
      <c r="M352" s="1">
        <v>0</v>
      </c>
      <c r="N352" s="1">
        <v>0</v>
      </c>
      <c r="O352" t="s">
        <v>174</v>
      </c>
      <c r="P352" t="s">
        <v>176</v>
      </c>
      <c r="Q352" t="s">
        <v>258</v>
      </c>
      <c r="S352" t="s">
        <v>222</v>
      </c>
      <c r="T352" t="s">
        <v>197</v>
      </c>
      <c r="X352" t="s">
        <v>179</v>
      </c>
      <c r="Y352" t="s">
        <v>224</v>
      </c>
      <c r="AC352" t="s">
        <v>180</v>
      </c>
      <c r="AD352" t="s">
        <v>181</v>
      </c>
      <c r="AE352" t="s">
        <v>181</v>
      </c>
      <c r="AF352" t="s">
        <v>230</v>
      </c>
      <c r="AG352" t="s">
        <v>230</v>
      </c>
      <c r="AH352" t="s">
        <v>181</v>
      </c>
      <c r="AI352" t="s">
        <v>181</v>
      </c>
      <c r="AJ352" t="s">
        <v>181</v>
      </c>
      <c r="AK352" t="s">
        <v>181</v>
      </c>
      <c r="AL352" t="s">
        <v>42</v>
      </c>
      <c r="AM352" t="s">
        <v>183</v>
      </c>
      <c r="AN352" t="s">
        <v>205</v>
      </c>
      <c r="AO352" t="s">
        <v>201</v>
      </c>
      <c r="AP352" t="s">
        <v>206</v>
      </c>
      <c r="AQ352" t="s">
        <v>184</v>
      </c>
      <c r="AR352" t="s">
        <v>182</v>
      </c>
      <c r="AS352" t="s">
        <v>185</v>
      </c>
      <c r="AT352" t="s">
        <v>204</v>
      </c>
      <c r="AU352" t="s">
        <v>202</v>
      </c>
      <c r="AV352" t="s">
        <v>203</v>
      </c>
      <c r="AX352" t="s">
        <v>186</v>
      </c>
      <c r="AY352" t="s">
        <v>187</v>
      </c>
      <c r="BC352" t="s">
        <v>209</v>
      </c>
      <c r="BF352" t="s">
        <v>189</v>
      </c>
      <c r="BG352" s="1">
        <v>0</v>
      </c>
      <c r="BH352" t="s">
        <v>211</v>
      </c>
      <c r="BK352" t="s">
        <v>191</v>
      </c>
      <c r="BL352" t="s">
        <v>389</v>
      </c>
      <c r="BM352" t="s">
        <v>218</v>
      </c>
      <c r="BN352" t="s">
        <v>390</v>
      </c>
      <c r="BO352" t="s">
        <v>218</v>
      </c>
    </row>
    <row r="353" spans="1:69" x14ac:dyDescent="0.25">
      <c r="A353" s="1">
        <v>30448769</v>
      </c>
      <c r="B353" t="s">
        <v>1099</v>
      </c>
      <c r="C353" t="s">
        <v>39</v>
      </c>
      <c r="D353" t="s">
        <v>942</v>
      </c>
      <c r="E353" t="s">
        <v>200</v>
      </c>
      <c r="L353" t="s">
        <v>52</v>
      </c>
      <c r="M353" s="1">
        <v>0</v>
      </c>
      <c r="N353" s="1">
        <v>0</v>
      </c>
      <c r="O353" t="s">
        <v>942</v>
      </c>
      <c r="P353" t="s">
        <v>176</v>
      </c>
      <c r="Q353" t="s">
        <v>196</v>
      </c>
      <c r="S353" t="s">
        <v>178</v>
      </c>
      <c r="T353" t="s">
        <v>200</v>
      </c>
      <c r="Y353" t="s">
        <v>224</v>
      </c>
      <c r="Z353" t="s">
        <v>244</v>
      </c>
      <c r="AC353" t="s">
        <v>180</v>
      </c>
      <c r="AD353" t="s">
        <v>200</v>
      </c>
      <c r="AE353" t="s">
        <v>200</v>
      </c>
      <c r="AF353" t="s">
        <v>200</v>
      </c>
      <c r="AG353" t="s">
        <v>200</v>
      </c>
      <c r="AH353" t="s">
        <v>200</v>
      </c>
      <c r="AI353" t="s">
        <v>200</v>
      </c>
      <c r="AJ353" t="s">
        <v>200</v>
      </c>
      <c r="AK353" t="s">
        <v>200</v>
      </c>
      <c r="AL353" t="s">
        <v>52</v>
      </c>
      <c r="AM353" t="s">
        <v>185</v>
      </c>
      <c r="AN353" s="1">
        <v>0</v>
      </c>
      <c r="AO353" t="s">
        <v>184</v>
      </c>
      <c r="AP353" s="1">
        <v>0</v>
      </c>
      <c r="AQ353" s="1">
        <v>0</v>
      </c>
      <c r="AR353" s="1">
        <v>0</v>
      </c>
      <c r="AS353" s="1">
        <v>0</v>
      </c>
      <c r="AT353" t="s">
        <v>182</v>
      </c>
      <c r="AU353" s="1">
        <v>0</v>
      </c>
      <c r="AV353" s="1">
        <v>0</v>
      </c>
      <c r="AX353" t="s">
        <v>186</v>
      </c>
      <c r="AY353" t="s">
        <v>187</v>
      </c>
      <c r="AZ353" t="s">
        <v>207</v>
      </c>
      <c r="BA353" t="s">
        <v>188</v>
      </c>
      <c r="BB353" t="s">
        <v>208</v>
      </c>
      <c r="BC353" t="s">
        <v>209</v>
      </c>
      <c r="BF353" t="s">
        <v>232</v>
      </c>
      <c r="BG353" t="s">
        <v>301</v>
      </c>
      <c r="BH353" t="s">
        <v>211</v>
      </c>
      <c r="BK353" t="s">
        <v>191</v>
      </c>
      <c r="BL353" t="s">
        <v>1100</v>
      </c>
      <c r="BM353" t="s">
        <v>191</v>
      </c>
      <c r="BN353" t="s">
        <v>1101</v>
      </c>
      <c r="BO353" t="s">
        <v>191</v>
      </c>
      <c r="BP353" t="s">
        <v>1102</v>
      </c>
    </row>
    <row r="354" spans="1:69" x14ac:dyDescent="0.25">
      <c r="A354" s="1">
        <v>30448770</v>
      </c>
      <c r="B354" t="s">
        <v>3272</v>
      </c>
      <c r="C354" t="s">
        <v>39</v>
      </c>
      <c r="D354" t="s">
        <v>3138</v>
      </c>
      <c r="E354" t="s">
        <v>175</v>
      </c>
      <c r="L354" t="s">
        <v>52</v>
      </c>
      <c r="M354" s="1">
        <v>0</v>
      </c>
      <c r="N354" s="1">
        <v>0</v>
      </c>
      <c r="O354" t="s">
        <v>3139</v>
      </c>
      <c r="P354" t="s">
        <v>176</v>
      </c>
      <c r="Q354" t="s">
        <v>177</v>
      </c>
      <c r="S354" t="s">
        <v>222</v>
      </c>
      <c r="T354" t="s">
        <v>175</v>
      </c>
      <c r="X354" t="s">
        <v>179</v>
      </c>
      <c r="Y354" t="s">
        <v>224</v>
      </c>
      <c r="Z354" t="s">
        <v>244</v>
      </c>
      <c r="AC354" t="s">
        <v>180</v>
      </c>
      <c r="AD354" t="s">
        <v>175</v>
      </c>
      <c r="AE354" t="s">
        <v>181</v>
      </c>
      <c r="AF354" t="s">
        <v>175</v>
      </c>
      <c r="AG354" t="s">
        <v>230</v>
      </c>
      <c r="AH354" t="s">
        <v>175</v>
      </c>
      <c r="AI354" t="s">
        <v>175</v>
      </c>
      <c r="AJ354" t="s">
        <v>175</v>
      </c>
      <c r="AK354" t="s">
        <v>181</v>
      </c>
      <c r="AL354" t="s">
        <v>52</v>
      </c>
      <c r="AM354" t="s">
        <v>185</v>
      </c>
      <c r="AN354" t="s">
        <v>182</v>
      </c>
      <c r="AO354" t="s">
        <v>204</v>
      </c>
      <c r="AP354" t="s">
        <v>205</v>
      </c>
      <c r="AQ354" t="s">
        <v>203</v>
      </c>
      <c r="AR354" t="s">
        <v>202</v>
      </c>
      <c r="AS354" t="s">
        <v>201</v>
      </c>
      <c r="AT354" t="s">
        <v>184</v>
      </c>
      <c r="AU354" t="s">
        <v>183</v>
      </c>
      <c r="AV354" t="s">
        <v>206</v>
      </c>
      <c r="AY354" t="s">
        <v>187</v>
      </c>
      <c r="AZ354" t="s">
        <v>207</v>
      </c>
      <c r="BF354" t="s">
        <v>292</v>
      </c>
      <c r="BG354" t="s">
        <v>233</v>
      </c>
      <c r="BH354" t="s">
        <v>211</v>
      </c>
      <c r="BK354" t="s">
        <v>191</v>
      </c>
      <c r="BM354" t="s">
        <v>191</v>
      </c>
      <c r="BO354" t="s">
        <v>191</v>
      </c>
    </row>
    <row r="355" spans="1:69" x14ac:dyDescent="0.25">
      <c r="A355" s="1">
        <v>30448771</v>
      </c>
      <c r="B355" t="s">
        <v>1103</v>
      </c>
      <c r="C355" t="s">
        <v>39</v>
      </c>
      <c r="D355" t="s">
        <v>942</v>
      </c>
      <c r="E355" t="s">
        <v>200</v>
      </c>
      <c r="L355" t="s">
        <v>52</v>
      </c>
      <c r="M355" s="1">
        <v>0</v>
      </c>
      <c r="N355" s="1">
        <v>0</v>
      </c>
      <c r="O355" t="s">
        <v>942</v>
      </c>
      <c r="P355" t="s">
        <v>176</v>
      </c>
      <c r="Q355" t="s">
        <v>196</v>
      </c>
      <c r="S355" t="s">
        <v>178</v>
      </c>
      <c r="T355" t="s">
        <v>200</v>
      </c>
      <c r="Z355" t="s">
        <v>244</v>
      </c>
      <c r="AC355" t="s">
        <v>199</v>
      </c>
      <c r="AD355" t="s">
        <v>200</v>
      </c>
      <c r="AE355" t="s">
        <v>200</v>
      </c>
      <c r="AF355" t="s">
        <v>200</v>
      </c>
      <c r="AG355" t="s">
        <v>175</v>
      </c>
      <c r="AH355" t="s">
        <v>200</v>
      </c>
      <c r="AI355" t="s">
        <v>200</v>
      </c>
      <c r="AJ355" t="s">
        <v>200</v>
      </c>
      <c r="AK355" t="s">
        <v>200</v>
      </c>
      <c r="AL355" t="s">
        <v>52</v>
      </c>
      <c r="AM355" t="s">
        <v>183</v>
      </c>
      <c r="AN355" t="s">
        <v>182</v>
      </c>
      <c r="AO355" s="1">
        <v>0</v>
      </c>
      <c r="AP355" t="s">
        <v>185</v>
      </c>
      <c r="AQ355" s="1">
        <v>0</v>
      </c>
      <c r="AR355" s="1">
        <v>0</v>
      </c>
      <c r="AS355" t="s">
        <v>184</v>
      </c>
      <c r="AT355" s="1">
        <v>0</v>
      </c>
      <c r="AU355" s="1">
        <v>0</v>
      </c>
      <c r="AV355" s="1">
        <v>0</v>
      </c>
      <c r="AW355" t="s">
        <v>1104</v>
      </c>
      <c r="AX355" t="s">
        <v>186</v>
      </c>
      <c r="AY355" t="s">
        <v>187</v>
      </c>
      <c r="AZ355" t="s">
        <v>207</v>
      </c>
      <c r="BA355" t="s">
        <v>188</v>
      </c>
      <c r="BF355" t="s">
        <v>232</v>
      </c>
      <c r="BG355" t="s">
        <v>301</v>
      </c>
      <c r="BH355" t="s">
        <v>247</v>
      </c>
      <c r="BK355" t="s">
        <v>191</v>
      </c>
      <c r="BL355" t="s">
        <v>1105</v>
      </c>
      <c r="BM355" t="s">
        <v>191</v>
      </c>
      <c r="BN355" t="s">
        <v>1106</v>
      </c>
      <c r="BO355" t="s">
        <v>218</v>
      </c>
      <c r="BP355" t="s">
        <v>1107</v>
      </c>
      <c r="BQ355" t="s">
        <v>1108</v>
      </c>
    </row>
    <row r="356" spans="1:69" x14ac:dyDescent="0.25">
      <c r="A356" s="1">
        <v>30448772</v>
      </c>
      <c r="B356" t="s">
        <v>1109</v>
      </c>
      <c r="C356" t="s">
        <v>39</v>
      </c>
      <c r="D356" t="s">
        <v>942</v>
      </c>
      <c r="E356" t="s">
        <v>195</v>
      </c>
      <c r="L356" t="s">
        <v>52</v>
      </c>
      <c r="M356" s="1">
        <v>0</v>
      </c>
      <c r="N356" s="1">
        <v>0</v>
      </c>
      <c r="O356" t="s">
        <v>942</v>
      </c>
      <c r="P356" t="s">
        <v>176</v>
      </c>
      <c r="Q356" t="s">
        <v>196</v>
      </c>
      <c r="S356" t="s">
        <v>178</v>
      </c>
      <c r="T356" t="s">
        <v>297</v>
      </c>
      <c r="U356" t="s">
        <v>1110</v>
      </c>
      <c r="V356" t="s">
        <v>397</v>
      </c>
      <c r="W356" t="s">
        <v>262</v>
      </c>
      <c r="X356" t="s">
        <v>179</v>
      </c>
      <c r="Y356" t="s">
        <v>224</v>
      </c>
      <c r="Z356" t="s">
        <v>244</v>
      </c>
      <c r="AC356" t="s">
        <v>180</v>
      </c>
      <c r="AD356" t="s">
        <v>299</v>
      </c>
      <c r="AE356" t="s">
        <v>299</v>
      </c>
      <c r="AF356" t="s">
        <v>230</v>
      </c>
      <c r="AG356" t="s">
        <v>299</v>
      </c>
      <c r="AH356" t="s">
        <v>230</v>
      </c>
      <c r="AI356" t="s">
        <v>230</v>
      </c>
      <c r="AJ356" t="s">
        <v>230</v>
      </c>
      <c r="AK356" t="s">
        <v>299</v>
      </c>
      <c r="AL356" t="s">
        <v>52</v>
      </c>
      <c r="AM356" t="s">
        <v>206</v>
      </c>
      <c r="AN356" t="s">
        <v>204</v>
      </c>
      <c r="AO356" t="s">
        <v>185</v>
      </c>
      <c r="AP356" t="s">
        <v>203</v>
      </c>
      <c r="AQ356" t="s">
        <v>202</v>
      </c>
      <c r="AR356" t="s">
        <v>183</v>
      </c>
      <c r="AS356" t="s">
        <v>205</v>
      </c>
      <c r="AT356" t="s">
        <v>182</v>
      </c>
      <c r="AU356" t="s">
        <v>184</v>
      </c>
      <c r="AV356" t="s">
        <v>201</v>
      </c>
      <c r="AX356" t="s">
        <v>186</v>
      </c>
      <c r="BA356" t="s">
        <v>188</v>
      </c>
      <c r="BF356" t="s">
        <v>292</v>
      </c>
      <c r="BG356" t="s">
        <v>276</v>
      </c>
      <c r="BH356" t="s">
        <v>247</v>
      </c>
      <c r="BK356" t="s">
        <v>191</v>
      </c>
      <c r="BL356" t="s">
        <v>1111</v>
      </c>
      <c r="BM356" t="s">
        <v>218</v>
      </c>
      <c r="BN356" t="s">
        <v>1112</v>
      </c>
      <c r="BO356" t="s">
        <v>191</v>
      </c>
      <c r="BP356" t="s">
        <v>1113</v>
      </c>
    </row>
    <row r="357" spans="1:69" x14ac:dyDescent="0.25">
      <c r="A357" s="1">
        <v>30448773</v>
      </c>
      <c r="B357" t="s">
        <v>1817</v>
      </c>
      <c r="C357" t="s">
        <v>39</v>
      </c>
      <c r="D357" t="s">
        <v>1616</v>
      </c>
      <c r="E357" t="s">
        <v>175</v>
      </c>
      <c r="L357" t="s">
        <v>52</v>
      </c>
      <c r="M357" s="1">
        <v>0</v>
      </c>
      <c r="N357" s="1">
        <v>0</v>
      </c>
      <c r="O357" t="s">
        <v>1616</v>
      </c>
      <c r="P357" t="s">
        <v>176</v>
      </c>
      <c r="Q357" t="s">
        <v>196</v>
      </c>
      <c r="S357" t="s">
        <v>315</v>
      </c>
      <c r="T357" t="s">
        <v>175</v>
      </c>
      <c r="Y357" t="s">
        <v>224</v>
      </c>
      <c r="Z357" t="s">
        <v>244</v>
      </c>
      <c r="AC357" t="s">
        <v>180</v>
      </c>
      <c r="AD357" t="s">
        <v>175</v>
      </c>
      <c r="AE357" t="s">
        <v>175</v>
      </c>
      <c r="AF357" t="s">
        <v>175</v>
      </c>
      <c r="AG357" t="s">
        <v>175</v>
      </c>
      <c r="AH357" t="s">
        <v>175</v>
      </c>
      <c r="AI357" t="s">
        <v>175</v>
      </c>
      <c r="AJ357" t="s">
        <v>175</v>
      </c>
      <c r="AK357" t="s">
        <v>175</v>
      </c>
      <c r="AL357" t="s">
        <v>42</v>
      </c>
      <c r="AM357" s="1">
        <v>0</v>
      </c>
      <c r="AN357" s="1">
        <v>0</v>
      </c>
      <c r="AO357" s="1">
        <v>0</v>
      </c>
      <c r="AP357" s="1">
        <v>0</v>
      </c>
      <c r="AQ357" s="1">
        <v>0</v>
      </c>
      <c r="AR357" s="1">
        <v>0</v>
      </c>
      <c r="AS357" s="1">
        <v>0</v>
      </c>
      <c r="AT357" s="1">
        <v>0</v>
      </c>
      <c r="AU357" s="1">
        <v>0</v>
      </c>
      <c r="AV357" s="1">
        <v>0</v>
      </c>
      <c r="AY357" t="s">
        <v>187</v>
      </c>
      <c r="AZ357" t="s">
        <v>207</v>
      </c>
      <c r="BF357" t="s">
        <v>210</v>
      </c>
      <c r="BG357" s="1">
        <v>0</v>
      </c>
      <c r="BH357" t="s">
        <v>211</v>
      </c>
      <c r="BK357" t="s">
        <v>191</v>
      </c>
      <c r="BM357" t="s">
        <v>191</v>
      </c>
      <c r="BO357" t="s">
        <v>218</v>
      </c>
    </row>
    <row r="358" spans="1:69" x14ac:dyDescent="0.25">
      <c r="A358" s="1">
        <v>30448774</v>
      </c>
      <c r="B358" t="s">
        <v>1114</v>
      </c>
      <c r="C358" t="s">
        <v>39</v>
      </c>
      <c r="D358" t="s">
        <v>942</v>
      </c>
      <c r="E358" t="s">
        <v>200</v>
      </c>
      <c r="L358" t="s">
        <v>52</v>
      </c>
      <c r="M358" s="1">
        <v>0</v>
      </c>
      <c r="N358" s="1">
        <v>0</v>
      </c>
      <c r="O358" t="s">
        <v>942</v>
      </c>
      <c r="P358" t="s">
        <v>216</v>
      </c>
      <c r="Q358" t="s">
        <v>322</v>
      </c>
      <c r="S358" s="1">
        <v>0</v>
      </c>
      <c r="T358" t="s">
        <v>200</v>
      </c>
      <c r="Y358" t="s">
        <v>224</v>
      </c>
      <c r="AC358" t="s">
        <v>180</v>
      </c>
      <c r="AD358" t="s">
        <v>200</v>
      </c>
      <c r="AE358" t="s">
        <v>200</v>
      </c>
      <c r="AF358" t="s">
        <v>230</v>
      </c>
      <c r="AG358" t="s">
        <v>200</v>
      </c>
      <c r="AH358" t="s">
        <v>200</v>
      </c>
      <c r="AI358" t="s">
        <v>200</v>
      </c>
      <c r="AJ358" t="s">
        <v>200</v>
      </c>
      <c r="AK358" t="s">
        <v>200</v>
      </c>
      <c r="AL358" t="s">
        <v>42</v>
      </c>
      <c r="AM358" t="s">
        <v>182</v>
      </c>
      <c r="AN358" t="s">
        <v>183</v>
      </c>
      <c r="AO358" t="s">
        <v>185</v>
      </c>
      <c r="AP358" t="s">
        <v>184</v>
      </c>
      <c r="AQ358" t="s">
        <v>203</v>
      </c>
      <c r="AR358" t="s">
        <v>202</v>
      </c>
      <c r="AS358" t="s">
        <v>204</v>
      </c>
      <c r="AT358" t="s">
        <v>201</v>
      </c>
      <c r="AU358" t="s">
        <v>206</v>
      </c>
      <c r="AV358" t="s">
        <v>205</v>
      </c>
      <c r="AW358" t="s">
        <v>1115</v>
      </c>
      <c r="AX358" t="s">
        <v>186</v>
      </c>
      <c r="AY358" t="s">
        <v>187</v>
      </c>
      <c r="AZ358" t="s">
        <v>207</v>
      </c>
      <c r="BA358" t="s">
        <v>188</v>
      </c>
      <c r="BB358" t="s">
        <v>208</v>
      </c>
      <c r="BC358" t="s">
        <v>209</v>
      </c>
      <c r="BF358" t="s">
        <v>210</v>
      </c>
      <c r="BG358" s="1">
        <v>0</v>
      </c>
      <c r="BH358" t="s">
        <v>190</v>
      </c>
      <c r="BK358" t="s">
        <v>218</v>
      </c>
      <c r="BL358" t="s">
        <v>1116</v>
      </c>
      <c r="BM358" t="s">
        <v>218</v>
      </c>
      <c r="BN358" t="s">
        <v>1117</v>
      </c>
      <c r="BO358" t="s">
        <v>218</v>
      </c>
      <c r="BP358" t="s">
        <v>1118</v>
      </c>
      <c r="BQ358" t="s">
        <v>1119</v>
      </c>
    </row>
    <row r="359" spans="1:69" x14ac:dyDescent="0.25">
      <c r="A359" s="1">
        <v>30448775</v>
      </c>
      <c r="B359" t="s">
        <v>3928</v>
      </c>
      <c r="C359" t="s">
        <v>39</v>
      </c>
      <c r="D359" t="s">
        <v>3727</v>
      </c>
      <c r="E359" t="s">
        <v>175</v>
      </c>
      <c r="L359" t="s">
        <v>52</v>
      </c>
      <c r="M359" s="1">
        <v>0</v>
      </c>
      <c r="N359" s="1">
        <v>0</v>
      </c>
      <c r="O359" t="s">
        <v>3728</v>
      </c>
      <c r="P359" t="s">
        <v>176</v>
      </c>
      <c r="Q359" t="s">
        <v>177</v>
      </c>
      <c r="S359" t="s">
        <v>178</v>
      </c>
      <c r="T359" t="s">
        <v>175</v>
      </c>
      <c r="AA359" t="s">
        <v>273</v>
      </c>
      <c r="AC359" t="s">
        <v>199</v>
      </c>
      <c r="AD359" t="s">
        <v>200</v>
      </c>
      <c r="AE359" t="s">
        <v>200</v>
      </c>
      <c r="AF359" t="s">
        <v>200</v>
      </c>
      <c r="AG359" t="s">
        <v>200</v>
      </c>
      <c r="AH359" t="s">
        <v>200</v>
      </c>
      <c r="AI359" t="s">
        <v>200</v>
      </c>
      <c r="AJ359" t="s">
        <v>200</v>
      </c>
      <c r="AK359" t="s">
        <v>200</v>
      </c>
      <c r="AL359" t="s">
        <v>52</v>
      </c>
      <c r="AM359" t="s">
        <v>184</v>
      </c>
      <c r="AN359" t="s">
        <v>204</v>
      </c>
      <c r="AO359" t="s">
        <v>182</v>
      </c>
      <c r="AP359" t="s">
        <v>185</v>
      </c>
      <c r="AQ359" t="s">
        <v>203</v>
      </c>
      <c r="AR359" t="s">
        <v>202</v>
      </c>
      <c r="AS359" t="s">
        <v>201</v>
      </c>
      <c r="AT359" t="s">
        <v>183</v>
      </c>
      <c r="AU359" t="s">
        <v>206</v>
      </c>
      <c r="AV359" t="s">
        <v>205</v>
      </c>
      <c r="AX359" t="s">
        <v>186</v>
      </c>
      <c r="AY359" t="s">
        <v>187</v>
      </c>
      <c r="AZ359" t="s">
        <v>207</v>
      </c>
      <c r="BA359" t="s">
        <v>188</v>
      </c>
      <c r="BB359" t="s">
        <v>208</v>
      </c>
      <c r="BC359" t="s">
        <v>209</v>
      </c>
      <c r="BF359" t="s">
        <v>210</v>
      </c>
      <c r="BG359" s="1">
        <v>0</v>
      </c>
      <c r="BH359" t="s">
        <v>211</v>
      </c>
      <c r="BK359" t="s">
        <v>218</v>
      </c>
      <c r="BM359" t="s">
        <v>191</v>
      </c>
      <c r="BO359" t="s">
        <v>218</v>
      </c>
    </row>
    <row r="360" spans="1:69" x14ac:dyDescent="0.25">
      <c r="A360" s="1">
        <v>30448778</v>
      </c>
      <c r="B360" t="s">
        <v>3929</v>
      </c>
      <c r="C360" t="s">
        <v>39</v>
      </c>
      <c r="D360" t="s">
        <v>3727</v>
      </c>
      <c r="E360" t="s">
        <v>175</v>
      </c>
      <c r="L360" t="s">
        <v>52</v>
      </c>
      <c r="M360" s="1">
        <v>0</v>
      </c>
      <c r="N360" s="1">
        <v>0</v>
      </c>
      <c r="O360" t="s">
        <v>3728</v>
      </c>
      <c r="P360" t="s">
        <v>176</v>
      </c>
      <c r="Q360" t="s">
        <v>258</v>
      </c>
      <c r="S360" t="s">
        <v>178</v>
      </c>
      <c r="T360" t="s">
        <v>175</v>
      </c>
      <c r="X360" t="s">
        <v>179</v>
      </c>
      <c r="AC360" t="s">
        <v>199</v>
      </c>
      <c r="AD360" s="1">
        <v>0</v>
      </c>
      <c r="AE360" s="1">
        <v>0</v>
      </c>
      <c r="AF360" s="1">
        <v>0</v>
      </c>
      <c r="AG360" s="1">
        <v>0</v>
      </c>
      <c r="AH360" s="1">
        <v>0</v>
      </c>
      <c r="AI360" s="1">
        <v>0</v>
      </c>
      <c r="AJ360" s="1">
        <v>0</v>
      </c>
      <c r="AK360" s="1">
        <v>0</v>
      </c>
      <c r="AL360" s="1">
        <v>0</v>
      </c>
      <c r="AM360" s="1">
        <v>0</v>
      </c>
      <c r="AN360" s="1">
        <v>0</v>
      </c>
      <c r="AO360" s="1">
        <v>0</v>
      </c>
      <c r="AP360" s="1">
        <v>0</v>
      </c>
      <c r="AQ360" s="1">
        <v>0</v>
      </c>
      <c r="AR360" s="1">
        <v>0</v>
      </c>
      <c r="AS360" s="1">
        <v>0</v>
      </c>
      <c r="AT360" s="1">
        <v>0</v>
      </c>
      <c r="AU360" s="1">
        <v>0</v>
      </c>
      <c r="AV360" s="1">
        <v>0</v>
      </c>
      <c r="BF360" s="1">
        <v>0</v>
      </c>
      <c r="BG360" s="1">
        <v>0</v>
      </c>
      <c r="BH360" s="1">
        <v>0</v>
      </c>
      <c r="BK360" s="1">
        <v>0</v>
      </c>
      <c r="BM360" s="1">
        <v>0</v>
      </c>
      <c r="BO360" s="1">
        <v>0</v>
      </c>
    </row>
    <row r="361" spans="1:69" x14ac:dyDescent="0.25">
      <c r="A361" s="1">
        <v>30448779</v>
      </c>
      <c r="B361" t="s">
        <v>2632</v>
      </c>
      <c r="C361" t="s">
        <v>39</v>
      </c>
      <c r="D361" t="s">
        <v>2512</v>
      </c>
      <c r="E361" t="s">
        <v>200</v>
      </c>
      <c r="L361" t="s">
        <v>52</v>
      </c>
      <c r="M361" s="1">
        <v>0</v>
      </c>
      <c r="N361" s="1">
        <v>0</v>
      </c>
      <c r="O361" t="s">
        <v>2512</v>
      </c>
      <c r="P361" t="s">
        <v>216</v>
      </c>
      <c r="Q361" t="s">
        <v>258</v>
      </c>
      <c r="S361" s="1">
        <v>0</v>
      </c>
      <c r="T361" t="s">
        <v>200</v>
      </c>
      <c r="Z361" t="s">
        <v>244</v>
      </c>
      <c r="AC361" t="s">
        <v>199</v>
      </c>
      <c r="AD361" t="s">
        <v>200</v>
      </c>
      <c r="AE361" t="s">
        <v>200</v>
      </c>
      <c r="AF361" t="s">
        <v>200</v>
      </c>
      <c r="AG361" t="s">
        <v>200</v>
      </c>
      <c r="AH361" t="s">
        <v>200</v>
      </c>
      <c r="AI361" t="s">
        <v>200</v>
      </c>
      <c r="AJ361" t="s">
        <v>200</v>
      </c>
      <c r="AK361" t="s">
        <v>175</v>
      </c>
      <c r="AL361" t="s">
        <v>42</v>
      </c>
      <c r="AM361" t="s">
        <v>204</v>
      </c>
      <c r="AN361" t="s">
        <v>185</v>
      </c>
      <c r="AO361" t="s">
        <v>183</v>
      </c>
      <c r="AP361" t="s">
        <v>202</v>
      </c>
      <c r="AQ361" t="s">
        <v>182</v>
      </c>
      <c r="AR361" t="s">
        <v>201</v>
      </c>
      <c r="AS361" t="s">
        <v>203</v>
      </c>
      <c r="AT361" t="s">
        <v>184</v>
      </c>
      <c r="AU361" t="s">
        <v>205</v>
      </c>
      <c r="AV361" t="s">
        <v>206</v>
      </c>
      <c r="AX361" t="s">
        <v>186</v>
      </c>
      <c r="AZ361" t="s">
        <v>207</v>
      </c>
      <c r="BB361" t="s">
        <v>208</v>
      </c>
      <c r="BC361" t="s">
        <v>209</v>
      </c>
      <c r="BF361" t="s">
        <v>210</v>
      </c>
      <c r="BG361" s="1">
        <v>0</v>
      </c>
      <c r="BH361" t="s">
        <v>211</v>
      </c>
      <c r="BK361" t="s">
        <v>191</v>
      </c>
      <c r="BL361" t="s">
        <v>2633</v>
      </c>
      <c r="BM361" t="s">
        <v>218</v>
      </c>
      <c r="BN361" t="s">
        <v>518</v>
      </c>
      <c r="BO361" t="s">
        <v>218</v>
      </c>
      <c r="BP361" t="s">
        <v>2634</v>
      </c>
      <c r="BQ361" t="s">
        <v>225</v>
      </c>
    </row>
    <row r="362" spans="1:69" x14ac:dyDescent="0.25">
      <c r="A362" s="1">
        <v>30448782</v>
      </c>
      <c r="B362" t="s">
        <v>2635</v>
      </c>
      <c r="C362" t="s">
        <v>39</v>
      </c>
      <c r="D362" t="s">
        <v>2512</v>
      </c>
      <c r="E362" t="s">
        <v>216</v>
      </c>
      <c r="L362" t="s">
        <v>52</v>
      </c>
      <c r="M362" s="1">
        <v>0</v>
      </c>
      <c r="N362" s="1">
        <v>0</v>
      </c>
      <c r="O362" t="s">
        <v>2512</v>
      </c>
      <c r="P362" t="s">
        <v>216</v>
      </c>
      <c r="Q362" t="s">
        <v>322</v>
      </c>
      <c r="S362" s="1">
        <v>0</v>
      </c>
      <c r="T362" t="s">
        <v>297</v>
      </c>
      <c r="U362" t="s">
        <v>2636</v>
      </c>
      <c r="Y362" t="s">
        <v>224</v>
      </c>
      <c r="AC362" t="s">
        <v>199</v>
      </c>
      <c r="AD362" t="s">
        <v>230</v>
      </c>
      <c r="AE362" t="s">
        <v>230</v>
      </c>
      <c r="AF362" t="s">
        <v>299</v>
      </c>
      <c r="AG362" t="s">
        <v>181</v>
      </c>
      <c r="AH362" t="s">
        <v>175</v>
      </c>
      <c r="AI362" t="s">
        <v>175</v>
      </c>
      <c r="AJ362" t="s">
        <v>299</v>
      </c>
      <c r="AK362" t="s">
        <v>230</v>
      </c>
      <c r="AL362" t="s">
        <v>52</v>
      </c>
      <c r="AM362" t="s">
        <v>184</v>
      </c>
      <c r="AN362" t="s">
        <v>183</v>
      </c>
      <c r="AO362" t="s">
        <v>182</v>
      </c>
      <c r="AP362" s="1">
        <v>0</v>
      </c>
      <c r="AQ362" s="1">
        <v>0</v>
      </c>
      <c r="AR362" s="1">
        <v>0</v>
      </c>
      <c r="AS362" t="s">
        <v>185</v>
      </c>
      <c r="AT362" t="s">
        <v>201</v>
      </c>
      <c r="AU362" s="1">
        <v>0</v>
      </c>
      <c r="AV362" s="1">
        <v>0</v>
      </c>
      <c r="AW362" t="s">
        <v>2637</v>
      </c>
      <c r="AY362" t="s">
        <v>187</v>
      </c>
      <c r="AZ362" t="s">
        <v>207</v>
      </c>
      <c r="BF362" t="s">
        <v>49</v>
      </c>
      <c r="BG362" s="1">
        <v>0</v>
      </c>
      <c r="BH362" t="s">
        <v>302</v>
      </c>
      <c r="BI362" t="s">
        <v>2638</v>
      </c>
      <c r="BK362" t="s">
        <v>191</v>
      </c>
      <c r="BL362" t="s">
        <v>2639</v>
      </c>
      <c r="BM362" t="s">
        <v>191</v>
      </c>
      <c r="BN362" t="s">
        <v>1575</v>
      </c>
      <c r="BO362" t="s">
        <v>218</v>
      </c>
      <c r="BP362" t="s">
        <v>2640</v>
      </c>
      <c r="BQ362" t="s">
        <v>2641</v>
      </c>
    </row>
    <row r="363" spans="1:69" x14ac:dyDescent="0.25">
      <c r="A363" s="1">
        <v>30448784</v>
      </c>
      <c r="B363" t="s">
        <v>1120</v>
      </c>
      <c r="C363" t="s">
        <v>39</v>
      </c>
      <c r="D363" t="s">
        <v>942</v>
      </c>
      <c r="E363" t="s">
        <v>200</v>
      </c>
      <c r="L363" t="s">
        <v>52</v>
      </c>
      <c r="M363" s="1">
        <v>0</v>
      </c>
      <c r="N363" s="1">
        <v>0</v>
      </c>
      <c r="O363" t="s">
        <v>942</v>
      </c>
      <c r="P363" t="s">
        <v>176</v>
      </c>
      <c r="Q363" t="s">
        <v>177</v>
      </c>
      <c r="S363" t="s">
        <v>222</v>
      </c>
      <c r="T363" t="s">
        <v>200</v>
      </c>
      <c r="AA363" t="s">
        <v>273</v>
      </c>
      <c r="AB363" t="s">
        <v>1121</v>
      </c>
      <c r="AC363" t="s">
        <v>199</v>
      </c>
      <c r="AD363" t="s">
        <v>200</v>
      </c>
      <c r="AE363" t="s">
        <v>200</v>
      </c>
      <c r="AF363" t="s">
        <v>200</v>
      </c>
      <c r="AG363" t="s">
        <v>175</v>
      </c>
      <c r="AH363" t="s">
        <v>200</v>
      </c>
      <c r="AI363" t="s">
        <v>200</v>
      </c>
      <c r="AJ363" t="s">
        <v>200</v>
      </c>
      <c r="AK363" t="s">
        <v>200</v>
      </c>
      <c r="AL363" t="s">
        <v>42</v>
      </c>
      <c r="AM363" t="s">
        <v>183</v>
      </c>
      <c r="AN363" t="s">
        <v>206</v>
      </c>
      <c r="AO363" t="s">
        <v>185</v>
      </c>
      <c r="AP363" t="s">
        <v>201</v>
      </c>
      <c r="AQ363" t="s">
        <v>202</v>
      </c>
      <c r="AR363" t="s">
        <v>203</v>
      </c>
      <c r="AS363" t="s">
        <v>204</v>
      </c>
      <c r="AT363" t="s">
        <v>182</v>
      </c>
      <c r="AU363" t="s">
        <v>184</v>
      </c>
      <c r="AV363" t="s">
        <v>205</v>
      </c>
      <c r="AW363" t="s">
        <v>1122</v>
      </c>
      <c r="AX363" t="s">
        <v>186</v>
      </c>
      <c r="AY363" t="s">
        <v>187</v>
      </c>
      <c r="AZ363" t="s">
        <v>207</v>
      </c>
      <c r="BF363" t="s">
        <v>210</v>
      </c>
      <c r="BG363" s="1">
        <v>0</v>
      </c>
      <c r="BH363" t="s">
        <v>464</v>
      </c>
      <c r="BK363" t="s">
        <v>191</v>
      </c>
      <c r="BL363" t="s">
        <v>1123</v>
      </c>
      <c r="BM363" t="s">
        <v>191</v>
      </c>
      <c r="BN363" t="s">
        <v>1124</v>
      </c>
      <c r="BO363" t="s">
        <v>191</v>
      </c>
      <c r="BP363" t="s">
        <v>1125</v>
      </c>
      <c r="BQ363" t="s">
        <v>1122</v>
      </c>
    </row>
    <row r="364" spans="1:69" x14ac:dyDescent="0.25">
      <c r="A364" s="1">
        <v>30448786</v>
      </c>
      <c r="B364" t="s">
        <v>1818</v>
      </c>
      <c r="C364" t="s">
        <v>39</v>
      </c>
      <c r="D364" t="s">
        <v>1616</v>
      </c>
      <c r="E364" t="s">
        <v>175</v>
      </c>
      <c r="L364" t="s">
        <v>52</v>
      </c>
      <c r="M364" s="1">
        <v>0</v>
      </c>
      <c r="N364" s="1">
        <v>0</v>
      </c>
      <c r="O364" t="s">
        <v>1616</v>
      </c>
      <c r="P364" t="s">
        <v>176</v>
      </c>
      <c r="Q364" t="s">
        <v>238</v>
      </c>
      <c r="S364" t="s">
        <v>178</v>
      </c>
      <c r="T364" t="s">
        <v>175</v>
      </c>
      <c r="X364" t="s">
        <v>179</v>
      </c>
      <c r="AC364" t="s">
        <v>180</v>
      </c>
      <c r="AD364" t="s">
        <v>200</v>
      </c>
      <c r="AE364" t="s">
        <v>200</v>
      </c>
      <c r="AF364" t="s">
        <v>200</v>
      </c>
      <c r="AG364" t="s">
        <v>200</v>
      </c>
      <c r="AH364" t="s">
        <v>200</v>
      </c>
      <c r="AI364" t="s">
        <v>200</v>
      </c>
      <c r="AJ364" t="s">
        <v>200</v>
      </c>
      <c r="AK364" t="s">
        <v>200</v>
      </c>
      <c r="AL364" t="s">
        <v>42</v>
      </c>
      <c r="AM364" t="s">
        <v>182</v>
      </c>
      <c r="AN364" t="s">
        <v>183</v>
      </c>
      <c r="AO364" t="s">
        <v>184</v>
      </c>
      <c r="AP364" t="s">
        <v>185</v>
      </c>
      <c r="AQ364" t="s">
        <v>202</v>
      </c>
      <c r="AR364" t="s">
        <v>204</v>
      </c>
      <c r="AS364" t="s">
        <v>205</v>
      </c>
      <c r="AT364" t="s">
        <v>201</v>
      </c>
      <c r="AU364" t="s">
        <v>206</v>
      </c>
      <c r="AV364" t="s">
        <v>203</v>
      </c>
      <c r="AY364" t="s">
        <v>187</v>
      </c>
      <c r="AZ364" t="s">
        <v>207</v>
      </c>
      <c r="BB364" t="s">
        <v>208</v>
      </c>
      <c r="BC364" t="s">
        <v>209</v>
      </c>
      <c r="BF364" t="s">
        <v>210</v>
      </c>
      <c r="BG364" s="1">
        <v>0</v>
      </c>
      <c r="BH364" t="s">
        <v>247</v>
      </c>
      <c r="BK364" t="s">
        <v>191</v>
      </c>
      <c r="BL364" t="s">
        <v>1369</v>
      </c>
      <c r="BM364" t="s">
        <v>191</v>
      </c>
      <c r="BN364" t="s">
        <v>1819</v>
      </c>
      <c r="BO364" t="s">
        <v>191</v>
      </c>
      <c r="BP364" t="s">
        <v>1820</v>
      </c>
    </row>
    <row r="365" spans="1:69" x14ac:dyDescent="0.25">
      <c r="A365" s="1">
        <v>30448788</v>
      </c>
      <c r="B365" t="s">
        <v>3930</v>
      </c>
      <c r="C365" t="s">
        <v>39</v>
      </c>
      <c r="D365" t="s">
        <v>3727</v>
      </c>
      <c r="E365" t="s">
        <v>175</v>
      </c>
      <c r="L365" t="s">
        <v>52</v>
      </c>
      <c r="M365" s="1">
        <v>0</v>
      </c>
      <c r="N365" s="1">
        <v>0</v>
      </c>
      <c r="O365" t="s">
        <v>3728</v>
      </c>
      <c r="P365" t="s">
        <v>176</v>
      </c>
      <c r="Q365" t="s">
        <v>238</v>
      </c>
      <c r="S365" t="s">
        <v>178</v>
      </c>
      <c r="T365" t="s">
        <v>175</v>
      </c>
      <c r="Y365" t="s">
        <v>224</v>
      </c>
      <c r="AC365" t="s">
        <v>180</v>
      </c>
      <c r="AD365" t="s">
        <v>175</v>
      </c>
      <c r="AE365" t="s">
        <v>175</v>
      </c>
      <c r="AF365" t="s">
        <v>181</v>
      </c>
      <c r="AG365" t="s">
        <v>181</v>
      </c>
      <c r="AH365" t="s">
        <v>175</v>
      </c>
      <c r="AI365" t="s">
        <v>175</v>
      </c>
      <c r="AJ365" t="s">
        <v>175</v>
      </c>
      <c r="AK365" t="s">
        <v>181</v>
      </c>
      <c r="AL365" t="s">
        <v>42</v>
      </c>
      <c r="AM365" t="s">
        <v>202</v>
      </c>
      <c r="AN365" t="s">
        <v>182</v>
      </c>
      <c r="AO365" t="s">
        <v>205</v>
      </c>
      <c r="AP365" t="s">
        <v>206</v>
      </c>
      <c r="AQ365" t="s">
        <v>185</v>
      </c>
      <c r="AR365" t="s">
        <v>184</v>
      </c>
      <c r="AS365" t="s">
        <v>203</v>
      </c>
      <c r="AT365" t="s">
        <v>183</v>
      </c>
      <c r="AU365" t="s">
        <v>201</v>
      </c>
      <c r="AV365" t="s">
        <v>204</v>
      </c>
      <c r="AX365" t="s">
        <v>186</v>
      </c>
      <c r="AZ365" t="s">
        <v>207</v>
      </c>
      <c r="BA365" t="s">
        <v>188</v>
      </c>
      <c r="BC365" t="s">
        <v>209</v>
      </c>
      <c r="BF365" t="s">
        <v>232</v>
      </c>
      <c r="BG365" t="s">
        <v>49</v>
      </c>
      <c r="BH365" t="s">
        <v>211</v>
      </c>
      <c r="BK365" t="s">
        <v>191</v>
      </c>
      <c r="BM365" t="s">
        <v>218</v>
      </c>
      <c r="BO365" t="s">
        <v>191</v>
      </c>
      <c r="BP365" t="s">
        <v>3931</v>
      </c>
    </row>
    <row r="366" spans="1:69" x14ac:dyDescent="0.25">
      <c r="A366" s="1">
        <v>30448789</v>
      </c>
      <c r="B366" t="s">
        <v>2642</v>
      </c>
      <c r="C366" t="s">
        <v>39</v>
      </c>
      <c r="D366" t="s">
        <v>2512</v>
      </c>
      <c r="E366" t="s">
        <v>200</v>
      </c>
      <c r="L366" t="s">
        <v>52</v>
      </c>
      <c r="M366" s="1">
        <v>0</v>
      </c>
      <c r="N366" s="1">
        <v>0</v>
      </c>
      <c r="O366" t="s">
        <v>2512</v>
      </c>
      <c r="P366" t="s">
        <v>216</v>
      </c>
      <c r="Q366" t="s">
        <v>328</v>
      </c>
      <c r="S366" s="1">
        <v>0</v>
      </c>
      <c r="T366" t="s">
        <v>200</v>
      </c>
      <c r="Z366" t="s">
        <v>244</v>
      </c>
      <c r="AC366" t="s">
        <v>609</v>
      </c>
      <c r="AD366" t="s">
        <v>200</v>
      </c>
      <c r="AE366" t="s">
        <v>200</v>
      </c>
      <c r="AF366" t="s">
        <v>200</v>
      </c>
      <c r="AG366" t="s">
        <v>200</v>
      </c>
      <c r="AH366" t="s">
        <v>200</v>
      </c>
      <c r="AI366" t="s">
        <v>200</v>
      </c>
      <c r="AJ366" t="s">
        <v>200</v>
      </c>
      <c r="AK366" t="s">
        <v>200</v>
      </c>
      <c r="AL366" t="s">
        <v>42</v>
      </c>
      <c r="AM366" t="s">
        <v>206</v>
      </c>
      <c r="AN366" t="s">
        <v>183</v>
      </c>
      <c r="AO366" t="s">
        <v>185</v>
      </c>
      <c r="AP366" t="s">
        <v>184</v>
      </c>
      <c r="AQ366" t="s">
        <v>202</v>
      </c>
      <c r="AR366" t="s">
        <v>203</v>
      </c>
      <c r="AS366" t="s">
        <v>204</v>
      </c>
      <c r="AT366" t="s">
        <v>182</v>
      </c>
      <c r="AU366" t="s">
        <v>205</v>
      </c>
      <c r="AV366" t="s">
        <v>201</v>
      </c>
      <c r="AX366" t="s">
        <v>186</v>
      </c>
      <c r="AY366" t="s">
        <v>187</v>
      </c>
      <c r="AZ366" t="s">
        <v>207</v>
      </c>
      <c r="BA366" t="s">
        <v>188</v>
      </c>
      <c r="BB366" t="s">
        <v>208</v>
      </c>
      <c r="BC366" t="s">
        <v>209</v>
      </c>
      <c r="BF366" t="s">
        <v>210</v>
      </c>
      <c r="BG366" s="1">
        <v>0</v>
      </c>
      <c r="BH366" t="s">
        <v>464</v>
      </c>
      <c r="BK366" t="s">
        <v>191</v>
      </c>
      <c r="BM366" t="s">
        <v>191</v>
      </c>
      <c r="BN366" t="s">
        <v>2643</v>
      </c>
      <c r="BO366" t="s">
        <v>218</v>
      </c>
      <c r="BP366" t="s">
        <v>2644</v>
      </c>
    </row>
    <row r="367" spans="1:69" x14ac:dyDescent="0.25">
      <c r="A367" s="1">
        <v>30448791</v>
      </c>
      <c r="B367" t="s">
        <v>3932</v>
      </c>
      <c r="C367" t="s">
        <v>39</v>
      </c>
      <c r="D367" t="s">
        <v>3727</v>
      </c>
      <c r="E367" t="s">
        <v>200</v>
      </c>
      <c r="L367" t="s">
        <v>52</v>
      </c>
      <c r="M367" s="1">
        <v>0</v>
      </c>
      <c r="N367" s="1">
        <v>0</v>
      </c>
      <c r="O367" t="s">
        <v>3728</v>
      </c>
      <c r="P367" t="s">
        <v>176</v>
      </c>
      <c r="Q367" t="s">
        <v>177</v>
      </c>
      <c r="S367" t="s">
        <v>178</v>
      </c>
      <c r="T367" t="s">
        <v>200</v>
      </c>
      <c r="AC367" t="s">
        <v>180</v>
      </c>
      <c r="AD367" t="s">
        <v>200</v>
      </c>
      <c r="AE367" t="s">
        <v>200</v>
      </c>
      <c r="AF367" t="s">
        <v>200</v>
      </c>
      <c r="AG367" t="s">
        <v>200</v>
      </c>
      <c r="AH367" t="s">
        <v>200</v>
      </c>
      <c r="AI367" t="s">
        <v>200</v>
      </c>
      <c r="AJ367" t="s">
        <v>200</v>
      </c>
      <c r="AK367" t="s">
        <v>230</v>
      </c>
      <c r="AL367" t="s">
        <v>42</v>
      </c>
      <c r="AM367" t="s">
        <v>201</v>
      </c>
      <c r="AN367" t="s">
        <v>206</v>
      </c>
      <c r="AO367" t="s">
        <v>185</v>
      </c>
      <c r="AP367" t="s">
        <v>183</v>
      </c>
      <c r="AQ367" t="s">
        <v>184</v>
      </c>
      <c r="AR367" t="s">
        <v>182</v>
      </c>
      <c r="AS367" t="s">
        <v>202</v>
      </c>
      <c r="AT367" t="s">
        <v>205</v>
      </c>
      <c r="AU367" t="s">
        <v>204</v>
      </c>
      <c r="AV367" t="s">
        <v>203</v>
      </c>
      <c r="AY367" t="s">
        <v>187</v>
      </c>
      <c r="BA367" t="s">
        <v>188</v>
      </c>
      <c r="BC367" t="s">
        <v>209</v>
      </c>
      <c r="BF367" t="s">
        <v>232</v>
      </c>
      <c r="BG367" t="s">
        <v>233</v>
      </c>
      <c r="BH367" t="s">
        <v>211</v>
      </c>
      <c r="BK367" t="s">
        <v>191</v>
      </c>
      <c r="BL367" t="s">
        <v>3933</v>
      </c>
      <c r="BM367" t="s">
        <v>191</v>
      </c>
      <c r="BO367" t="s">
        <v>191</v>
      </c>
    </row>
    <row r="368" spans="1:69" x14ac:dyDescent="0.25">
      <c r="A368" s="1">
        <v>30448793</v>
      </c>
      <c r="B368" t="s">
        <v>1821</v>
      </c>
      <c r="C368" t="s">
        <v>39</v>
      </c>
      <c r="D368" t="s">
        <v>1616</v>
      </c>
      <c r="E368" t="s">
        <v>175</v>
      </c>
      <c r="L368" t="s">
        <v>52</v>
      </c>
      <c r="M368" s="1">
        <v>0</v>
      </c>
      <c r="N368" s="1">
        <v>0</v>
      </c>
      <c r="O368" t="s">
        <v>1616</v>
      </c>
      <c r="P368" t="s">
        <v>176</v>
      </c>
      <c r="Q368" t="s">
        <v>238</v>
      </c>
      <c r="S368" t="s">
        <v>178</v>
      </c>
      <c r="T368" t="s">
        <v>175</v>
      </c>
      <c r="Y368" t="s">
        <v>224</v>
      </c>
      <c r="AC368" t="s">
        <v>199</v>
      </c>
      <c r="AD368" t="s">
        <v>200</v>
      </c>
      <c r="AE368" t="s">
        <v>200</v>
      </c>
      <c r="AF368" t="s">
        <v>200</v>
      </c>
      <c r="AG368" t="s">
        <v>200</v>
      </c>
      <c r="AH368" t="s">
        <v>200</v>
      </c>
      <c r="AI368" t="s">
        <v>200</v>
      </c>
      <c r="AJ368" t="s">
        <v>200</v>
      </c>
      <c r="AK368" t="s">
        <v>200</v>
      </c>
      <c r="AL368" t="s">
        <v>42</v>
      </c>
      <c r="AM368" t="s">
        <v>183</v>
      </c>
      <c r="AN368" t="s">
        <v>201</v>
      </c>
      <c r="AO368" t="s">
        <v>206</v>
      </c>
      <c r="AP368" t="s">
        <v>203</v>
      </c>
      <c r="AQ368" t="s">
        <v>185</v>
      </c>
      <c r="AR368" t="s">
        <v>202</v>
      </c>
      <c r="AS368" t="s">
        <v>184</v>
      </c>
      <c r="AT368" t="s">
        <v>205</v>
      </c>
      <c r="AU368" t="s">
        <v>204</v>
      </c>
      <c r="AV368" t="s">
        <v>182</v>
      </c>
      <c r="AW368" t="s">
        <v>357</v>
      </c>
      <c r="AZ368" t="s">
        <v>207</v>
      </c>
      <c r="BA368" t="s">
        <v>188</v>
      </c>
      <c r="BC368" t="s">
        <v>209</v>
      </c>
      <c r="BF368" t="s">
        <v>210</v>
      </c>
      <c r="BG368" s="1">
        <v>0</v>
      </c>
      <c r="BH368" t="s">
        <v>247</v>
      </c>
      <c r="BK368" t="s">
        <v>191</v>
      </c>
      <c r="BL368" t="s">
        <v>1822</v>
      </c>
      <c r="BM368" t="s">
        <v>191</v>
      </c>
      <c r="BN368" t="s">
        <v>518</v>
      </c>
      <c r="BO368" t="s">
        <v>191</v>
      </c>
      <c r="BP368" t="s">
        <v>1823</v>
      </c>
      <c r="BQ368" t="s">
        <v>225</v>
      </c>
    </row>
    <row r="369" spans="1:69" x14ac:dyDescent="0.25">
      <c r="A369" s="1">
        <v>30448796</v>
      </c>
      <c r="B369" t="s">
        <v>391</v>
      </c>
      <c r="C369" t="s">
        <v>39</v>
      </c>
      <c r="D369" t="s">
        <v>174</v>
      </c>
      <c r="E369" t="s">
        <v>200</v>
      </c>
      <c r="L369" t="s">
        <v>52</v>
      </c>
      <c r="M369" s="1">
        <v>0</v>
      </c>
      <c r="N369" s="1">
        <v>0</v>
      </c>
      <c r="O369" t="s">
        <v>174</v>
      </c>
      <c r="P369" t="s">
        <v>176</v>
      </c>
      <c r="Q369" t="s">
        <v>238</v>
      </c>
      <c r="S369" t="s">
        <v>178</v>
      </c>
      <c r="T369" t="s">
        <v>200</v>
      </c>
      <c r="Y369" t="s">
        <v>224</v>
      </c>
      <c r="AC369" t="s">
        <v>180</v>
      </c>
      <c r="AD369" t="s">
        <v>200</v>
      </c>
      <c r="AE369" t="s">
        <v>200</v>
      </c>
      <c r="AF369" t="s">
        <v>200</v>
      </c>
      <c r="AG369" t="s">
        <v>200</v>
      </c>
      <c r="AH369" t="s">
        <v>200</v>
      </c>
      <c r="AI369" t="s">
        <v>200</v>
      </c>
      <c r="AJ369" t="s">
        <v>200</v>
      </c>
      <c r="AK369" t="s">
        <v>200</v>
      </c>
      <c r="AL369" t="s">
        <v>42</v>
      </c>
      <c r="AM369" t="s">
        <v>204</v>
      </c>
      <c r="AN369" t="s">
        <v>184</v>
      </c>
      <c r="AO369" t="s">
        <v>183</v>
      </c>
      <c r="AP369" t="s">
        <v>206</v>
      </c>
      <c r="AQ369" t="s">
        <v>202</v>
      </c>
      <c r="AR369" t="s">
        <v>203</v>
      </c>
      <c r="AS369" t="s">
        <v>205</v>
      </c>
      <c r="AT369" t="s">
        <v>185</v>
      </c>
      <c r="AU369" t="s">
        <v>182</v>
      </c>
      <c r="AV369" t="s">
        <v>201</v>
      </c>
      <c r="AX369" t="s">
        <v>186</v>
      </c>
      <c r="AZ369" t="s">
        <v>207</v>
      </c>
      <c r="BA369" t="s">
        <v>188</v>
      </c>
      <c r="BB369" t="s">
        <v>208</v>
      </c>
      <c r="BF369" t="s">
        <v>210</v>
      </c>
      <c r="BG369" s="1">
        <v>0</v>
      </c>
      <c r="BH369" t="s">
        <v>190</v>
      </c>
      <c r="BK369" t="s">
        <v>191</v>
      </c>
      <c r="BM369" t="s">
        <v>191</v>
      </c>
      <c r="BO369" t="s">
        <v>191</v>
      </c>
    </row>
    <row r="370" spans="1:69" x14ac:dyDescent="0.25">
      <c r="A370" s="1">
        <v>30448801</v>
      </c>
      <c r="B370" t="s">
        <v>392</v>
      </c>
      <c r="C370" t="s">
        <v>39</v>
      </c>
      <c r="D370" t="s">
        <v>174</v>
      </c>
      <c r="E370" t="s">
        <v>195</v>
      </c>
      <c r="L370" t="s">
        <v>52</v>
      </c>
      <c r="M370" s="1">
        <v>0</v>
      </c>
      <c r="N370" s="1">
        <v>0</v>
      </c>
      <c r="O370" t="s">
        <v>174</v>
      </c>
      <c r="P370" t="s">
        <v>176</v>
      </c>
      <c r="Q370" t="s">
        <v>196</v>
      </c>
      <c r="S370" t="s">
        <v>222</v>
      </c>
      <c r="T370" t="s">
        <v>197</v>
      </c>
      <c r="U370" t="s">
        <v>393</v>
      </c>
      <c r="W370" t="s">
        <v>262</v>
      </c>
      <c r="X370" t="s">
        <v>179</v>
      </c>
      <c r="AC370" t="s">
        <v>180</v>
      </c>
      <c r="AD370" t="s">
        <v>181</v>
      </c>
      <c r="AE370" t="s">
        <v>181</v>
      </c>
      <c r="AF370" t="s">
        <v>299</v>
      </c>
      <c r="AG370" t="s">
        <v>299</v>
      </c>
      <c r="AH370" t="s">
        <v>175</v>
      </c>
      <c r="AI370" t="s">
        <v>230</v>
      </c>
      <c r="AJ370" t="s">
        <v>175</v>
      </c>
      <c r="AK370" t="s">
        <v>230</v>
      </c>
      <c r="AL370" t="s">
        <v>42</v>
      </c>
      <c r="AM370" t="s">
        <v>182</v>
      </c>
      <c r="AN370" s="1">
        <v>0</v>
      </c>
      <c r="AO370" t="s">
        <v>184</v>
      </c>
      <c r="AP370" t="s">
        <v>185</v>
      </c>
      <c r="AQ370" s="1">
        <v>0</v>
      </c>
      <c r="AR370" s="1">
        <v>0</v>
      </c>
      <c r="AS370" s="1">
        <v>0</v>
      </c>
      <c r="AT370" s="1">
        <v>0</v>
      </c>
      <c r="AU370" s="1">
        <v>0</v>
      </c>
      <c r="AV370" s="1">
        <v>0</v>
      </c>
      <c r="AY370" t="s">
        <v>187</v>
      </c>
      <c r="AZ370" t="s">
        <v>207</v>
      </c>
      <c r="BA370" t="s">
        <v>188</v>
      </c>
      <c r="BB370" t="s">
        <v>208</v>
      </c>
      <c r="BF370" t="s">
        <v>189</v>
      </c>
      <c r="BG370" s="1">
        <v>0</v>
      </c>
      <c r="BH370" t="s">
        <v>302</v>
      </c>
      <c r="BK370" t="s">
        <v>191</v>
      </c>
      <c r="BM370" t="s">
        <v>191</v>
      </c>
      <c r="BO370" t="s">
        <v>191</v>
      </c>
    </row>
    <row r="371" spans="1:69" x14ac:dyDescent="0.25">
      <c r="A371" s="1">
        <v>30448805</v>
      </c>
      <c r="B371" t="s">
        <v>1824</v>
      </c>
      <c r="C371" t="s">
        <v>39</v>
      </c>
      <c r="D371" t="s">
        <v>1616</v>
      </c>
      <c r="E371" t="s">
        <v>200</v>
      </c>
      <c r="L371" t="s">
        <v>52</v>
      </c>
      <c r="M371" s="1">
        <v>0</v>
      </c>
      <c r="N371" s="1">
        <v>0</v>
      </c>
      <c r="O371" t="s">
        <v>1616</v>
      </c>
      <c r="P371" t="s">
        <v>176</v>
      </c>
      <c r="Q371" t="s">
        <v>196</v>
      </c>
      <c r="S371" t="s">
        <v>178</v>
      </c>
      <c r="T371" t="s">
        <v>200</v>
      </c>
      <c r="Y371" t="s">
        <v>224</v>
      </c>
      <c r="AC371" t="s">
        <v>180</v>
      </c>
      <c r="AD371" t="s">
        <v>200</v>
      </c>
      <c r="AE371" t="s">
        <v>200</v>
      </c>
      <c r="AF371" t="s">
        <v>200</v>
      </c>
      <c r="AG371" t="s">
        <v>200</v>
      </c>
      <c r="AH371" t="s">
        <v>200</v>
      </c>
      <c r="AI371" t="s">
        <v>200</v>
      </c>
      <c r="AJ371" t="s">
        <v>200</v>
      </c>
      <c r="AK371" t="s">
        <v>200</v>
      </c>
      <c r="AL371" t="s">
        <v>42</v>
      </c>
      <c r="AM371" s="1">
        <v>0</v>
      </c>
      <c r="AN371" s="1">
        <v>0</v>
      </c>
      <c r="AO371" t="s">
        <v>185</v>
      </c>
      <c r="AP371" t="s">
        <v>184</v>
      </c>
      <c r="AQ371" t="s">
        <v>182</v>
      </c>
      <c r="AR371" t="s">
        <v>183</v>
      </c>
      <c r="AS371" s="1">
        <v>0</v>
      </c>
      <c r="AT371" s="1">
        <v>0</v>
      </c>
      <c r="AU371" s="1">
        <v>0</v>
      </c>
      <c r="AV371" t="s">
        <v>201</v>
      </c>
      <c r="AZ371" t="s">
        <v>207</v>
      </c>
      <c r="BB371" t="s">
        <v>208</v>
      </c>
      <c r="BF371" t="s">
        <v>210</v>
      </c>
      <c r="BG371" s="1">
        <v>0</v>
      </c>
      <c r="BH371" t="s">
        <v>211</v>
      </c>
      <c r="BK371" t="s">
        <v>191</v>
      </c>
      <c r="BL371" t="s">
        <v>1046</v>
      </c>
      <c r="BM371" t="s">
        <v>191</v>
      </c>
      <c r="BN371" t="s">
        <v>1825</v>
      </c>
      <c r="BO371" t="s">
        <v>218</v>
      </c>
      <c r="BP371" t="s">
        <v>1826</v>
      </c>
    </row>
    <row r="372" spans="1:69" x14ac:dyDescent="0.25">
      <c r="A372" s="1">
        <v>30448807</v>
      </c>
      <c r="B372" t="s">
        <v>3934</v>
      </c>
      <c r="C372" t="s">
        <v>39</v>
      </c>
      <c r="D372" t="s">
        <v>3727</v>
      </c>
      <c r="L372" t="s">
        <v>52</v>
      </c>
      <c r="M372" s="1">
        <v>0</v>
      </c>
      <c r="N372" s="1">
        <v>0</v>
      </c>
      <c r="O372" t="s">
        <v>3728</v>
      </c>
      <c r="P372" s="1">
        <v>0</v>
      </c>
      <c r="Q372" s="1">
        <v>0</v>
      </c>
      <c r="S372" s="1">
        <v>0</v>
      </c>
      <c r="T372" s="1">
        <v>0</v>
      </c>
      <c r="AC372" t="s">
        <v>609</v>
      </c>
      <c r="AD372" t="s">
        <v>181</v>
      </c>
      <c r="AE372" t="s">
        <v>181</v>
      </c>
      <c r="AF372" s="1">
        <v>0</v>
      </c>
      <c r="AG372" s="1">
        <v>0</v>
      </c>
      <c r="AH372" s="1">
        <v>0</v>
      </c>
      <c r="AI372" s="1">
        <v>0</v>
      </c>
      <c r="AJ372" s="1">
        <v>0</v>
      </c>
      <c r="AK372" s="1">
        <v>0</v>
      </c>
      <c r="AL372" t="s">
        <v>49</v>
      </c>
      <c r="AM372" s="1">
        <v>0</v>
      </c>
      <c r="AN372" s="1">
        <v>0</v>
      </c>
      <c r="AO372" s="1">
        <v>0</v>
      </c>
      <c r="AP372" s="1">
        <v>0</v>
      </c>
      <c r="AQ372" s="1">
        <v>0</v>
      </c>
      <c r="AR372" s="1">
        <v>0</v>
      </c>
      <c r="AS372" s="1">
        <v>0</v>
      </c>
      <c r="AT372" s="1">
        <v>0</v>
      </c>
      <c r="AU372" s="1">
        <v>0</v>
      </c>
      <c r="AV372" s="1">
        <v>0</v>
      </c>
      <c r="BF372" s="1">
        <v>0</v>
      </c>
      <c r="BG372" s="1">
        <v>0</v>
      </c>
      <c r="BH372" s="1">
        <v>0</v>
      </c>
      <c r="BK372" s="1">
        <v>0</v>
      </c>
      <c r="BM372" s="1">
        <v>0</v>
      </c>
      <c r="BO372" s="1">
        <v>0</v>
      </c>
    </row>
    <row r="373" spans="1:69" x14ac:dyDescent="0.25">
      <c r="A373" s="1">
        <v>30448808</v>
      </c>
      <c r="B373" t="s">
        <v>394</v>
      </c>
      <c r="C373" t="s">
        <v>39</v>
      </c>
      <c r="D373" t="s">
        <v>174</v>
      </c>
      <c r="E373" t="s">
        <v>200</v>
      </c>
      <c r="L373" t="s">
        <v>52</v>
      </c>
      <c r="M373" s="1">
        <v>0</v>
      </c>
      <c r="N373" s="1">
        <v>0</v>
      </c>
      <c r="O373" t="s">
        <v>174</v>
      </c>
      <c r="P373" t="s">
        <v>216</v>
      </c>
      <c r="Q373" t="s">
        <v>328</v>
      </c>
      <c r="S373" s="1">
        <v>0</v>
      </c>
      <c r="T373" t="s">
        <v>200</v>
      </c>
      <c r="W373" t="s">
        <v>262</v>
      </c>
      <c r="X373" t="s">
        <v>179</v>
      </c>
      <c r="Z373" t="s">
        <v>244</v>
      </c>
      <c r="AC373" t="s">
        <v>180</v>
      </c>
      <c r="AD373" t="s">
        <v>175</v>
      </c>
      <c r="AE373" t="s">
        <v>175</v>
      </c>
      <c r="AF373" t="s">
        <v>175</v>
      </c>
      <c r="AG373" t="s">
        <v>175</v>
      </c>
      <c r="AH373" t="s">
        <v>175</v>
      </c>
      <c r="AI373" t="s">
        <v>175</v>
      </c>
      <c r="AJ373" t="s">
        <v>175</v>
      </c>
      <c r="AK373" t="s">
        <v>175</v>
      </c>
      <c r="AL373" t="s">
        <v>52</v>
      </c>
      <c r="AM373" t="s">
        <v>185</v>
      </c>
      <c r="AN373" t="s">
        <v>184</v>
      </c>
      <c r="AO373" t="s">
        <v>183</v>
      </c>
      <c r="AP373" t="s">
        <v>201</v>
      </c>
      <c r="AQ373" t="s">
        <v>206</v>
      </c>
      <c r="AR373" t="s">
        <v>203</v>
      </c>
      <c r="AS373" t="s">
        <v>202</v>
      </c>
      <c r="AT373" t="s">
        <v>204</v>
      </c>
      <c r="AU373" t="s">
        <v>182</v>
      </c>
      <c r="AV373" t="s">
        <v>205</v>
      </c>
      <c r="AZ373" t="s">
        <v>207</v>
      </c>
      <c r="BA373" t="s">
        <v>188</v>
      </c>
      <c r="BC373" t="s">
        <v>209</v>
      </c>
      <c r="BF373" t="s">
        <v>210</v>
      </c>
      <c r="BG373" s="1">
        <v>0</v>
      </c>
      <c r="BH373" t="s">
        <v>247</v>
      </c>
      <c r="BK373" t="s">
        <v>191</v>
      </c>
      <c r="BM373" t="s">
        <v>218</v>
      </c>
      <c r="BO373" t="s">
        <v>218</v>
      </c>
    </row>
    <row r="374" spans="1:69" x14ac:dyDescent="0.25">
      <c r="A374" s="1">
        <v>30448811</v>
      </c>
      <c r="B374" t="s">
        <v>3935</v>
      </c>
      <c r="C374" t="s">
        <v>39</v>
      </c>
      <c r="D374" t="s">
        <v>3727</v>
      </c>
      <c r="L374" t="s">
        <v>52</v>
      </c>
      <c r="M374" s="1">
        <v>0</v>
      </c>
      <c r="N374" s="1">
        <v>0</v>
      </c>
      <c r="O374" t="s">
        <v>3728</v>
      </c>
      <c r="P374" t="s">
        <v>49</v>
      </c>
      <c r="Q374" s="1">
        <v>0</v>
      </c>
      <c r="S374" s="1">
        <v>0</v>
      </c>
      <c r="T374" s="1">
        <v>0</v>
      </c>
      <c r="W374" t="s">
        <v>262</v>
      </c>
      <c r="AC374" t="s">
        <v>199</v>
      </c>
      <c r="AD374" t="s">
        <v>200</v>
      </c>
      <c r="AE374" t="s">
        <v>200</v>
      </c>
      <c r="AF374" t="s">
        <v>200</v>
      </c>
      <c r="AG374" t="s">
        <v>181</v>
      </c>
      <c r="AH374" t="s">
        <v>181</v>
      </c>
      <c r="AI374" t="s">
        <v>181</v>
      </c>
      <c r="AJ374" t="s">
        <v>200</v>
      </c>
      <c r="AK374" t="s">
        <v>200</v>
      </c>
      <c r="AL374" t="s">
        <v>49</v>
      </c>
      <c r="AM374" s="1">
        <v>0</v>
      </c>
      <c r="AN374" s="1">
        <v>0</v>
      </c>
      <c r="AO374" s="1">
        <v>0</v>
      </c>
      <c r="AP374" s="1">
        <v>0</v>
      </c>
      <c r="AQ374" s="1">
        <v>0</v>
      </c>
      <c r="AR374" s="1">
        <v>0</v>
      </c>
      <c r="AS374" s="1">
        <v>0</v>
      </c>
      <c r="AT374" s="1">
        <v>0</v>
      </c>
      <c r="AU374" s="1">
        <v>0</v>
      </c>
      <c r="AV374" s="1">
        <v>0</v>
      </c>
      <c r="BF374" s="1">
        <v>0</v>
      </c>
      <c r="BG374" s="1">
        <v>0</v>
      </c>
      <c r="BH374" s="1">
        <v>0</v>
      </c>
      <c r="BK374" s="1">
        <v>0</v>
      </c>
      <c r="BM374" s="1">
        <v>0</v>
      </c>
      <c r="BO374" s="1">
        <v>0</v>
      </c>
    </row>
    <row r="375" spans="1:69" x14ac:dyDescent="0.25">
      <c r="A375" s="1">
        <v>30448813</v>
      </c>
      <c r="B375" t="s">
        <v>3936</v>
      </c>
      <c r="C375" t="s">
        <v>39</v>
      </c>
      <c r="D375" t="s">
        <v>3727</v>
      </c>
      <c r="E375" t="s">
        <v>200</v>
      </c>
      <c r="L375" t="s">
        <v>52</v>
      </c>
      <c r="M375" s="1">
        <v>0</v>
      </c>
      <c r="N375" s="1">
        <v>0</v>
      </c>
      <c r="O375" t="s">
        <v>3728</v>
      </c>
      <c r="P375" t="s">
        <v>216</v>
      </c>
      <c r="Q375" t="s">
        <v>322</v>
      </c>
      <c r="S375" s="1">
        <v>0</v>
      </c>
      <c r="T375" t="s">
        <v>200</v>
      </c>
      <c r="Y375" t="s">
        <v>224</v>
      </c>
      <c r="AC375" t="s">
        <v>199</v>
      </c>
      <c r="AD375" t="s">
        <v>200</v>
      </c>
      <c r="AE375" t="s">
        <v>200</v>
      </c>
      <c r="AF375" t="s">
        <v>200</v>
      </c>
      <c r="AG375" t="s">
        <v>200</v>
      </c>
      <c r="AH375" s="1">
        <v>0</v>
      </c>
      <c r="AI375" t="s">
        <v>200</v>
      </c>
      <c r="AJ375" t="s">
        <v>200</v>
      </c>
      <c r="AK375" t="s">
        <v>181</v>
      </c>
      <c r="AL375" t="s">
        <v>42</v>
      </c>
      <c r="AM375" t="s">
        <v>183</v>
      </c>
      <c r="AN375" t="s">
        <v>205</v>
      </c>
      <c r="AO375" t="s">
        <v>182</v>
      </c>
      <c r="AP375" t="s">
        <v>206</v>
      </c>
      <c r="AQ375" t="s">
        <v>185</v>
      </c>
      <c r="AR375" t="s">
        <v>184</v>
      </c>
      <c r="AS375" t="s">
        <v>203</v>
      </c>
      <c r="AT375" t="s">
        <v>204</v>
      </c>
      <c r="AU375" t="s">
        <v>202</v>
      </c>
      <c r="AV375" t="s">
        <v>201</v>
      </c>
      <c r="AX375" t="s">
        <v>186</v>
      </c>
      <c r="AZ375" t="s">
        <v>207</v>
      </c>
      <c r="BF375" t="s">
        <v>292</v>
      </c>
      <c r="BG375" t="s">
        <v>233</v>
      </c>
      <c r="BH375" t="s">
        <v>464</v>
      </c>
      <c r="BK375" t="s">
        <v>191</v>
      </c>
      <c r="BL375" t="s">
        <v>518</v>
      </c>
      <c r="BM375" t="s">
        <v>218</v>
      </c>
      <c r="BO375" t="s">
        <v>218</v>
      </c>
    </row>
    <row r="376" spans="1:69" x14ac:dyDescent="0.25">
      <c r="A376" s="1">
        <v>30448815</v>
      </c>
      <c r="B376" t="s">
        <v>1126</v>
      </c>
      <c r="C376" t="s">
        <v>39</v>
      </c>
      <c r="D376" t="s">
        <v>942</v>
      </c>
      <c r="E376" t="s">
        <v>175</v>
      </c>
      <c r="L376" t="s">
        <v>52</v>
      </c>
      <c r="M376" s="1">
        <v>0</v>
      </c>
      <c r="N376" s="1">
        <v>0</v>
      </c>
      <c r="O376" t="s">
        <v>942</v>
      </c>
      <c r="P376" t="s">
        <v>176</v>
      </c>
      <c r="Q376" t="s">
        <v>238</v>
      </c>
      <c r="S376" t="s">
        <v>178</v>
      </c>
      <c r="T376" t="s">
        <v>175</v>
      </c>
      <c r="X376" t="s">
        <v>179</v>
      </c>
      <c r="AC376" t="s">
        <v>180</v>
      </c>
      <c r="AD376" t="s">
        <v>175</v>
      </c>
      <c r="AE376" t="s">
        <v>175</v>
      </c>
      <c r="AF376" t="s">
        <v>175</v>
      </c>
      <c r="AG376" t="s">
        <v>175</v>
      </c>
      <c r="AH376" t="s">
        <v>200</v>
      </c>
      <c r="AI376" t="s">
        <v>175</v>
      </c>
      <c r="AJ376" t="s">
        <v>175</v>
      </c>
      <c r="AK376" t="s">
        <v>175</v>
      </c>
      <c r="AL376" t="s">
        <v>42</v>
      </c>
      <c r="AM376" t="s">
        <v>205</v>
      </c>
      <c r="AN376" t="s">
        <v>185</v>
      </c>
      <c r="AO376" t="s">
        <v>204</v>
      </c>
      <c r="AP376" t="s">
        <v>182</v>
      </c>
      <c r="AQ376" t="s">
        <v>184</v>
      </c>
      <c r="AR376" t="s">
        <v>206</v>
      </c>
      <c r="AS376" t="s">
        <v>202</v>
      </c>
      <c r="AT376" t="s">
        <v>183</v>
      </c>
      <c r="AU376" t="s">
        <v>201</v>
      </c>
      <c r="AV376" t="s">
        <v>203</v>
      </c>
      <c r="AX376" t="s">
        <v>186</v>
      </c>
      <c r="AY376" t="s">
        <v>187</v>
      </c>
      <c r="AZ376" t="s">
        <v>207</v>
      </c>
      <c r="BA376" t="s">
        <v>188</v>
      </c>
      <c r="BB376" t="s">
        <v>208</v>
      </c>
      <c r="BF376" t="s">
        <v>210</v>
      </c>
      <c r="BG376" s="1">
        <v>0</v>
      </c>
      <c r="BH376" t="s">
        <v>211</v>
      </c>
      <c r="BK376" t="s">
        <v>191</v>
      </c>
      <c r="BM376" t="s">
        <v>191</v>
      </c>
      <c r="BO376" t="s">
        <v>191</v>
      </c>
    </row>
    <row r="377" spans="1:69" x14ac:dyDescent="0.25">
      <c r="A377" s="1">
        <v>30448817</v>
      </c>
      <c r="B377" t="s">
        <v>2645</v>
      </c>
      <c r="C377" t="s">
        <v>39</v>
      </c>
      <c r="D377" t="s">
        <v>2512</v>
      </c>
      <c r="E377" t="s">
        <v>175</v>
      </c>
      <c r="L377" t="s">
        <v>52</v>
      </c>
      <c r="M377" s="1">
        <v>0</v>
      </c>
      <c r="N377" s="1">
        <v>0</v>
      </c>
      <c r="O377" t="s">
        <v>2512</v>
      </c>
      <c r="P377" t="s">
        <v>216</v>
      </c>
      <c r="Q377" t="s">
        <v>328</v>
      </c>
      <c r="S377" s="1">
        <v>0</v>
      </c>
      <c r="T377" t="s">
        <v>175</v>
      </c>
      <c r="Y377" t="s">
        <v>224</v>
      </c>
      <c r="AC377" t="s">
        <v>180</v>
      </c>
      <c r="AD377" t="s">
        <v>181</v>
      </c>
      <c r="AE377" t="s">
        <v>175</v>
      </c>
      <c r="AF377" t="s">
        <v>175</v>
      </c>
      <c r="AG377" t="s">
        <v>175</v>
      </c>
      <c r="AH377" t="s">
        <v>175</v>
      </c>
      <c r="AI377" t="s">
        <v>181</v>
      </c>
      <c r="AJ377" t="s">
        <v>175</v>
      </c>
      <c r="AK377" t="s">
        <v>181</v>
      </c>
      <c r="AL377" t="s">
        <v>42</v>
      </c>
      <c r="AM377" s="1">
        <v>0</v>
      </c>
      <c r="AN377" s="1">
        <v>0</v>
      </c>
      <c r="AO377" s="1">
        <v>0</v>
      </c>
      <c r="AP377" s="1">
        <v>0</v>
      </c>
      <c r="AQ377" s="1">
        <v>0</v>
      </c>
      <c r="AR377" s="1">
        <v>0</v>
      </c>
      <c r="AS377" s="1">
        <v>0</v>
      </c>
      <c r="AT377" s="1">
        <v>0</v>
      </c>
      <c r="AU377" s="1">
        <v>0</v>
      </c>
      <c r="AV377" s="1">
        <v>0</v>
      </c>
      <c r="AZ377" t="s">
        <v>207</v>
      </c>
      <c r="BF377" t="s">
        <v>210</v>
      </c>
      <c r="BG377" s="1">
        <v>0</v>
      </c>
      <c r="BH377" t="s">
        <v>211</v>
      </c>
      <c r="BK377" t="s">
        <v>191</v>
      </c>
      <c r="BM377" t="s">
        <v>191</v>
      </c>
      <c r="BO377" t="s">
        <v>218</v>
      </c>
    </row>
    <row r="378" spans="1:69" x14ac:dyDescent="0.25">
      <c r="A378" s="1">
        <v>30448825</v>
      </c>
      <c r="B378" t="s">
        <v>3273</v>
      </c>
      <c r="C378" t="s">
        <v>39</v>
      </c>
      <c r="D378" t="s">
        <v>3138</v>
      </c>
      <c r="E378" t="s">
        <v>200</v>
      </c>
      <c r="L378" t="s">
        <v>52</v>
      </c>
      <c r="M378" s="1">
        <v>0</v>
      </c>
      <c r="N378" s="1">
        <v>0</v>
      </c>
      <c r="O378" t="s">
        <v>3139</v>
      </c>
      <c r="P378" t="s">
        <v>216</v>
      </c>
      <c r="Q378" t="s">
        <v>322</v>
      </c>
      <c r="S378" s="1">
        <v>0</v>
      </c>
      <c r="T378" t="s">
        <v>200</v>
      </c>
      <c r="AA378" t="s">
        <v>273</v>
      </c>
      <c r="AB378" t="s">
        <v>3274</v>
      </c>
      <c r="AC378" t="s">
        <v>180</v>
      </c>
      <c r="AD378" t="s">
        <v>200</v>
      </c>
      <c r="AE378" t="s">
        <v>200</v>
      </c>
      <c r="AF378" t="s">
        <v>200</v>
      </c>
      <c r="AG378" t="s">
        <v>200</v>
      </c>
      <c r="AH378" t="s">
        <v>200</v>
      </c>
      <c r="AI378" t="s">
        <v>200</v>
      </c>
      <c r="AJ378" t="s">
        <v>200</v>
      </c>
      <c r="AK378" t="s">
        <v>200</v>
      </c>
      <c r="AL378" t="s">
        <v>42</v>
      </c>
      <c r="AM378" t="s">
        <v>185</v>
      </c>
      <c r="AN378" t="s">
        <v>201</v>
      </c>
      <c r="AO378" t="s">
        <v>206</v>
      </c>
      <c r="AP378" t="s">
        <v>184</v>
      </c>
      <c r="AQ378" t="s">
        <v>204</v>
      </c>
      <c r="AR378" t="s">
        <v>202</v>
      </c>
      <c r="AS378" t="s">
        <v>203</v>
      </c>
      <c r="AT378" t="s">
        <v>182</v>
      </c>
      <c r="AU378" t="s">
        <v>183</v>
      </c>
      <c r="AV378" t="s">
        <v>205</v>
      </c>
      <c r="AW378" t="s">
        <v>3275</v>
      </c>
      <c r="AY378" t="s">
        <v>187</v>
      </c>
      <c r="AZ378" t="s">
        <v>207</v>
      </c>
      <c r="BA378" t="s">
        <v>188</v>
      </c>
      <c r="BF378" t="s">
        <v>210</v>
      </c>
      <c r="BG378" s="1">
        <v>0</v>
      </c>
      <c r="BH378" t="s">
        <v>211</v>
      </c>
      <c r="BK378" t="s">
        <v>191</v>
      </c>
      <c r="BL378" t="s">
        <v>3276</v>
      </c>
      <c r="BM378" t="s">
        <v>191</v>
      </c>
      <c r="BN378" t="s">
        <v>3277</v>
      </c>
      <c r="BO378" t="s">
        <v>191</v>
      </c>
      <c r="BP378" t="s">
        <v>3278</v>
      </c>
      <c r="BQ378" t="s">
        <v>3279</v>
      </c>
    </row>
    <row r="379" spans="1:69" x14ac:dyDescent="0.25">
      <c r="A379" s="1">
        <v>30448826</v>
      </c>
      <c r="B379" t="s">
        <v>3937</v>
      </c>
      <c r="C379" t="s">
        <v>39</v>
      </c>
      <c r="D379" t="s">
        <v>3727</v>
      </c>
      <c r="E379" t="s">
        <v>175</v>
      </c>
      <c r="L379" t="s">
        <v>52</v>
      </c>
      <c r="M379" s="1">
        <v>0</v>
      </c>
      <c r="N379" s="1">
        <v>0</v>
      </c>
      <c r="O379" t="s">
        <v>3728</v>
      </c>
      <c r="P379" t="s">
        <v>176</v>
      </c>
      <c r="Q379" t="s">
        <v>238</v>
      </c>
      <c r="S379" t="s">
        <v>349</v>
      </c>
      <c r="T379" t="s">
        <v>175</v>
      </c>
      <c r="Y379" t="s">
        <v>224</v>
      </c>
      <c r="AC379" t="s">
        <v>199</v>
      </c>
      <c r="AD379" t="s">
        <v>181</v>
      </c>
      <c r="AE379" t="s">
        <v>230</v>
      </c>
      <c r="AF379" t="s">
        <v>230</v>
      </c>
      <c r="AG379" t="s">
        <v>230</v>
      </c>
      <c r="AH379" t="s">
        <v>175</v>
      </c>
      <c r="AI379" t="s">
        <v>230</v>
      </c>
      <c r="AJ379" t="s">
        <v>230</v>
      </c>
      <c r="AK379" t="s">
        <v>175</v>
      </c>
      <c r="AL379" t="s">
        <v>42</v>
      </c>
      <c r="AM379" t="s">
        <v>182</v>
      </c>
      <c r="AN379" t="s">
        <v>205</v>
      </c>
      <c r="AO379" t="s">
        <v>184</v>
      </c>
      <c r="AP379" t="s">
        <v>183</v>
      </c>
      <c r="AQ379" t="s">
        <v>201</v>
      </c>
      <c r="AR379" t="s">
        <v>206</v>
      </c>
      <c r="AS379" t="s">
        <v>203</v>
      </c>
      <c r="AT379" t="s">
        <v>204</v>
      </c>
      <c r="AU379" t="s">
        <v>202</v>
      </c>
      <c r="AV379" t="s">
        <v>185</v>
      </c>
      <c r="AX379" t="s">
        <v>186</v>
      </c>
      <c r="AY379" t="s">
        <v>187</v>
      </c>
      <c r="AZ379" t="s">
        <v>207</v>
      </c>
      <c r="BA379" t="s">
        <v>188</v>
      </c>
      <c r="BF379" t="s">
        <v>210</v>
      </c>
      <c r="BG379" s="1">
        <v>0</v>
      </c>
      <c r="BH379" t="s">
        <v>211</v>
      </c>
      <c r="BK379" t="s">
        <v>191</v>
      </c>
      <c r="BL379" t="s">
        <v>3938</v>
      </c>
      <c r="BM379" t="s">
        <v>191</v>
      </c>
      <c r="BN379" t="s">
        <v>3939</v>
      </c>
      <c r="BO379" t="s">
        <v>218</v>
      </c>
      <c r="BP379" t="s">
        <v>3940</v>
      </c>
    </row>
    <row r="380" spans="1:69" x14ac:dyDescent="0.25">
      <c r="A380" s="1">
        <v>30448830</v>
      </c>
      <c r="B380" t="s">
        <v>3127</v>
      </c>
      <c r="C380" t="s">
        <v>39</v>
      </c>
      <c r="D380" t="s">
        <v>3125</v>
      </c>
      <c r="L380" t="s">
        <v>52</v>
      </c>
      <c r="M380" s="1">
        <v>0</v>
      </c>
      <c r="N380" s="1">
        <v>0</v>
      </c>
      <c r="O380" t="s">
        <v>49</v>
      </c>
      <c r="P380" s="1">
        <v>0</v>
      </c>
      <c r="Q380" s="1">
        <v>0</v>
      </c>
      <c r="S380" s="1">
        <v>0</v>
      </c>
      <c r="T380" s="1">
        <v>0</v>
      </c>
      <c r="AC380" s="1">
        <v>0</v>
      </c>
      <c r="AD380" s="1">
        <v>0</v>
      </c>
      <c r="AE380" s="1">
        <v>0</v>
      </c>
      <c r="AF380" s="1">
        <v>0</v>
      </c>
      <c r="AG380" s="1">
        <v>0</v>
      </c>
      <c r="AH380" s="1">
        <v>0</v>
      </c>
      <c r="AI380" s="1">
        <v>0</v>
      </c>
      <c r="AJ380" s="1">
        <v>0</v>
      </c>
      <c r="AK380" s="1">
        <v>0</v>
      </c>
      <c r="AL380" s="1">
        <v>0</v>
      </c>
      <c r="AM380" s="1">
        <v>0</v>
      </c>
      <c r="AN380" s="1">
        <v>0</v>
      </c>
      <c r="AO380" s="1">
        <v>0</v>
      </c>
      <c r="AP380" s="1">
        <v>0</v>
      </c>
      <c r="AQ380" s="1">
        <v>0</v>
      </c>
      <c r="AR380" s="1">
        <v>0</v>
      </c>
      <c r="AS380" s="1">
        <v>0</v>
      </c>
      <c r="AT380" s="1">
        <v>0</v>
      </c>
      <c r="AU380" s="1">
        <v>0</v>
      </c>
      <c r="AV380" s="1">
        <v>0</v>
      </c>
      <c r="BF380" s="1">
        <v>0</v>
      </c>
      <c r="BG380" s="1">
        <v>0</v>
      </c>
      <c r="BH380" s="1">
        <v>0</v>
      </c>
      <c r="BK380" s="1">
        <v>0</v>
      </c>
      <c r="BM380" s="1">
        <v>0</v>
      </c>
      <c r="BO380" s="1">
        <v>0</v>
      </c>
    </row>
    <row r="381" spans="1:69" x14ac:dyDescent="0.25">
      <c r="A381" s="1">
        <v>30448835</v>
      </c>
      <c r="B381" t="s">
        <v>3280</v>
      </c>
      <c r="C381" t="s">
        <v>39</v>
      </c>
      <c r="D381" t="s">
        <v>3138</v>
      </c>
      <c r="E381" t="s">
        <v>175</v>
      </c>
      <c r="L381" t="s">
        <v>52</v>
      </c>
      <c r="M381" s="1">
        <v>0</v>
      </c>
      <c r="N381" s="1">
        <v>0</v>
      </c>
      <c r="O381" t="s">
        <v>3139</v>
      </c>
      <c r="P381" t="s">
        <v>216</v>
      </c>
      <c r="Q381" t="s">
        <v>196</v>
      </c>
      <c r="S381" s="1">
        <v>0</v>
      </c>
      <c r="T381" t="s">
        <v>175</v>
      </c>
      <c r="X381" t="s">
        <v>179</v>
      </c>
      <c r="AC381" t="s">
        <v>180</v>
      </c>
      <c r="AD381" t="s">
        <v>181</v>
      </c>
      <c r="AE381" t="s">
        <v>181</v>
      </c>
      <c r="AF381" t="s">
        <v>181</v>
      </c>
      <c r="AG381" t="s">
        <v>175</v>
      </c>
      <c r="AH381" t="s">
        <v>200</v>
      </c>
      <c r="AI381" t="s">
        <v>200</v>
      </c>
      <c r="AJ381" t="s">
        <v>175</v>
      </c>
      <c r="AK381" t="s">
        <v>175</v>
      </c>
      <c r="AL381" t="s">
        <v>42</v>
      </c>
      <c r="AM381" t="s">
        <v>182</v>
      </c>
      <c r="AN381" t="s">
        <v>184</v>
      </c>
      <c r="AO381" t="s">
        <v>205</v>
      </c>
      <c r="AP381" t="s">
        <v>183</v>
      </c>
      <c r="AQ381" t="s">
        <v>202</v>
      </c>
      <c r="AR381" t="s">
        <v>203</v>
      </c>
      <c r="AS381" t="s">
        <v>204</v>
      </c>
      <c r="AT381" t="s">
        <v>185</v>
      </c>
      <c r="AU381" t="s">
        <v>206</v>
      </c>
      <c r="AV381" t="s">
        <v>201</v>
      </c>
      <c r="AX381" t="s">
        <v>186</v>
      </c>
      <c r="AY381" t="s">
        <v>187</v>
      </c>
      <c r="BB381" t="s">
        <v>208</v>
      </c>
      <c r="BF381" t="s">
        <v>49</v>
      </c>
      <c r="BG381" s="1">
        <v>0</v>
      </c>
      <c r="BH381" t="s">
        <v>211</v>
      </c>
      <c r="BK381" t="s">
        <v>191</v>
      </c>
      <c r="BM381" t="s">
        <v>191</v>
      </c>
      <c r="BO381" t="s">
        <v>218</v>
      </c>
    </row>
    <row r="382" spans="1:69" x14ac:dyDescent="0.25">
      <c r="A382" s="1">
        <v>30448836</v>
      </c>
      <c r="B382" t="s">
        <v>1827</v>
      </c>
      <c r="C382" t="s">
        <v>39</v>
      </c>
      <c r="D382" t="s">
        <v>1616</v>
      </c>
      <c r="E382" t="s">
        <v>175</v>
      </c>
      <c r="L382" t="s">
        <v>52</v>
      </c>
      <c r="M382" s="1">
        <v>0</v>
      </c>
      <c r="N382" s="1">
        <v>0</v>
      </c>
      <c r="O382" t="s">
        <v>1616</v>
      </c>
      <c r="P382" t="s">
        <v>176</v>
      </c>
      <c r="Q382" t="s">
        <v>196</v>
      </c>
      <c r="S382" t="s">
        <v>178</v>
      </c>
      <c r="T382" t="s">
        <v>175</v>
      </c>
      <c r="AA382" t="s">
        <v>273</v>
      </c>
      <c r="AC382" t="s">
        <v>180</v>
      </c>
      <c r="AD382" t="s">
        <v>299</v>
      </c>
      <c r="AE382" t="s">
        <v>299</v>
      </c>
      <c r="AF382" t="s">
        <v>230</v>
      </c>
      <c r="AG382" t="s">
        <v>299</v>
      </c>
      <c r="AH382" s="1">
        <v>0</v>
      </c>
      <c r="AI382" t="s">
        <v>299</v>
      </c>
      <c r="AJ382" t="s">
        <v>299</v>
      </c>
      <c r="AK382" t="s">
        <v>299</v>
      </c>
      <c r="AL382" t="s">
        <v>42</v>
      </c>
      <c r="AM382" s="1">
        <v>0</v>
      </c>
      <c r="AN382" s="1">
        <v>0</v>
      </c>
      <c r="AO382" s="1">
        <v>0</v>
      </c>
      <c r="AP382" s="1">
        <v>0</v>
      </c>
      <c r="AQ382" s="1">
        <v>0</v>
      </c>
      <c r="AR382" s="1">
        <v>0</v>
      </c>
      <c r="AS382" s="1">
        <v>0</v>
      </c>
      <c r="AT382" s="1">
        <v>0</v>
      </c>
      <c r="AU382" s="1">
        <v>0</v>
      </c>
      <c r="AV382" s="1">
        <v>0</v>
      </c>
      <c r="BA382" t="s">
        <v>188</v>
      </c>
      <c r="BF382" t="s">
        <v>49</v>
      </c>
      <c r="BG382" s="1">
        <v>0</v>
      </c>
      <c r="BH382" t="s">
        <v>190</v>
      </c>
      <c r="BK382" t="s">
        <v>191</v>
      </c>
      <c r="BM382" s="1">
        <v>0</v>
      </c>
      <c r="BO382" t="s">
        <v>218</v>
      </c>
    </row>
    <row r="383" spans="1:69" x14ac:dyDescent="0.25">
      <c r="A383" s="1">
        <v>30448838</v>
      </c>
      <c r="B383" t="s">
        <v>3281</v>
      </c>
      <c r="C383" t="s">
        <v>39</v>
      </c>
      <c r="D383" t="s">
        <v>3727</v>
      </c>
      <c r="E383" t="s">
        <v>195</v>
      </c>
      <c r="L383" t="s">
        <v>52</v>
      </c>
      <c r="M383" s="1">
        <v>0</v>
      </c>
      <c r="N383" s="1">
        <v>0</v>
      </c>
      <c r="O383" t="s">
        <v>3728</v>
      </c>
      <c r="P383" t="s">
        <v>176</v>
      </c>
      <c r="Q383" t="s">
        <v>238</v>
      </c>
      <c r="S383" t="s">
        <v>178</v>
      </c>
      <c r="T383" t="s">
        <v>197</v>
      </c>
      <c r="X383" t="s">
        <v>179</v>
      </c>
      <c r="AC383" t="s">
        <v>180</v>
      </c>
      <c r="AD383" t="s">
        <v>181</v>
      </c>
      <c r="AE383" t="s">
        <v>181</v>
      </c>
      <c r="AF383" t="s">
        <v>181</v>
      </c>
      <c r="AG383" t="s">
        <v>181</v>
      </c>
      <c r="AH383" t="s">
        <v>181</v>
      </c>
      <c r="AI383" t="s">
        <v>181</v>
      </c>
      <c r="AJ383" t="s">
        <v>181</v>
      </c>
      <c r="AK383" t="s">
        <v>181</v>
      </c>
      <c r="AL383" t="s">
        <v>42</v>
      </c>
      <c r="AM383" t="s">
        <v>206</v>
      </c>
      <c r="AN383" t="s">
        <v>204</v>
      </c>
      <c r="AO383" t="s">
        <v>201</v>
      </c>
      <c r="AP383" t="s">
        <v>182</v>
      </c>
      <c r="AQ383" t="s">
        <v>184</v>
      </c>
      <c r="AR383" t="s">
        <v>185</v>
      </c>
      <c r="AS383" t="s">
        <v>183</v>
      </c>
      <c r="AT383" t="s">
        <v>202</v>
      </c>
      <c r="AU383" t="s">
        <v>203</v>
      </c>
      <c r="AV383" t="s">
        <v>205</v>
      </c>
      <c r="BA383" t="s">
        <v>188</v>
      </c>
      <c r="BC383" t="s">
        <v>209</v>
      </c>
      <c r="BF383" t="s">
        <v>49</v>
      </c>
      <c r="BG383" s="1">
        <v>0</v>
      </c>
      <c r="BH383" t="s">
        <v>211</v>
      </c>
      <c r="BK383" t="s">
        <v>191</v>
      </c>
      <c r="BM383" t="s">
        <v>191</v>
      </c>
      <c r="BO383" t="s">
        <v>191</v>
      </c>
    </row>
    <row r="384" spans="1:69" x14ac:dyDescent="0.25">
      <c r="A384" s="1">
        <v>30448840</v>
      </c>
      <c r="B384" t="s">
        <v>3281</v>
      </c>
      <c r="C384" t="s">
        <v>39</v>
      </c>
      <c r="D384" t="s">
        <v>3138</v>
      </c>
      <c r="E384" t="s">
        <v>200</v>
      </c>
      <c r="L384" t="s">
        <v>52</v>
      </c>
      <c r="M384" s="1">
        <v>0</v>
      </c>
      <c r="N384" s="1">
        <v>0</v>
      </c>
      <c r="O384" t="s">
        <v>3139</v>
      </c>
      <c r="P384" t="s">
        <v>176</v>
      </c>
      <c r="Q384" t="s">
        <v>238</v>
      </c>
      <c r="S384" t="s">
        <v>178</v>
      </c>
      <c r="T384" t="s">
        <v>200</v>
      </c>
      <c r="AC384" t="s">
        <v>225</v>
      </c>
      <c r="AD384" t="s">
        <v>200</v>
      </c>
      <c r="AE384" t="s">
        <v>200</v>
      </c>
      <c r="AF384" t="s">
        <v>200</v>
      </c>
      <c r="AG384" t="s">
        <v>200</v>
      </c>
      <c r="AH384" t="s">
        <v>200</v>
      </c>
      <c r="AI384" t="s">
        <v>200</v>
      </c>
      <c r="AJ384" t="s">
        <v>200</v>
      </c>
      <c r="AK384" t="s">
        <v>200</v>
      </c>
      <c r="AL384" t="s">
        <v>52</v>
      </c>
      <c r="AM384" t="s">
        <v>201</v>
      </c>
      <c r="AN384" t="s">
        <v>184</v>
      </c>
      <c r="AO384" t="s">
        <v>185</v>
      </c>
      <c r="AP384" t="s">
        <v>205</v>
      </c>
      <c r="AQ384" t="s">
        <v>203</v>
      </c>
      <c r="AR384" t="s">
        <v>202</v>
      </c>
      <c r="AS384" t="s">
        <v>204</v>
      </c>
      <c r="AT384" t="s">
        <v>183</v>
      </c>
      <c r="AU384" t="s">
        <v>182</v>
      </c>
      <c r="AV384" t="s">
        <v>206</v>
      </c>
      <c r="AX384" t="s">
        <v>186</v>
      </c>
      <c r="AZ384" t="s">
        <v>207</v>
      </c>
      <c r="BC384" t="s">
        <v>209</v>
      </c>
      <c r="BF384" t="s">
        <v>210</v>
      </c>
      <c r="BG384" s="1">
        <v>0</v>
      </c>
      <c r="BH384" t="s">
        <v>211</v>
      </c>
      <c r="BK384" t="s">
        <v>191</v>
      </c>
      <c r="BM384" t="s">
        <v>191</v>
      </c>
      <c r="BO384" t="s">
        <v>191</v>
      </c>
      <c r="BQ384" t="s">
        <v>3282</v>
      </c>
    </row>
    <row r="385" spans="1:69" x14ac:dyDescent="0.25">
      <c r="A385" s="1">
        <v>30448843</v>
      </c>
      <c r="B385" t="s">
        <v>3941</v>
      </c>
      <c r="C385" t="s">
        <v>39</v>
      </c>
      <c r="D385" t="s">
        <v>3727</v>
      </c>
      <c r="E385" t="s">
        <v>175</v>
      </c>
      <c r="L385" t="s">
        <v>52</v>
      </c>
      <c r="M385" s="1">
        <v>0</v>
      </c>
      <c r="N385" s="1">
        <v>0</v>
      </c>
      <c r="O385" t="s">
        <v>3728</v>
      </c>
      <c r="P385" t="s">
        <v>176</v>
      </c>
      <c r="Q385" t="s">
        <v>177</v>
      </c>
      <c r="S385" t="s">
        <v>178</v>
      </c>
      <c r="T385" t="s">
        <v>175</v>
      </c>
      <c r="X385" t="s">
        <v>179</v>
      </c>
      <c r="AC385" t="s">
        <v>180</v>
      </c>
      <c r="AD385" t="s">
        <v>175</v>
      </c>
      <c r="AE385" t="s">
        <v>175</v>
      </c>
      <c r="AF385" t="s">
        <v>175</v>
      </c>
      <c r="AG385" t="s">
        <v>200</v>
      </c>
      <c r="AH385" t="s">
        <v>200</v>
      </c>
      <c r="AI385" t="s">
        <v>200</v>
      </c>
      <c r="AJ385" t="s">
        <v>200</v>
      </c>
      <c r="AK385" t="s">
        <v>175</v>
      </c>
      <c r="AL385" t="s">
        <v>42</v>
      </c>
      <c r="AM385" t="s">
        <v>182</v>
      </c>
      <c r="AN385" t="s">
        <v>204</v>
      </c>
      <c r="AO385" t="s">
        <v>184</v>
      </c>
      <c r="AP385" t="s">
        <v>206</v>
      </c>
      <c r="AQ385" t="s">
        <v>185</v>
      </c>
      <c r="AR385" t="s">
        <v>183</v>
      </c>
      <c r="AS385" t="s">
        <v>202</v>
      </c>
      <c r="AT385" t="s">
        <v>205</v>
      </c>
      <c r="AU385" t="s">
        <v>203</v>
      </c>
      <c r="AV385" t="s">
        <v>201</v>
      </c>
      <c r="AX385" t="s">
        <v>186</v>
      </c>
      <c r="BF385" t="s">
        <v>189</v>
      </c>
      <c r="BG385" s="1">
        <v>0</v>
      </c>
      <c r="BH385" t="s">
        <v>211</v>
      </c>
      <c r="BK385" t="s">
        <v>218</v>
      </c>
      <c r="BM385" t="s">
        <v>191</v>
      </c>
      <c r="BN385" t="s">
        <v>518</v>
      </c>
      <c r="BO385" t="s">
        <v>191</v>
      </c>
    </row>
    <row r="386" spans="1:69" x14ac:dyDescent="0.25">
      <c r="A386" s="1">
        <v>30448844</v>
      </c>
      <c r="B386" t="s">
        <v>3941</v>
      </c>
      <c r="C386" t="s">
        <v>39</v>
      </c>
      <c r="D386" t="s">
        <v>3727</v>
      </c>
      <c r="E386" t="s">
        <v>175</v>
      </c>
      <c r="L386" t="s">
        <v>52</v>
      </c>
      <c r="M386" s="1">
        <v>0</v>
      </c>
      <c r="N386" s="1">
        <v>0</v>
      </c>
      <c r="O386" t="s">
        <v>3728</v>
      </c>
      <c r="P386" t="s">
        <v>216</v>
      </c>
      <c r="Q386" t="s">
        <v>177</v>
      </c>
      <c r="S386" s="1">
        <v>0</v>
      </c>
      <c r="T386" t="s">
        <v>175</v>
      </c>
      <c r="Y386" t="s">
        <v>224</v>
      </c>
      <c r="AC386" t="s">
        <v>180</v>
      </c>
      <c r="AD386" t="s">
        <v>175</v>
      </c>
      <c r="AE386" t="s">
        <v>181</v>
      </c>
      <c r="AF386" t="s">
        <v>181</v>
      </c>
      <c r="AG386" t="s">
        <v>175</v>
      </c>
      <c r="AH386" t="s">
        <v>175</v>
      </c>
      <c r="AI386" t="s">
        <v>175</v>
      </c>
      <c r="AJ386" t="s">
        <v>175</v>
      </c>
      <c r="AK386" t="s">
        <v>175</v>
      </c>
      <c r="AL386" t="s">
        <v>42</v>
      </c>
      <c r="AM386" s="1">
        <v>0</v>
      </c>
      <c r="AN386" s="1">
        <v>0</v>
      </c>
      <c r="AO386" t="s">
        <v>182</v>
      </c>
      <c r="AP386" t="s">
        <v>185</v>
      </c>
      <c r="AQ386" s="1">
        <v>0</v>
      </c>
      <c r="AR386" s="1">
        <v>0</v>
      </c>
      <c r="AS386" s="1">
        <v>0</v>
      </c>
      <c r="AT386" s="1">
        <v>0</v>
      </c>
      <c r="AU386" s="1">
        <v>0</v>
      </c>
      <c r="AV386" t="s">
        <v>184</v>
      </c>
      <c r="AY386" t="s">
        <v>187</v>
      </c>
      <c r="BF386" t="s">
        <v>210</v>
      </c>
      <c r="BG386" s="1">
        <v>0</v>
      </c>
      <c r="BH386" t="s">
        <v>211</v>
      </c>
      <c r="BK386" t="s">
        <v>191</v>
      </c>
      <c r="BL386" t="s">
        <v>1373</v>
      </c>
      <c r="BM386" t="s">
        <v>191</v>
      </c>
      <c r="BO386" t="s">
        <v>218</v>
      </c>
    </row>
    <row r="387" spans="1:69" x14ac:dyDescent="0.25">
      <c r="A387" s="1">
        <v>30448849</v>
      </c>
      <c r="B387" t="s">
        <v>2646</v>
      </c>
      <c r="C387" t="s">
        <v>39</v>
      </c>
      <c r="D387" t="s">
        <v>2512</v>
      </c>
      <c r="E387" t="s">
        <v>195</v>
      </c>
      <c r="L387" t="s">
        <v>52</v>
      </c>
      <c r="M387" s="1">
        <v>0</v>
      </c>
      <c r="N387" s="1">
        <v>0</v>
      </c>
      <c r="O387" t="s">
        <v>2512</v>
      </c>
      <c r="P387" t="s">
        <v>176</v>
      </c>
      <c r="Q387" t="s">
        <v>196</v>
      </c>
      <c r="S387" t="s">
        <v>349</v>
      </c>
      <c r="T387" t="s">
        <v>197</v>
      </c>
      <c r="AC387" s="1">
        <v>0</v>
      </c>
      <c r="AD387" s="1">
        <v>0</v>
      </c>
      <c r="AE387" s="1">
        <v>0</v>
      </c>
      <c r="AF387" s="1">
        <v>0</v>
      </c>
      <c r="AG387" s="1">
        <v>0</v>
      </c>
      <c r="AH387" s="1">
        <v>0</v>
      </c>
      <c r="AI387" s="1">
        <v>0</v>
      </c>
      <c r="AJ387" s="1">
        <v>0</v>
      </c>
      <c r="AK387" s="1">
        <v>0</v>
      </c>
      <c r="AL387" s="1">
        <v>0</v>
      </c>
      <c r="AM387" s="1">
        <v>0</v>
      </c>
      <c r="AN387" s="1">
        <v>0</v>
      </c>
      <c r="AO387" s="1">
        <v>0</v>
      </c>
      <c r="AP387" s="1">
        <v>0</v>
      </c>
      <c r="AQ387" s="1">
        <v>0</v>
      </c>
      <c r="AR387" s="1">
        <v>0</v>
      </c>
      <c r="AS387" s="1">
        <v>0</v>
      </c>
      <c r="AT387" s="1">
        <v>0</v>
      </c>
      <c r="AU387" s="1">
        <v>0</v>
      </c>
      <c r="AV387" s="1">
        <v>0</v>
      </c>
      <c r="BF387" s="1">
        <v>0</v>
      </c>
      <c r="BG387" s="1">
        <v>0</v>
      </c>
      <c r="BH387" s="1">
        <v>0</v>
      </c>
      <c r="BK387" s="1">
        <v>0</v>
      </c>
      <c r="BM387" s="1">
        <v>0</v>
      </c>
      <c r="BO387" s="1">
        <v>0</v>
      </c>
    </row>
    <row r="388" spans="1:69" x14ac:dyDescent="0.25">
      <c r="A388" s="1">
        <v>30448852</v>
      </c>
      <c r="B388" t="s">
        <v>3283</v>
      </c>
      <c r="C388" t="s">
        <v>39</v>
      </c>
      <c r="D388" t="s">
        <v>3138</v>
      </c>
      <c r="E388" t="s">
        <v>195</v>
      </c>
      <c r="L388" t="s">
        <v>52</v>
      </c>
      <c r="M388" s="1">
        <v>0</v>
      </c>
      <c r="N388" s="1">
        <v>0</v>
      </c>
      <c r="O388" t="s">
        <v>3139</v>
      </c>
      <c r="P388" t="s">
        <v>176</v>
      </c>
      <c r="Q388" t="s">
        <v>238</v>
      </c>
      <c r="S388" t="s">
        <v>178</v>
      </c>
      <c r="T388" t="s">
        <v>197</v>
      </c>
      <c r="W388" t="s">
        <v>262</v>
      </c>
      <c r="X388" t="s">
        <v>179</v>
      </c>
      <c r="AC388" s="1">
        <v>0</v>
      </c>
      <c r="AD388" s="1">
        <v>0</v>
      </c>
      <c r="AE388" s="1">
        <v>0</v>
      </c>
      <c r="AF388" s="1">
        <v>0</v>
      </c>
      <c r="AG388" s="1">
        <v>0</v>
      </c>
      <c r="AH388" s="1">
        <v>0</v>
      </c>
      <c r="AI388" s="1">
        <v>0</v>
      </c>
      <c r="AJ388" s="1">
        <v>0</v>
      </c>
      <c r="AK388" s="1">
        <v>0</v>
      </c>
      <c r="AL388" s="1">
        <v>0</v>
      </c>
      <c r="AM388" s="1">
        <v>0</v>
      </c>
      <c r="AN388" s="1">
        <v>0</v>
      </c>
      <c r="AO388" s="1">
        <v>0</v>
      </c>
      <c r="AP388" s="1">
        <v>0</v>
      </c>
      <c r="AQ388" s="1">
        <v>0</v>
      </c>
      <c r="AR388" s="1">
        <v>0</v>
      </c>
      <c r="AS388" s="1">
        <v>0</v>
      </c>
      <c r="AT388" s="1">
        <v>0</v>
      </c>
      <c r="AU388" s="1">
        <v>0</v>
      </c>
      <c r="AV388" s="1">
        <v>0</v>
      </c>
      <c r="BF388" s="1">
        <v>0</v>
      </c>
      <c r="BG388" s="1">
        <v>0</v>
      </c>
      <c r="BH388" s="1">
        <v>0</v>
      </c>
      <c r="BK388" s="1">
        <v>0</v>
      </c>
      <c r="BM388" s="1">
        <v>0</v>
      </c>
      <c r="BO388" s="1">
        <v>0</v>
      </c>
    </row>
    <row r="389" spans="1:69" x14ac:dyDescent="0.25">
      <c r="A389" s="1">
        <v>30448853</v>
      </c>
      <c r="B389" t="s">
        <v>3283</v>
      </c>
      <c r="C389" t="s">
        <v>39</v>
      </c>
      <c r="D389" t="s">
        <v>3138</v>
      </c>
      <c r="E389" t="s">
        <v>175</v>
      </c>
      <c r="L389" t="s">
        <v>52</v>
      </c>
      <c r="M389" s="1">
        <v>0</v>
      </c>
      <c r="N389" s="1">
        <v>0</v>
      </c>
      <c r="O389" t="s">
        <v>3139</v>
      </c>
      <c r="P389" t="s">
        <v>216</v>
      </c>
      <c r="Q389" t="s">
        <v>322</v>
      </c>
      <c r="S389" s="1">
        <v>0</v>
      </c>
      <c r="T389" t="s">
        <v>175</v>
      </c>
      <c r="AA389" t="s">
        <v>273</v>
      </c>
      <c r="AB389" t="s">
        <v>3284</v>
      </c>
      <c r="AC389" t="s">
        <v>199</v>
      </c>
      <c r="AD389" t="s">
        <v>175</v>
      </c>
      <c r="AE389" t="s">
        <v>175</v>
      </c>
      <c r="AF389" t="s">
        <v>175</v>
      </c>
      <c r="AG389" t="s">
        <v>175</v>
      </c>
      <c r="AH389" t="s">
        <v>175</v>
      </c>
      <c r="AI389" t="s">
        <v>175</v>
      </c>
      <c r="AJ389" t="s">
        <v>175</v>
      </c>
      <c r="AK389" t="s">
        <v>175</v>
      </c>
      <c r="AL389" t="s">
        <v>52</v>
      </c>
      <c r="AM389" s="1">
        <v>0</v>
      </c>
      <c r="AN389" s="1">
        <v>0</v>
      </c>
      <c r="AO389" s="1">
        <v>0</v>
      </c>
      <c r="AP389" s="1">
        <v>0</v>
      </c>
      <c r="AQ389" s="1">
        <v>0</v>
      </c>
      <c r="AR389" s="1">
        <v>0</v>
      </c>
      <c r="AS389" s="1">
        <v>0</v>
      </c>
      <c r="AT389" s="1">
        <v>0</v>
      </c>
      <c r="AU389" s="1">
        <v>0</v>
      </c>
      <c r="AV389" s="1">
        <v>0</v>
      </c>
      <c r="AW389" t="s">
        <v>225</v>
      </c>
      <c r="BF389" s="1">
        <v>0</v>
      </c>
      <c r="BG389" s="1">
        <v>0</v>
      </c>
      <c r="BH389" s="1">
        <v>0</v>
      </c>
      <c r="BK389" s="1">
        <v>0</v>
      </c>
      <c r="BM389" s="1">
        <v>0</v>
      </c>
      <c r="BO389" s="1">
        <v>0</v>
      </c>
    </row>
    <row r="390" spans="1:69" x14ac:dyDescent="0.25">
      <c r="A390" s="1">
        <v>30448854</v>
      </c>
      <c r="B390" t="s">
        <v>3285</v>
      </c>
      <c r="C390" t="s">
        <v>39</v>
      </c>
      <c r="D390" t="s">
        <v>3138</v>
      </c>
      <c r="E390" t="s">
        <v>200</v>
      </c>
      <c r="L390" t="s">
        <v>52</v>
      </c>
      <c r="M390" s="1">
        <v>0</v>
      </c>
      <c r="N390" s="1">
        <v>0</v>
      </c>
      <c r="O390" t="s">
        <v>3139</v>
      </c>
      <c r="P390" t="s">
        <v>176</v>
      </c>
      <c r="Q390" t="s">
        <v>196</v>
      </c>
      <c r="S390" t="s">
        <v>178</v>
      </c>
      <c r="T390" t="s">
        <v>200</v>
      </c>
      <c r="X390" t="s">
        <v>179</v>
      </c>
      <c r="Z390" t="s">
        <v>244</v>
      </c>
      <c r="AC390" t="s">
        <v>180</v>
      </c>
      <c r="AD390" t="s">
        <v>175</v>
      </c>
      <c r="AE390" t="s">
        <v>230</v>
      </c>
      <c r="AF390" t="s">
        <v>230</v>
      </c>
      <c r="AG390" t="s">
        <v>230</v>
      </c>
      <c r="AH390" t="s">
        <v>200</v>
      </c>
      <c r="AI390" t="s">
        <v>200</v>
      </c>
      <c r="AJ390" t="s">
        <v>181</v>
      </c>
      <c r="AK390" t="s">
        <v>181</v>
      </c>
      <c r="AL390" t="s">
        <v>42</v>
      </c>
      <c r="AM390" t="s">
        <v>182</v>
      </c>
      <c r="AN390" t="s">
        <v>183</v>
      </c>
      <c r="AO390" t="s">
        <v>203</v>
      </c>
      <c r="AP390" t="s">
        <v>185</v>
      </c>
      <c r="AQ390" t="s">
        <v>205</v>
      </c>
      <c r="AR390" t="s">
        <v>201</v>
      </c>
      <c r="AS390" t="s">
        <v>204</v>
      </c>
      <c r="AT390" t="s">
        <v>206</v>
      </c>
      <c r="AU390" t="s">
        <v>202</v>
      </c>
      <c r="AV390" t="s">
        <v>184</v>
      </c>
      <c r="AZ390" t="s">
        <v>207</v>
      </c>
      <c r="BF390" t="s">
        <v>49</v>
      </c>
      <c r="BG390" s="1">
        <v>0</v>
      </c>
      <c r="BH390" t="s">
        <v>247</v>
      </c>
      <c r="BK390" t="s">
        <v>191</v>
      </c>
      <c r="BM390" t="s">
        <v>191</v>
      </c>
      <c r="BO390" t="s">
        <v>191</v>
      </c>
    </row>
    <row r="391" spans="1:69" x14ac:dyDescent="0.25">
      <c r="A391" s="1">
        <v>30448856</v>
      </c>
      <c r="B391" t="s">
        <v>2647</v>
      </c>
      <c r="C391" t="s">
        <v>39</v>
      </c>
      <c r="D391" t="s">
        <v>2512</v>
      </c>
      <c r="E391" t="s">
        <v>216</v>
      </c>
      <c r="L391" t="s">
        <v>52</v>
      </c>
      <c r="M391" s="1">
        <v>0</v>
      </c>
      <c r="N391" s="1">
        <v>0</v>
      </c>
      <c r="O391" t="s">
        <v>2512</v>
      </c>
      <c r="P391" t="s">
        <v>216</v>
      </c>
      <c r="Q391" t="s">
        <v>177</v>
      </c>
      <c r="S391" s="1">
        <v>0</v>
      </c>
      <c r="T391" t="s">
        <v>197</v>
      </c>
      <c r="U391" t="s">
        <v>2648</v>
      </c>
      <c r="Y391" t="s">
        <v>224</v>
      </c>
      <c r="AC391" t="s">
        <v>225</v>
      </c>
      <c r="AD391" t="s">
        <v>175</v>
      </c>
      <c r="AE391" t="s">
        <v>175</v>
      </c>
      <c r="AF391" t="s">
        <v>175</v>
      </c>
      <c r="AG391" t="s">
        <v>175</v>
      </c>
      <c r="AH391" t="s">
        <v>175</v>
      </c>
      <c r="AI391" t="s">
        <v>175</v>
      </c>
      <c r="AJ391" t="s">
        <v>175</v>
      </c>
      <c r="AK391" t="s">
        <v>230</v>
      </c>
      <c r="AL391" t="s">
        <v>42</v>
      </c>
      <c r="AM391" t="s">
        <v>185</v>
      </c>
      <c r="AN391" t="s">
        <v>205</v>
      </c>
      <c r="AO391" t="s">
        <v>183</v>
      </c>
      <c r="AP391" t="s">
        <v>201</v>
      </c>
      <c r="AQ391" t="s">
        <v>202</v>
      </c>
      <c r="AR391" t="s">
        <v>203</v>
      </c>
      <c r="AS391" t="s">
        <v>184</v>
      </c>
      <c r="AT391" t="s">
        <v>182</v>
      </c>
      <c r="AU391" t="s">
        <v>206</v>
      </c>
      <c r="AV391" t="s">
        <v>204</v>
      </c>
      <c r="AW391" t="s">
        <v>737</v>
      </c>
      <c r="AX391" t="s">
        <v>186</v>
      </c>
      <c r="BC391" t="s">
        <v>209</v>
      </c>
      <c r="BF391" t="s">
        <v>292</v>
      </c>
      <c r="BG391" t="s">
        <v>233</v>
      </c>
      <c r="BH391" t="s">
        <v>302</v>
      </c>
      <c r="BI391" t="s">
        <v>2649</v>
      </c>
      <c r="BK391" t="s">
        <v>191</v>
      </c>
      <c r="BL391" t="s">
        <v>1373</v>
      </c>
      <c r="BM391" t="s">
        <v>218</v>
      </c>
      <c r="BN391" t="s">
        <v>2650</v>
      </c>
      <c r="BO391" t="s">
        <v>191</v>
      </c>
      <c r="BP391" t="s">
        <v>2651</v>
      </c>
      <c r="BQ391" t="s">
        <v>2652</v>
      </c>
    </row>
    <row r="392" spans="1:69" x14ac:dyDescent="0.25">
      <c r="A392" s="1">
        <v>30448857</v>
      </c>
      <c r="B392" t="s">
        <v>2653</v>
      </c>
      <c r="C392" t="s">
        <v>39</v>
      </c>
      <c r="D392" t="s">
        <v>2512</v>
      </c>
      <c r="E392" t="s">
        <v>195</v>
      </c>
      <c r="L392" t="s">
        <v>52</v>
      </c>
      <c r="M392" s="1">
        <v>0</v>
      </c>
      <c r="N392" s="1">
        <v>0</v>
      </c>
      <c r="O392" t="s">
        <v>2512</v>
      </c>
      <c r="P392" t="s">
        <v>176</v>
      </c>
      <c r="Q392" t="s">
        <v>196</v>
      </c>
      <c r="S392" t="s">
        <v>349</v>
      </c>
      <c r="T392" t="s">
        <v>197</v>
      </c>
      <c r="U392" t="s">
        <v>2654</v>
      </c>
      <c r="Y392" t="s">
        <v>224</v>
      </c>
      <c r="AC392" t="s">
        <v>180</v>
      </c>
      <c r="AD392" t="s">
        <v>175</v>
      </c>
      <c r="AE392" t="s">
        <v>175</v>
      </c>
      <c r="AF392" t="s">
        <v>175</v>
      </c>
      <c r="AG392" t="s">
        <v>175</v>
      </c>
      <c r="AH392" t="s">
        <v>175</v>
      </c>
      <c r="AI392" t="s">
        <v>175</v>
      </c>
      <c r="AJ392" t="s">
        <v>175</v>
      </c>
      <c r="AK392" t="s">
        <v>175</v>
      </c>
      <c r="AL392" t="s">
        <v>52</v>
      </c>
      <c r="AM392" t="s">
        <v>201</v>
      </c>
      <c r="AN392" t="s">
        <v>204</v>
      </c>
      <c r="AO392" t="s">
        <v>184</v>
      </c>
      <c r="AP392" t="s">
        <v>183</v>
      </c>
      <c r="AQ392" t="s">
        <v>202</v>
      </c>
      <c r="AR392" t="s">
        <v>203</v>
      </c>
      <c r="AS392" t="s">
        <v>185</v>
      </c>
      <c r="AT392" t="s">
        <v>206</v>
      </c>
      <c r="AU392" t="s">
        <v>205</v>
      </c>
      <c r="AV392" t="s">
        <v>182</v>
      </c>
      <c r="AZ392" t="s">
        <v>207</v>
      </c>
      <c r="BC392" t="s">
        <v>209</v>
      </c>
      <c r="BF392" t="s">
        <v>49</v>
      </c>
      <c r="BG392" s="1">
        <v>0</v>
      </c>
      <c r="BH392" t="s">
        <v>211</v>
      </c>
      <c r="BK392" t="s">
        <v>191</v>
      </c>
      <c r="BM392" t="s">
        <v>191</v>
      </c>
      <c r="BO392" t="s">
        <v>191</v>
      </c>
    </row>
    <row r="393" spans="1:69" x14ac:dyDescent="0.25">
      <c r="A393" s="1">
        <v>30448858</v>
      </c>
      <c r="B393" t="s">
        <v>2655</v>
      </c>
      <c r="C393" t="s">
        <v>39</v>
      </c>
      <c r="D393" t="s">
        <v>2512</v>
      </c>
      <c r="E393" t="s">
        <v>175</v>
      </c>
      <c r="L393" t="s">
        <v>52</v>
      </c>
      <c r="M393" s="1">
        <v>0</v>
      </c>
      <c r="N393" s="1">
        <v>0</v>
      </c>
      <c r="O393" t="s">
        <v>2512</v>
      </c>
      <c r="P393" t="s">
        <v>216</v>
      </c>
      <c r="Q393" t="s">
        <v>258</v>
      </c>
      <c r="S393" s="1">
        <v>0</v>
      </c>
      <c r="T393" t="s">
        <v>175</v>
      </c>
      <c r="Y393" t="s">
        <v>224</v>
      </c>
      <c r="AC393" t="s">
        <v>199</v>
      </c>
      <c r="AD393" t="s">
        <v>175</v>
      </c>
      <c r="AE393" t="s">
        <v>175</v>
      </c>
      <c r="AF393" t="s">
        <v>181</v>
      </c>
      <c r="AG393" t="s">
        <v>230</v>
      </c>
      <c r="AH393" t="s">
        <v>175</v>
      </c>
      <c r="AI393" t="s">
        <v>175</v>
      </c>
      <c r="AJ393" t="s">
        <v>175</v>
      </c>
      <c r="AK393" t="s">
        <v>230</v>
      </c>
      <c r="AL393" t="s">
        <v>42</v>
      </c>
      <c r="AM393" t="s">
        <v>204</v>
      </c>
      <c r="AN393" t="s">
        <v>182</v>
      </c>
      <c r="AO393" t="s">
        <v>205</v>
      </c>
      <c r="AP393" t="s">
        <v>183</v>
      </c>
      <c r="AQ393" t="s">
        <v>201</v>
      </c>
      <c r="AR393" t="s">
        <v>206</v>
      </c>
      <c r="AS393" t="s">
        <v>203</v>
      </c>
      <c r="AT393" t="s">
        <v>185</v>
      </c>
      <c r="AU393" t="s">
        <v>184</v>
      </c>
      <c r="AV393" t="s">
        <v>202</v>
      </c>
      <c r="AZ393" t="s">
        <v>207</v>
      </c>
      <c r="BA393" t="s">
        <v>188</v>
      </c>
      <c r="BC393" t="s">
        <v>209</v>
      </c>
      <c r="BF393" t="s">
        <v>292</v>
      </c>
      <c r="BG393" t="s">
        <v>276</v>
      </c>
      <c r="BH393" t="s">
        <v>211</v>
      </c>
      <c r="BK393" t="s">
        <v>191</v>
      </c>
      <c r="BM393" t="s">
        <v>191</v>
      </c>
      <c r="BO393" t="s">
        <v>191</v>
      </c>
    </row>
    <row r="394" spans="1:69" x14ac:dyDescent="0.25">
      <c r="A394" s="1">
        <v>30448861</v>
      </c>
      <c r="B394" t="s">
        <v>1828</v>
      </c>
      <c r="C394" t="s">
        <v>39</v>
      </c>
      <c r="D394" t="s">
        <v>1616</v>
      </c>
      <c r="E394" t="s">
        <v>200</v>
      </c>
      <c r="L394" t="s">
        <v>52</v>
      </c>
      <c r="M394" s="1">
        <v>0</v>
      </c>
      <c r="N394" s="1">
        <v>0</v>
      </c>
      <c r="O394" t="s">
        <v>1616</v>
      </c>
      <c r="P394" t="s">
        <v>216</v>
      </c>
      <c r="Q394" t="s">
        <v>238</v>
      </c>
      <c r="S394" s="1">
        <v>0</v>
      </c>
      <c r="T394" t="s">
        <v>200</v>
      </c>
      <c r="Y394" t="s">
        <v>224</v>
      </c>
      <c r="AC394" t="s">
        <v>199</v>
      </c>
      <c r="AD394" t="s">
        <v>200</v>
      </c>
      <c r="AE394" t="s">
        <v>200</v>
      </c>
      <c r="AF394" t="s">
        <v>200</v>
      </c>
      <c r="AG394" t="s">
        <v>200</v>
      </c>
      <c r="AH394" t="s">
        <v>200</v>
      </c>
      <c r="AI394" t="s">
        <v>200</v>
      </c>
      <c r="AJ394" t="s">
        <v>200</v>
      </c>
      <c r="AK394" t="s">
        <v>200</v>
      </c>
      <c r="AL394" t="s">
        <v>42</v>
      </c>
      <c r="AM394" t="s">
        <v>206</v>
      </c>
      <c r="AN394" t="s">
        <v>183</v>
      </c>
      <c r="AO394" t="s">
        <v>203</v>
      </c>
      <c r="AP394" t="s">
        <v>202</v>
      </c>
      <c r="AQ394" t="s">
        <v>182</v>
      </c>
      <c r="AR394" t="s">
        <v>185</v>
      </c>
      <c r="AS394" t="s">
        <v>205</v>
      </c>
      <c r="AT394" t="s">
        <v>201</v>
      </c>
      <c r="AU394" t="s">
        <v>204</v>
      </c>
      <c r="AV394" t="s">
        <v>184</v>
      </c>
      <c r="BF394" t="s">
        <v>49</v>
      </c>
      <c r="BG394" s="1">
        <v>0</v>
      </c>
      <c r="BH394" t="s">
        <v>211</v>
      </c>
      <c r="BK394" t="s">
        <v>191</v>
      </c>
      <c r="BL394" t="s">
        <v>1829</v>
      </c>
      <c r="BM394" t="s">
        <v>191</v>
      </c>
      <c r="BO394" t="s">
        <v>191</v>
      </c>
      <c r="BQ394" t="s">
        <v>1830</v>
      </c>
    </row>
    <row r="395" spans="1:69" x14ac:dyDescent="0.25">
      <c r="A395" s="1">
        <v>30448862</v>
      </c>
      <c r="B395" t="s">
        <v>3286</v>
      </c>
      <c r="C395" t="s">
        <v>39</v>
      </c>
      <c r="D395" t="s">
        <v>3138</v>
      </c>
      <c r="E395" t="s">
        <v>195</v>
      </c>
      <c r="L395" t="s">
        <v>52</v>
      </c>
      <c r="M395" s="1">
        <v>0</v>
      </c>
      <c r="N395" s="1">
        <v>0</v>
      </c>
      <c r="O395" t="s">
        <v>3139</v>
      </c>
      <c r="P395" t="s">
        <v>176</v>
      </c>
      <c r="Q395" t="s">
        <v>238</v>
      </c>
      <c r="S395" t="s">
        <v>178</v>
      </c>
      <c r="T395" t="s">
        <v>197</v>
      </c>
      <c r="U395" t="s">
        <v>3287</v>
      </c>
      <c r="X395" t="s">
        <v>179</v>
      </c>
      <c r="AA395" t="s">
        <v>273</v>
      </c>
      <c r="AB395" t="s">
        <v>3288</v>
      </c>
      <c r="AC395" t="s">
        <v>180</v>
      </c>
      <c r="AD395" t="s">
        <v>181</v>
      </c>
      <c r="AE395" t="s">
        <v>230</v>
      </c>
      <c r="AF395" s="1">
        <v>0</v>
      </c>
      <c r="AG395" t="s">
        <v>175</v>
      </c>
      <c r="AH395" t="s">
        <v>175</v>
      </c>
      <c r="AI395" t="s">
        <v>175</v>
      </c>
      <c r="AJ395" t="s">
        <v>230</v>
      </c>
      <c r="AK395" t="s">
        <v>181</v>
      </c>
      <c r="AL395" t="s">
        <v>52</v>
      </c>
      <c r="AM395" t="s">
        <v>183</v>
      </c>
      <c r="AN395" t="s">
        <v>206</v>
      </c>
      <c r="AO395" t="s">
        <v>184</v>
      </c>
      <c r="AP395" t="s">
        <v>185</v>
      </c>
      <c r="AQ395" t="s">
        <v>202</v>
      </c>
      <c r="AR395" t="s">
        <v>203</v>
      </c>
      <c r="AS395" t="s">
        <v>182</v>
      </c>
      <c r="AT395" t="s">
        <v>205</v>
      </c>
      <c r="AU395" t="s">
        <v>204</v>
      </c>
      <c r="AV395" t="s">
        <v>201</v>
      </c>
      <c r="AY395" t="s">
        <v>187</v>
      </c>
      <c r="BA395" t="s">
        <v>188</v>
      </c>
      <c r="BC395" t="s">
        <v>209</v>
      </c>
      <c r="BF395" t="s">
        <v>49</v>
      </c>
      <c r="BG395" s="1">
        <v>0</v>
      </c>
      <c r="BH395" t="s">
        <v>190</v>
      </c>
      <c r="BK395" t="s">
        <v>191</v>
      </c>
      <c r="BL395" t="s">
        <v>3289</v>
      </c>
      <c r="BM395" t="s">
        <v>191</v>
      </c>
      <c r="BN395" t="s">
        <v>3290</v>
      </c>
      <c r="BO395" t="s">
        <v>191</v>
      </c>
      <c r="BP395" t="s">
        <v>576</v>
      </c>
      <c r="BQ395" t="s">
        <v>3291</v>
      </c>
    </row>
    <row r="396" spans="1:69" x14ac:dyDescent="0.25">
      <c r="A396" s="1">
        <v>30448863</v>
      </c>
      <c r="B396" t="s">
        <v>3942</v>
      </c>
      <c r="C396" t="s">
        <v>39</v>
      </c>
      <c r="D396" t="s">
        <v>3727</v>
      </c>
      <c r="E396" t="s">
        <v>195</v>
      </c>
      <c r="L396" t="s">
        <v>52</v>
      </c>
      <c r="M396" s="1">
        <v>0</v>
      </c>
      <c r="N396" s="1">
        <v>0</v>
      </c>
      <c r="O396" t="s">
        <v>3728</v>
      </c>
      <c r="P396" t="s">
        <v>176</v>
      </c>
      <c r="Q396" t="s">
        <v>177</v>
      </c>
      <c r="S396" t="s">
        <v>349</v>
      </c>
      <c r="T396" t="s">
        <v>297</v>
      </c>
      <c r="U396" t="s">
        <v>3943</v>
      </c>
      <c r="AA396" t="s">
        <v>273</v>
      </c>
      <c r="AB396" t="s">
        <v>3944</v>
      </c>
      <c r="AC396" t="s">
        <v>180</v>
      </c>
      <c r="AD396" t="s">
        <v>175</v>
      </c>
      <c r="AE396" t="s">
        <v>230</v>
      </c>
      <c r="AF396" t="s">
        <v>175</v>
      </c>
      <c r="AG396" t="s">
        <v>175</v>
      </c>
      <c r="AH396" t="s">
        <v>299</v>
      </c>
      <c r="AI396" t="s">
        <v>175</v>
      </c>
      <c r="AJ396" t="s">
        <v>175</v>
      </c>
      <c r="AK396" t="s">
        <v>230</v>
      </c>
      <c r="AL396" t="s">
        <v>52</v>
      </c>
      <c r="AM396" t="s">
        <v>184</v>
      </c>
      <c r="AN396" t="s">
        <v>202</v>
      </c>
      <c r="AO396" t="s">
        <v>185</v>
      </c>
      <c r="AP396" t="s">
        <v>182</v>
      </c>
      <c r="AQ396" t="s">
        <v>206</v>
      </c>
      <c r="AR396" t="s">
        <v>201</v>
      </c>
      <c r="AS396" t="s">
        <v>183</v>
      </c>
      <c r="AT396" t="s">
        <v>204</v>
      </c>
      <c r="AU396" t="s">
        <v>203</v>
      </c>
      <c r="AV396" t="s">
        <v>205</v>
      </c>
      <c r="AW396" t="s">
        <v>3945</v>
      </c>
      <c r="AX396" t="s">
        <v>186</v>
      </c>
      <c r="AZ396" t="s">
        <v>207</v>
      </c>
      <c r="BF396" t="s">
        <v>189</v>
      </c>
      <c r="BG396" s="1">
        <v>0</v>
      </c>
      <c r="BH396" t="s">
        <v>302</v>
      </c>
      <c r="BI396" t="s">
        <v>3946</v>
      </c>
      <c r="BK396" t="s">
        <v>191</v>
      </c>
      <c r="BL396" t="s">
        <v>3947</v>
      </c>
      <c r="BM396" t="s">
        <v>191</v>
      </c>
      <c r="BN396" t="s">
        <v>3948</v>
      </c>
      <c r="BO396" t="s">
        <v>191</v>
      </c>
      <c r="BP396" t="s">
        <v>3949</v>
      </c>
    </row>
    <row r="397" spans="1:69" x14ac:dyDescent="0.25">
      <c r="A397" s="1">
        <v>30448867</v>
      </c>
      <c r="B397" t="s">
        <v>2656</v>
      </c>
      <c r="C397" t="s">
        <v>39</v>
      </c>
      <c r="D397" t="s">
        <v>2512</v>
      </c>
      <c r="E397" t="s">
        <v>175</v>
      </c>
      <c r="L397" t="s">
        <v>52</v>
      </c>
      <c r="M397" s="1">
        <v>0</v>
      </c>
      <c r="N397" s="1">
        <v>0</v>
      </c>
      <c r="O397" t="s">
        <v>2512</v>
      </c>
      <c r="P397" t="s">
        <v>176</v>
      </c>
      <c r="Q397" t="s">
        <v>238</v>
      </c>
      <c r="S397" t="s">
        <v>178</v>
      </c>
      <c r="T397" t="s">
        <v>175</v>
      </c>
      <c r="X397" t="s">
        <v>179</v>
      </c>
      <c r="AC397" t="s">
        <v>199</v>
      </c>
      <c r="AD397" t="s">
        <v>299</v>
      </c>
      <c r="AE397" t="s">
        <v>299</v>
      </c>
      <c r="AF397" t="s">
        <v>299</v>
      </c>
      <c r="AG397" t="s">
        <v>181</v>
      </c>
      <c r="AH397" t="s">
        <v>175</v>
      </c>
      <c r="AI397" t="s">
        <v>175</v>
      </c>
      <c r="AJ397" t="s">
        <v>175</v>
      </c>
      <c r="AK397" t="s">
        <v>175</v>
      </c>
      <c r="AL397" t="s">
        <v>42</v>
      </c>
      <c r="AM397" t="s">
        <v>183</v>
      </c>
      <c r="AN397" t="s">
        <v>205</v>
      </c>
      <c r="AO397" t="s">
        <v>185</v>
      </c>
      <c r="AP397" t="s">
        <v>182</v>
      </c>
      <c r="AQ397" t="s">
        <v>206</v>
      </c>
      <c r="AR397" t="s">
        <v>203</v>
      </c>
      <c r="AS397" t="s">
        <v>201</v>
      </c>
      <c r="AT397" t="s">
        <v>204</v>
      </c>
      <c r="AU397" t="s">
        <v>202</v>
      </c>
      <c r="AV397" t="s">
        <v>184</v>
      </c>
      <c r="AY397" t="s">
        <v>187</v>
      </c>
      <c r="AZ397" t="s">
        <v>207</v>
      </c>
      <c r="BA397" t="s">
        <v>188</v>
      </c>
      <c r="BB397" t="s">
        <v>208</v>
      </c>
      <c r="BC397" t="s">
        <v>209</v>
      </c>
      <c r="BF397" t="s">
        <v>189</v>
      </c>
      <c r="BG397" s="1">
        <v>0</v>
      </c>
      <c r="BH397" t="s">
        <v>302</v>
      </c>
      <c r="BK397" t="s">
        <v>191</v>
      </c>
      <c r="BM397" t="s">
        <v>191</v>
      </c>
      <c r="BO397" t="s">
        <v>191</v>
      </c>
    </row>
    <row r="398" spans="1:69" x14ac:dyDescent="0.25">
      <c r="A398" s="1">
        <v>30448868</v>
      </c>
      <c r="B398" t="s">
        <v>1127</v>
      </c>
      <c r="C398" t="s">
        <v>39</v>
      </c>
      <c r="D398" t="s">
        <v>942</v>
      </c>
      <c r="E398" t="s">
        <v>216</v>
      </c>
      <c r="L398" t="s">
        <v>52</v>
      </c>
      <c r="M398" s="1">
        <v>0</v>
      </c>
      <c r="N398" s="1">
        <v>0</v>
      </c>
      <c r="O398" t="s">
        <v>942</v>
      </c>
      <c r="P398" t="s">
        <v>216</v>
      </c>
      <c r="Q398" t="s">
        <v>258</v>
      </c>
      <c r="S398" s="1">
        <v>0</v>
      </c>
      <c r="T398" t="s">
        <v>197</v>
      </c>
      <c r="Y398" t="s">
        <v>224</v>
      </c>
      <c r="AC398" t="s">
        <v>199</v>
      </c>
      <c r="AD398" t="s">
        <v>175</v>
      </c>
      <c r="AE398" t="s">
        <v>230</v>
      </c>
      <c r="AF398" t="s">
        <v>175</v>
      </c>
      <c r="AG398" t="s">
        <v>175</v>
      </c>
      <c r="AH398" t="s">
        <v>175</v>
      </c>
      <c r="AI398" t="s">
        <v>175</v>
      </c>
      <c r="AJ398" t="s">
        <v>175</v>
      </c>
      <c r="AK398" t="s">
        <v>175</v>
      </c>
      <c r="AL398" t="s">
        <v>52</v>
      </c>
      <c r="AM398" t="s">
        <v>203</v>
      </c>
      <c r="AN398" t="s">
        <v>184</v>
      </c>
      <c r="AO398" t="s">
        <v>206</v>
      </c>
      <c r="AP398" t="s">
        <v>182</v>
      </c>
      <c r="AQ398" t="s">
        <v>201</v>
      </c>
      <c r="AR398" t="s">
        <v>204</v>
      </c>
      <c r="AS398" t="s">
        <v>185</v>
      </c>
      <c r="AT398" t="s">
        <v>183</v>
      </c>
      <c r="AU398" t="s">
        <v>205</v>
      </c>
      <c r="AV398" t="s">
        <v>202</v>
      </c>
      <c r="AX398" t="s">
        <v>186</v>
      </c>
      <c r="AZ398" t="s">
        <v>207</v>
      </c>
      <c r="BA398" t="s">
        <v>188</v>
      </c>
      <c r="BC398" t="s">
        <v>209</v>
      </c>
      <c r="BF398" t="s">
        <v>49</v>
      </c>
      <c r="BG398" s="1">
        <v>0</v>
      </c>
      <c r="BH398" t="s">
        <v>211</v>
      </c>
      <c r="BK398" t="s">
        <v>191</v>
      </c>
      <c r="BM398" t="s">
        <v>218</v>
      </c>
      <c r="BO398" s="1">
        <v>0</v>
      </c>
    </row>
    <row r="399" spans="1:69" x14ac:dyDescent="0.25">
      <c r="A399" s="1">
        <v>30448869</v>
      </c>
      <c r="B399" t="s">
        <v>2657</v>
      </c>
      <c r="C399" t="s">
        <v>39</v>
      </c>
      <c r="D399" t="s">
        <v>2512</v>
      </c>
      <c r="E399" t="s">
        <v>175</v>
      </c>
      <c r="L399" t="s">
        <v>52</v>
      </c>
      <c r="M399" s="1">
        <v>0</v>
      </c>
      <c r="N399" s="1">
        <v>0</v>
      </c>
      <c r="O399" t="s">
        <v>2512</v>
      </c>
      <c r="P399" t="s">
        <v>176</v>
      </c>
      <c r="Q399" t="s">
        <v>177</v>
      </c>
      <c r="S399" t="s">
        <v>178</v>
      </c>
      <c r="T399" t="s">
        <v>175</v>
      </c>
      <c r="AC399" t="s">
        <v>199</v>
      </c>
      <c r="AD399" t="s">
        <v>181</v>
      </c>
      <c r="AE399" t="s">
        <v>175</v>
      </c>
      <c r="AF399" t="s">
        <v>181</v>
      </c>
      <c r="AG399" t="s">
        <v>175</v>
      </c>
      <c r="AH399" t="s">
        <v>175</v>
      </c>
      <c r="AI399" t="s">
        <v>175</v>
      </c>
      <c r="AJ399" t="s">
        <v>175</v>
      </c>
      <c r="AK399" t="s">
        <v>181</v>
      </c>
      <c r="AL399" t="s">
        <v>52</v>
      </c>
      <c r="AM399" s="1">
        <v>0</v>
      </c>
      <c r="AN399" s="1">
        <v>0</v>
      </c>
      <c r="AO399" s="1">
        <v>0</v>
      </c>
      <c r="AP399" s="1">
        <v>0</v>
      </c>
      <c r="AQ399" s="1">
        <v>0</v>
      </c>
      <c r="AR399" s="1">
        <v>0</v>
      </c>
      <c r="AS399" s="1">
        <v>0</v>
      </c>
      <c r="AT399" s="1">
        <v>0</v>
      </c>
      <c r="AU399" s="1">
        <v>0</v>
      </c>
      <c r="AV399" s="1">
        <v>0</v>
      </c>
      <c r="BF399" s="1">
        <v>0</v>
      </c>
      <c r="BG399" s="1">
        <v>0</v>
      </c>
      <c r="BH399" s="1">
        <v>0</v>
      </c>
      <c r="BK399" s="1">
        <v>0</v>
      </c>
      <c r="BM399" s="1">
        <v>0</v>
      </c>
      <c r="BO399" s="1">
        <v>0</v>
      </c>
    </row>
    <row r="400" spans="1:69" x14ac:dyDescent="0.25">
      <c r="A400" s="1">
        <v>30448870</v>
      </c>
      <c r="B400" t="s">
        <v>1831</v>
      </c>
      <c r="C400" t="s">
        <v>39</v>
      </c>
      <c r="D400" t="s">
        <v>1616</v>
      </c>
      <c r="L400" t="s">
        <v>52</v>
      </c>
      <c r="M400" s="1">
        <v>0</v>
      </c>
      <c r="N400" s="1">
        <v>0</v>
      </c>
      <c r="O400" t="s">
        <v>1616</v>
      </c>
      <c r="P400" t="s">
        <v>49</v>
      </c>
      <c r="Q400" s="1">
        <v>0</v>
      </c>
      <c r="S400" s="1">
        <v>0</v>
      </c>
      <c r="T400" s="1">
        <v>0</v>
      </c>
      <c r="AC400" s="1">
        <v>0</v>
      </c>
      <c r="AD400" s="1">
        <v>0</v>
      </c>
      <c r="AE400" s="1">
        <v>0</v>
      </c>
      <c r="AF400" s="1">
        <v>0</v>
      </c>
      <c r="AG400" s="1">
        <v>0</v>
      </c>
      <c r="AH400" s="1">
        <v>0</v>
      </c>
      <c r="AI400" s="1">
        <v>0</v>
      </c>
      <c r="AJ400" s="1">
        <v>0</v>
      </c>
      <c r="AK400" s="1">
        <v>0</v>
      </c>
      <c r="AL400" s="1">
        <v>0</v>
      </c>
      <c r="AM400" s="1">
        <v>0</v>
      </c>
      <c r="AN400" s="1">
        <v>0</v>
      </c>
      <c r="AO400" s="1">
        <v>0</v>
      </c>
      <c r="AP400" s="1">
        <v>0</v>
      </c>
      <c r="AQ400" s="1">
        <v>0</v>
      </c>
      <c r="AR400" s="1">
        <v>0</v>
      </c>
      <c r="AS400" s="1">
        <v>0</v>
      </c>
      <c r="AT400" s="1">
        <v>0</v>
      </c>
      <c r="AU400" s="1">
        <v>0</v>
      </c>
      <c r="AV400" s="1">
        <v>0</v>
      </c>
      <c r="BF400" s="1">
        <v>0</v>
      </c>
      <c r="BG400" s="1">
        <v>0</v>
      </c>
      <c r="BH400" s="1">
        <v>0</v>
      </c>
      <c r="BK400" s="1">
        <v>0</v>
      </c>
      <c r="BM400" s="1">
        <v>0</v>
      </c>
      <c r="BO400" s="1">
        <v>0</v>
      </c>
    </row>
    <row r="401" spans="1:69" x14ac:dyDescent="0.25">
      <c r="A401" s="1">
        <v>30448872</v>
      </c>
      <c r="B401" t="s">
        <v>55</v>
      </c>
      <c r="C401" t="s">
        <v>39</v>
      </c>
      <c r="L401" s="1">
        <v>0</v>
      </c>
      <c r="M401" s="1">
        <v>0</v>
      </c>
      <c r="N401" s="1">
        <v>0</v>
      </c>
      <c r="O401" s="1">
        <v>0</v>
      </c>
      <c r="P401" s="1">
        <v>0</v>
      </c>
      <c r="Q401" s="1">
        <v>0</v>
      </c>
      <c r="S401" s="1">
        <v>0</v>
      </c>
      <c r="T401" s="1">
        <v>0</v>
      </c>
      <c r="AC401" s="1">
        <v>0</v>
      </c>
      <c r="AD401" s="1">
        <v>0</v>
      </c>
      <c r="AE401" s="1">
        <v>0</v>
      </c>
      <c r="AF401" s="1">
        <v>0</v>
      </c>
      <c r="AG401" s="1">
        <v>0</v>
      </c>
      <c r="AH401" s="1">
        <v>0</v>
      </c>
      <c r="AI401" s="1">
        <v>0</v>
      </c>
      <c r="AJ401" s="1">
        <v>0</v>
      </c>
      <c r="AK401" s="1">
        <v>0</v>
      </c>
      <c r="AL401" s="1">
        <v>0</v>
      </c>
      <c r="AM401" s="1">
        <v>0</v>
      </c>
      <c r="AN401" s="1">
        <v>0</v>
      </c>
      <c r="AO401" s="1">
        <v>0</v>
      </c>
      <c r="AP401" s="1">
        <v>0</v>
      </c>
      <c r="AQ401" s="1">
        <v>0</v>
      </c>
      <c r="AR401" s="1">
        <v>0</v>
      </c>
      <c r="AS401" s="1">
        <v>0</v>
      </c>
      <c r="AT401" s="1">
        <v>0</v>
      </c>
      <c r="AU401" s="1">
        <v>0</v>
      </c>
      <c r="AV401" s="1">
        <v>0</v>
      </c>
      <c r="BF401" s="1">
        <v>0</v>
      </c>
      <c r="BG401" s="1">
        <v>0</v>
      </c>
      <c r="BH401" s="1">
        <v>0</v>
      </c>
      <c r="BK401" s="1">
        <v>0</v>
      </c>
      <c r="BM401" s="1">
        <v>0</v>
      </c>
      <c r="BO401" s="1">
        <v>0</v>
      </c>
    </row>
    <row r="402" spans="1:69" x14ac:dyDescent="0.25">
      <c r="A402" s="1">
        <v>30448873</v>
      </c>
      <c r="B402" t="s">
        <v>395</v>
      </c>
      <c r="C402" t="s">
        <v>39</v>
      </c>
      <c r="D402" t="s">
        <v>174</v>
      </c>
      <c r="E402" t="s">
        <v>200</v>
      </c>
      <c r="L402" t="s">
        <v>52</v>
      </c>
      <c r="M402" s="1">
        <v>0</v>
      </c>
      <c r="N402" s="1">
        <v>0</v>
      </c>
      <c r="O402" t="s">
        <v>174</v>
      </c>
      <c r="P402" t="s">
        <v>176</v>
      </c>
      <c r="Q402" t="s">
        <v>177</v>
      </c>
      <c r="S402" t="s">
        <v>178</v>
      </c>
      <c r="T402" t="s">
        <v>200</v>
      </c>
      <c r="AC402" s="1">
        <v>0</v>
      </c>
      <c r="AD402" s="1">
        <v>0</v>
      </c>
      <c r="AE402" s="1">
        <v>0</v>
      </c>
      <c r="AF402" s="1">
        <v>0</v>
      </c>
      <c r="AG402" s="1">
        <v>0</v>
      </c>
      <c r="AH402" s="1">
        <v>0</v>
      </c>
      <c r="AI402" s="1">
        <v>0</v>
      </c>
      <c r="AJ402" s="1">
        <v>0</v>
      </c>
      <c r="AK402" s="1">
        <v>0</v>
      </c>
      <c r="AL402" s="1">
        <v>0</v>
      </c>
      <c r="AM402" s="1">
        <v>0</v>
      </c>
      <c r="AN402" s="1">
        <v>0</v>
      </c>
      <c r="AO402" s="1">
        <v>0</v>
      </c>
      <c r="AP402" s="1">
        <v>0</v>
      </c>
      <c r="AQ402" s="1">
        <v>0</v>
      </c>
      <c r="AR402" s="1">
        <v>0</v>
      </c>
      <c r="AS402" s="1">
        <v>0</v>
      </c>
      <c r="AT402" s="1">
        <v>0</v>
      </c>
      <c r="AU402" s="1">
        <v>0</v>
      </c>
      <c r="AV402" s="1">
        <v>0</v>
      </c>
      <c r="BF402" s="1">
        <v>0</v>
      </c>
      <c r="BG402" s="1">
        <v>0</v>
      </c>
      <c r="BH402" s="1">
        <v>0</v>
      </c>
      <c r="BK402" s="1">
        <v>0</v>
      </c>
      <c r="BM402" s="1">
        <v>0</v>
      </c>
      <c r="BO402" s="1">
        <v>0</v>
      </c>
    </row>
    <row r="403" spans="1:69" x14ac:dyDescent="0.25">
      <c r="A403" s="1">
        <v>30448875</v>
      </c>
      <c r="B403" t="s">
        <v>1832</v>
      </c>
      <c r="C403" t="s">
        <v>39</v>
      </c>
      <c r="D403" t="s">
        <v>1616</v>
      </c>
      <c r="E403" t="s">
        <v>175</v>
      </c>
      <c r="L403" t="s">
        <v>52</v>
      </c>
      <c r="M403" s="1">
        <v>0</v>
      </c>
      <c r="N403" s="1">
        <v>0</v>
      </c>
      <c r="O403" t="s">
        <v>1616</v>
      </c>
      <c r="P403" t="s">
        <v>176</v>
      </c>
      <c r="Q403" t="s">
        <v>177</v>
      </c>
      <c r="S403" t="s">
        <v>178</v>
      </c>
      <c r="T403" t="s">
        <v>175</v>
      </c>
      <c r="V403" t="s">
        <v>397</v>
      </c>
      <c r="Y403" t="s">
        <v>224</v>
      </c>
      <c r="AC403" t="s">
        <v>180</v>
      </c>
      <c r="AD403" t="s">
        <v>200</v>
      </c>
      <c r="AE403" t="s">
        <v>200</v>
      </c>
      <c r="AF403" t="s">
        <v>181</v>
      </c>
      <c r="AG403" t="s">
        <v>175</v>
      </c>
      <c r="AH403" t="s">
        <v>175</v>
      </c>
      <c r="AI403" t="s">
        <v>175</v>
      </c>
      <c r="AJ403" t="s">
        <v>200</v>
      </c>
      <c r="AK403" t="s">
        <v>200</v>
      </c>
      <c r="AL403" t="s">
        <v>42</v>
      </c>
      <c r="AM403" t="s">
        <v>206</v>
      </c>
      <c r="AN403" s="1">
        <v>0</v>
      </c>
      <c r="AO403" t="s">
        <v>183</v>
      </c>
      <c r="AP403" t="s">
        <v>185</v>
      </c>
      <c r="AQ403" s="1">
        <v>0</v>
      </c>
      <c r="AR403" t="s">
        <v>201</v>
      </c>
      <c r="AS403" s="1">
        <v>0</v>
      </c>
      <c r="AT403" t="s">
        <v>182</v>
      </c>
      <c r="AU403" t="s">
        <v>184</v>
      </c>
      <c r="AV403" s="1">
        <v>0</v>
      </c>
      <c r="AW403" t="s">
        <v>357</v>
      </c>
      <c r="AX403" t="s">
        <v>186</v>
      </c>
      <c r="AY403" t="s">
        <v>187</v>
      </c>
      <c r="AZ403" t="s">
        <v>207</v>
      </c>
      <c r="BA403" t="s">
        <v>188</v>
      </c>
      <c r="BB403" t="s">
        <v>208</v>
      </c>
      <c r="BF403" t="s">
        <v>292</v>
      </c>
      <c r="BG403" t="s">
        <v>301</v>
      </c>
      <c r="BH403" t="s">
        <v>211</v>
      </c>
      <c r="BK403" t="s">
        <v>218</v>
      </c>
      <c r="BL403" t="s">
        <v>1833</v>
      </c>
      <c r="BM403" t="s">
        <v>191</v>
      </c>
      <c r="BO403" t="s">
        <v>218</v>
      </c>
      <c r="BP403" t="s">
        <v>1834</v>
      </c>
      <c r="BQ403" t="s">
        <v>1835</v>
      </c>
    </row>
    <row r="404" spans="1:69" x14ac:dyDescent="0.25">
      <c r="A404" s="1">
        <v>30448876</v>
      </c>
      <c r="B404" t="s">
        <v>2658</v>
      </c>
      <c r="C404" t="s">
        <v>39</v>
      </c>
      <c r="D404" t="s">
        <v>2512</v>
      </c>
      <c r="E404" t="s">
        <v>216</v>
      </c>
      <c r="L404" t="s">
        <v>52</v>
      </c>
      <c r="M404" s="1">
        <v>0</v>
      </c>
      <c r="N404" s="1">
        <v>0</v>
      </c>
      <c r="O404" t="s">
        <v>2512</v>
      </c>
      <c r="P404" t="s">
        <v>216</v>
      </c>
      <c r="Q404" t="s">
        <v>322</v>
      </c>
      <c r="S404" s="1">
        <v>0</v>
      </c>
      <c r="T404" t="s">
        <v>197</v>
      </c>
      <c r="Y404" t="s">
        <v>224</v>
      </c>
      <c r="AC404" t="s">
        <v>180</v>
      </c>
      <c r="AD404" t="s">
        <v>181</v>
      </c>
      <c r="AE404" t="s">
        <v>181</v>
      </c>
      <c r="AF404" t="s">
        <v>299</v>
      </c>
      <c r="AG404" t="s">
        <v>181</v>
      </c>
      <c r="AH404" t="s">
        <v>200</v>
      </c>
      <c r="AI404" t="s">
        <v>200</v>
      </c>
      <c r="AJ404" t="s">
        <v>200</v>
      </c>
      <c r="AK404" t="s">
        <v>230</v>
      </c>
      <c r="AL404" t="s">
        <v>42</v>
      </c>
      <c r="AM404" t="s">
        <v>183</v>
      </c>
      <c r="AN404" t="s">
        <v>184</v>
      </c>
      <c r="AO404" t="s">
        <v>185</v>
      </c>
      <c r="AP404" s="1">
        <v>0</v>
      </c>
      <c r="AQ404" s="1">
        <v>0</v>
      </c>
      <c r="AR404" s="1">
        <v>0</v>
      </c>
      <c r="AS404" s="1">
        <v>0</v>
      </c>
      <c r="AT404" s="1">
        <v>0</v>
      </c>
      <c r="AU404" s="1">
        <v>0</v>
      </c>
      <c r="AV404" t="s">
        <v>182</v>
      </c>
      <c r="AY404" t="s">
        <v>187</v>
      </c>
      <c r="AZ404" t="s">
        <v>207</v>
      </c>
      <c r="BC404" t="s">
        <v>209</v>
      </c>
      <c r="BF404" t="s">
        <v>292</v>
      </c>
      <c r="BG404" t="s">
        <v>49</v>
      </c>
      <c r="BH404" t="s">
        <v>302</v>
      </c>
      <c r="BK404" t="s">
        <v>191</v>
      </c>
      <c r="BM404" t="s">
        <v>191</v>
      </c>
      <c r="BO404" t="s">
        <v>191</v>
      </c>
    </row>
    <row r="405" spans="1:69" x14ac:dyDescent="0.25">
      <c r="A405" s="1">
        <v>30448880</v>
      </c>
      <c r="B405" t="s">
        <v>2659</v>
      </c>
      <c r="C405" t="s">
        <v>39</v>
      </c>
      <c r="D405" t="s">
        <v>2512</v>
      </c>
      <c r="E405" t="s">
        <v>175</v>
      </c>
      <c r="L405" t="s">
        <v>52</v>
      </c>
      <c r="M405" s="1">
        <v>0</v>
      </c>
      <c r="N405" s="1">
        <v>0</v>
      </c>
      <c r="O405" t="s">
        <v>2512</v>
      </c>
      <c r="P405" t="s">
        <v>216</v>
      </c>
      <c r="Q405" t="s">
        <v>196</v>
      </c>
      <c r="S405" s="1">
        <v>0</v>
      </c>
      <c r="T405" t="s">
        <v>175</v>
      </c>
      <c r="AA405" t="s">
        <v>273</v>
      </c>
      <c r="AB405" t="s">
        <v>2660</v>
      </c>
      <c r="AC405" t="s">
        <v>199</v>
      </c>
      <c r="AD405" t="s">
        <v>175</v>
      </c>
      <c r="AE405" t="s">
        <v>175</v>
      </c>
      <c r="AF405" t="s">
        <v>299</v>
      </c>
      <c r="AG405" t="s">
        <v>200</v>
      </c>
      <c r="AH405" t="s">
        <v>181</v>
      </c>
      <c r="AI405" t="s">
        <v>181</v>
      </c>
      <c r="AJ405" t="s">
        <v>175</v>
      </c>
      <c r="AK405" t="s">
        <v>175</v>
      </c>
      <c r="AL405" t="s">
        <v>52</v>
      </c>
      <c r="AM405" t="s">
        <v>182</v>
      </c>
      <c r="AN405" t="s">
        <v>206</v>
      </c>
      <c r="AO405" t="s">
        <v>183</v>
      </c>
      <c r="AP405" t="s">
        <v>184</v>
      </c>
      <c r="AQ405" t="s">
        <v>203</v>
      </c>
      <c r="AR405" t="s">
        <v>202</v>
      </c>
      <c r="AS405" t="s">
        <v>185</v>
      </c>
      <c r="AT405" t="s">
        <v>205</v>
      </c>
      <c r="AU405" t="s">
        <v>204</v>
      </c>
      <c r="AV405" t="s">
        <v>201</v>
      </c>
      <c r="AX405" t="s">
        <v>186</v>
      </c>
      <c r="AZ405" t="s">
        <v>207</v>
      </c>
      <c r="BF405" t="s">
        <v>210</v>
      </c>
      <c r="BG405" s="1">
        <v>0</v>
      </c>
      <c r="BH405" t="s">
        <v>211</v>
      </c>
      <c r="BK405" t="s">
        <v>191</v>
      </c>
      <c r="BL405" t="s">
        <v>2661</v>
      </c>
      <c r="BM405" t="s">
        <v>191</v>
      </c>
      <c r="BN405" t="s">
        <v>1740</v>
      </c>
      <c r="BO405" t="s">
        <v>191</v>
      </c>
      <c r="BP405" t="s">
        <v>2662</v>
      </c>
      <c r="BQ405" t="s">
        <v>2663</v>
      </c>
    </row>
    <row r="406" spans="1:69" x14ac:dyDescent="0.25">
      <c r="A406" s="1">
        <v>30448881</v>
      </c>
      <c r="B406" t="s">
        <v>396</v>
      </c>
      <c r="C406" t="s">
        <v>39</v>
      </c>
      <c r="D406" t="s">
        <v>174</v>
      </c>
      <c r="E406" t="s">
        <v>175</v>
      </c>
      <c r="L406" t="s">
        <v>52</v>
      </c>
      <c r="M406" s="1">
        <v>0</v>
      </c>
      <c r="N406" s="1">
        <v>0</v>
      </c>
      <c r="O406" t="s">
        <v>174</v>
      </c>
      <c r="P406" t="s">
        <v>176</v>
      </c>
      <c r="Q406" t="s">
        <v>238</v>
      </c>
      <c r="S406" t="s">
        <v>178</v>
      </c>
      <c r="T406" t="s">
        <v>175</v>
      </c>
      <c r="V406" t="s">
        <v>397</v>
      </c>
      <c r="W406" t="s">
        <v>262</v>
      </c>
      <c r="AC406" t="s">
        <v>180</v>
      </c>
      <c r="AD406" s="1">
        <v>0</v>
      </c>
      <c r="AE406" s="1">
        <v>0</v>
      </c>
      <c r="AF406" s="1">
        <v>0</v>
      </c>
      <c r="AG406" s="1">
        <v>0</v>
      </c>
      <c r="AH406" s="1">
        <v>0</v>
      </c>
      <c r="AI406" s="1">
        <v>0</v>
      </c>
      <c r="AJ406" s="1">
        <v>0</v>
      </c>
      <c r="AK406" s="1">
        <v>0</v>
      </c>
      <c r="AL406" s="1">
        <v>0</v>
      </c>
      <c r="AM406" s="1">
        <v>0</v>
      </c>
      <c r="AN406" s="1">
        <v>0</v>
      </c>
      <c r="AO406" s="1">
        <v>0</v>
      </c>
      <c r="AP406" s="1">
        <v>0</v>
      </c>
      <c r="AQ406" s="1">
        <v>0</v>
      </c>
      <c r="AR406" s="1">
        <v>0</v>
      </c>
      <c r="AS406" s="1">
        <v>0</v>
      </c>
      <c r="AT406" s="1">
        <v>0</v>
      </c>
      <c r="AU406" s="1">
        <v>0</v>
      </c>
      <c r="AV406" s="1">
        <v>0</v>
      </c>
      <c r="BF406" s="1">
        <v>0</v>
      </c>
      <c r="BG406" s="1">
        <v>0</v>
      </c>
      <c r="BH406" s="1">
        <v>0</v>
      </c>
      <c r="BK406" s="1">
        <v>0</v>
      </c>
      <c r="BM406" s="1">
        <v>0</v>
      </c>
      <c r="BO406" s="1">
        <v>0</v>
      </c>
    </row>
    <row r="407" spans="1:69" x14ac:dyDescent="0.25">
      <c r="A407" s="1">
        <v>30448882</v>
      </c>
      <c r="B407" t="s">
        <v>398</v>
      </c>
      <c r="C407" t="s">
        <v>39</v>
      </c>
      <c r="D407" t="s">
        <v>174</v>
      </c>
      <c r="E407" t="s">
        <v>175</v>
      </c>
      <c r="L407" t="s">
        <v>52</v>
      </c>
      <c r="M407" s="1">
        <v>0</v>
      </c>
      <c r="N407" s="1">
        <v>0</v>
      </c>
      <c r="O407" t="s">
        <v>174</v>
      </c>
      <c r="P407" t="s">
        <v>216</v>
      </c>
      <c r="Q407" t="s">
        <v>238</v>
      </c>
      <c r="S407" s="1">
        <v>0</v>
      </c>
      <c r="T407" t="s">
        <v>175</v>
      </c>
      <c r="Y407" t="s">
        <v>224</v>
      </c>
      <c r="AC407" t="s">
        <v>180</v>
      </c>
      <c r="AD407" t="s">
        <v>230</v>
      </c>
      <c r="AE407" t="s">
        <v>175</v>
      </c>
      <c r="AF407" t="s">
        <v>175</v>
      </c>
      <c r="AG407" t="s">
        <v>175</v>
      </c>
      <c r="AH407" t="s">
        <v>181</v>
      </c>
      <c r="AI407" t="s">
        <v>181</v>
      </c>
      <c r="AJ407" t="s">
        <v>181</v>
      </c>
      <c r="AK407" t="s">
        <v>299</v>
      </c>
      <c r="AL407" t="s">
        <v>42</v>
      </c>
      <c r="AM407" t="s">
        <v>183</v>
      </c>
      <c r="AN407" t="s">
        <v>206</v>
      </c>
      <c r="AO407" t="s">
        <v>205</v>
      </c>
      <c r="AP407" t="s">
        <v>182</v>
      </c>
      <c r="AQ407" t="s">
        <v>184</v>
      </c>
      <c r="AR407" t="s">
        <v>185</v>
      </c>
      <c r="AS407" t="s">
        <v>202</v>
      </c>
      <c r="AT407" t="s">
        <v>201</v>
      </c>
      <c r="AU407" t="s">
        <v>204</v>
      </c>
      <c r="AV407" t="s">
        <v>203</v>
      </c>
      <c r="BC407" t="s">
        <v>209</v>
      </c>
      <c r="BF407" t="s">
        <v>232</v>
      </c>
      <c r="BG407" t="s">
        <v>233</v>
      </c>
      <c r="BH407" t="s">
        <v>190</v>
      </c>
      <c r="BK407" t="s">
        <v>191</v>
      </c>
      <c r="BM407" t="s">
        <v>191</v>
      </c>
      <c r="BO407" t="s">
        <v>191</v>
      </c>
    </row>
    <row r="408" spans="1:69" x14ac:dyDescent="0.25">
      <c r="A408" s="1">
        <v>30448884</v>
      </c>
      <c r="B408" t="s">
        <v>1836</v>
      </c>
      <c r="C408" t="s">
        <v>39</v>
      </c>
      <c r="D408" t="s">
        <v>1616</v>
      </c>
      <c r="E408" t="s">
        <v>175</v>
      </c>
      <c r="L408" t="s">
        <v>52</v>
      </c>
      <c r="M408" s="1">
        <v>0</v>
      </c>
      <c r="N408" s="1">
        <v>0</v>
      </c>
      <c r="O408" t="s">
        <v>1616</v>
      </c>
      <c r="P408" t="s">
        <v>176</v>
      </c>
      <c r="Q408" t="s">
        <v>177</v>
      </c>
      <c r="S408" t="s">
        <v>349</v>
      </c>
      <c r="T408" t="s">
        <v>175</v>
      </c>
      <c r="AA408" t="s">
        <v>273</v>
      </c>
      <c r="AB408" t="s">
        <v>1837</v>
      </c>
      <c r="AC408" t="s">
        <v>180</v>
      </c>
      <c r="AD408" t="s">
        <v>175</v>
      </c>
      <c r="AE408" t="s">
        <v>200</v>
      </c>
      <c r="AF408" t="s">
        <v>175</v>
      </c>
      <c r="AG408" t="s">
        <v>175</v>
      </c>
      <c r="AH408" t="s">
        <v>200</v>
      </c>
      <c r="AI408" t="s">
        <v>200</v>
      </c>
      <c r="AJ408" t="s">
        <v>175</v>
      </c>
      <c r="AK408" t="s">
        <v>175</v>
      </c>
      <c r="AL408" t="s">
        <v>42</v>
      </c>
      <c r="AM408" t="s">
        <v>182</v>
      </c>
      <c r="AN408" t="s">
        <v>205</v>
      </c>
      <c r="AO408" t="s">
        <v>185</v>
      </c>
      <c r="AP408" t="s">
        <v>184</v>
      </c>
      <c r="AQ408" s="1">
        <v>0</v>
      </c>
      <c r="AR408" s="1">
        <v>0</v>
      </c>
      <c r="AS408" s="1">
        <v>0</v>
      </c>
      <c r="AT408" t="s">
        <v>183</v>
      </c>
      <c r="AU408" t="s">
        <v>201</v>
      </c>
      <c r="AV408" t="s">
        <v>206</v>
      </c>
      <c r="AX408" t="s">
        <v>186</v>
      </c>
      <c r="AZ408" t="s">
        <v>207</v>
      </c>
      <c r="BF408" t="s">
        <v>210</v>
      </c>
      <c r="BG408" s="1">
        <v>0</v>
      </c>
      <c r="BH408" t="s">
        <v>211</v>
      </c>
      <c r="BK408" t="s">
        <v>191</v>
      </c>
      <c r="BL408" t="s">
        <v>192</v>
      </c>
      <c r="BM408" t="s">
        <v>218</v>
      </c>
      <c r="BO408" t="s">
        <v>191</v>
      </c>
      <c r="BP408" t="s">
        <v>1838</v>
      </c>
    </row>
    <row r="409" spans="1:69" x14ac:dyDescent="0.25">
      <c r="A409" s="1">
        <v>30448890</v>
      </c>
      <c r="B409" t="s">
        <v>3950</v>
      </c>
      <c r="C409" t="s">
        <v>39</v>
      </c>
      <c r="D409" t="s">
        <v>3727</v>
      </c>
      <c r="E409" t="s">
        <v>175</v>
      </c>
      <c r="L409" t="s">
        <v>52</v>
      </c>
      <c r="M409" s="1">
        <v>0</v>
      </c>
      <c r="N409" s="1">
        <v>0</v>
      </c>
      <c r="O409" t="s">
        <v>3728</v>
      </c>
      <c r="P409" t="s">
        <v>176</v>
      </c>
      <c r="Q409" t="s">
        <v>177</v>
      </c>
      <c r="S409" t="s">
        <v>178</v>
      </c>
      <c r="T409" t="s">
        <v>175</v>
      </c>
      <c r="W409" t="s">
        <v>262</v>
      </c>
      <c r="Z409" t="s">
        <v>244</v>
      </c>
      <c r="AC409" t="s">
        <v>180</v>
      </c>
      <c r="AD409" t="s">
        <v>175</v>
      </c>
      <c r="AE409" t="s">
        <v>175</v>
      </c>
      <c r="AF409" t="s">
        <v>175</v>
      </c>
      <c r="AG409" t="s">
        <v>175</v>
      </c>
      <c r="AH409" t="s">
        <v>175</v>
      </c>
      <c r="AI409" t="s">
        <v>175</v>
      </c>
      <c r="AJ409" t="s">
        <v>175</v>
      </c>
      <c r="AK409" t="s">
        <v>175</v>
      </c>
      <c r="AL409" t="s">
        <v>42</v>
      </c>
      <c r="AM409" t="s">
        <v>206</v>
      </c>
      <c r="AN409" t="s">
        <v>182</v>
      </c>
      <c r="AO409" t="s">
        <v>185</v>
      </c>
      <c r="AP409" t="s">
        <v>184</v>
      </c>
      <c r="AQ409" t="s">
        <v>204</v>
      </c>
      <c r="AR409" t="s">
        <v>202</v>
      </c>
      <c r="AS409" t="s">
        <v>203</v>
      </c>
      <c r="AT409" t="s">
        <v>183</v>
      </c>
      <c r="AU409" t="s">
        <v>201</v>
      </c>
      <c r="AV409" t="s">
        <v>205</v>
      </c>
      <c r="AX409" t="s">
        <v>186</v>
      </c>
      <c r="AZ409" t="s">
        <v>207</v>
      </c>
      <c r="BA409" t="s">
        <v>188</v>
      </c>
      <c r="BC409" t="s">
        <v>209</v>
      </c>
      <c r="BF409" t="s">
        <v>210</v>
      </c>
      <c r="BG409" s="1">
        <v>0</v>
      </c>
      <c r="BH409" t="s">
        <v>190</v>
      </c>
      <c r="BK409" t="s">
        <v>191</v>
      </c>
      <c r="BM409" t="s">
        <v>191</v>
      </c>
      <c r="BO409" t="s">
        <v>191</v>
      </c>
    </row>
    <row r="410" spans="1:69" x14ac:dyDescent="0.25">
      <c r="A410" s="1">
        <v>30448891</v>
      </c>
      <c r="B410" t="s">
        <v>1839</v>
      </c>
      <c r="C410" t="s">
        <v>39</v>
      </c>
      <c r="D410" t="s">
        <v>1616</v>
      </c>
      <c r="E410" t="s">
        <v>200</v>
      </c>
      <c r="L410" t="s">
        <v>52</v>
      </c>
      <c r="M410" s="1">
        <v>0</v>
      </c>
      <c r="N410" s="1">
        <v>0</v>
      </c>
      <c r="O410" t="s">
        <v>1616</v>
      </c>
      <c r="P410" t="s">
        <v>176</v>
      </c>
      <c r="Q410" t="s">
        <v>196</v>
      </c>
      <c r="S410" t="s">
        <v>256</v>
      </c>
      <c r="T410" t="s">
        <v>200</v>
      </c>
      <c r="AC410" t="s">
        <v>180</v>
      </c>
      <c r="AD410" t="s">
        <v>200</v>
      </c>
      <c r="AE410" t="s">
        <v>200</v>
      </c>
      <c r="AF410" t="s">
        <v>200</v>
      </c>
      <c r="AG410" t="s">
        <v>200</v>
      </c>
      <c r="AH410" t="s">
        <v>200</v>
      </c>
      <c r="AI410" t="s">
        <v>200</v>
      </c>
      <c r="AJ410" t="s">
        <v>200</v>
      </c>
      <c r="AK410" t="s">
        <v>200</v>
      </c>
      <c r="AL410" t="s">
        <v>42</v>
      </c>
      <c r="AM410" t="s">
        <v>184</v>
      </c>
      <c r="AN410" t="s">
        <v>205</v>
      </c>
      <c r="AO410" t="s">
        <v>185</v>
      </c>
      <c r="AP410" t="s">
        <v>182</v>
      </c>
      <c r="AQ410" t="s">
        <v>202</v>
      </c>
      <c r="AR410" t="s">
        <v>203</v>
      </c>
      <c r="AS410" t="s">
        <v>204</v>
      </c>
      <c r="AT410" t="s">
        <v>206</v>
      </c>
      <c r="AU410" t="s">
        <v>201</v>
      </c>
      <c r="AV410" t="s">
        <v>183</v>
      </c>
      <c r="AX410" t="s">
        <v>186</v>
      </c>
      <c r="AZ410" t="s">
        <v>207</v>
      </c>
      <c r="BF410" t="s">
        <v>210</v>
      </c>
      <c r="BG410" s="1">
        <v>0</v>
      </c>
      <c r="BH410" t="s">
        <v>211</v>
      </c>
      <c r="BK410" t="s">
        <v>191</v>
      </c>
      <c r="BL410" t="s">
        <v>1840</v>
      </c>
      <c r="BM410" t="s">
        <v>218</v>
      </c>
      <c r="BN410" t="s">
        <v>1057</v>
      </c>
      <c r="BO410" t="s">
        <v>218</v>
      </c>
      <c r="BP410" t="s">
        <v>1841</v>
      </c>
    </row>
    <row r="411" spans="1:69" x14ac:dyDescent="0.25">
      <c r="A411" s="1">
        <v>30448893</v>
      </c>
      <c r="B411" t="s">
        <v>3292</v>
      </c>
      <c r="C411" t="s">
        <v>39</v>
      </c>
      <c r="D411" t="s">
        <v>3138</v>
      </c>
      <c r="E411" t="s">
        <v>175</v>
      </c>
      <c r="L411" t="s">
        <v>52</v>
      </c>
      <c r="M411" s="1">
        <v>0</v>
      </c>
      <c r="N411" s="1">
        <v>0</v>
      </c>
      <c r="O411" t="s">
        <v>3139</v>
      </c>
      <c r="P411" t="s">
        <v>176</v>
      </c>
      <c r="Q411" t="s">
        <v>238</v>
      </c>
      <c r="S411" t="s">
        <v>178</v>
      </c>
      <c r="T411" t="s">
        <v>175</v>
      </c>
      <c r="W411" t="s">
        <v>262</v>
      </c>
      <c r="Z411" t="s">
        <v>244</v>
      </c>
      <c r="AC411" t="s">
        <v>199</v>
      </c>
      <c r="AD411" t="s">
        <v>175</v>
      </c>
      <c r="AE411" t="s">
        <v>181</v>
      </c>
      <c r="AF411" t="s">
        <v>230</v>
      </c>
      <c r="AG411" t="s">
        <v>230</v>
      </c>
      <c r="AH411" t="s">
        <v>175</v>
      </c>
      <c r="AI411" t="s">
        <v>175</v>
      </c>
      <c r="AJ411" t="s">
        <v>175</v>
      </c>
      <c r="AK411" t="s">
        <v>181</v>
      </c>
      <c r="AL411" t="s">
        <v>42</v>
      </c>
      <c r="AM411" t="s">
        <v>201</v>
      </c>
      <c r="AN411" t="s">
        <v>184</v>
      </c>
      <c r="AO411" t="s">
        <v>185</v>
      </c>
      <c r="AP411" t="s">
        <v>206</v>
      </c>
      <c r="AQ411" t="s">
        <v>204</v>
      </c>
      <c r="AR411" t="s">
        <v>205</v>
      </c>
      <c r="AS411" t="s">
        <v>202</v>
      </c>
      <c r="AT411" t="s">
        <v>182</v>
      </c>
      <c r="AU411" t="s">
        <v>183</v>
      </c>
      <c r="AV411" t="s">
        <v>203</v>
      </c>
      <c r="AW411" t="s">
        <v>3293</v>
      </c>
      <c r="AX411" t="s">
        <v>186</v>
      </c>
      <c r="AZ411" t="s">
        <v>207</v>
      </c>
      <c r="BA411" t="s">
        <v>188</v>
      </c>
      <c r="BC411" t="s">
        <v>209</v>
      </c>
      <c r="BF411" t="s">
        <v>232</v>
      </c>
      <c r="BG411" t="s">
        <v>301</v>
      </c>
      <c r="BH411" t="s">
        <v>211</v>
      </c>
      <c r="BK411" t="s">
        <v>191</v>
      </c>
      <c r="BL411" t="s">
        <v>3294</v>
      </c>
      <c r="BM411" t="s">
        <v>191</v>
      </c>
      <c r="BN411" t="s">
        <v>3295</v>
      </c>
      <c r="BO411" t="s">
        <v>191</v>
      </c>
      <c r="BP411" t="s">
        <v>3296</v>
      </c>
      <c r="BQ411" t="s">
        <v>3297</v>
      </c>
    </row>
    <row r="412" spans="1:69" x14ac:dyDescent="0.25">
      <c r="A412" s="1">
        <v>30448894</v>
      </c>
      <c r="B412" t="s">
        <v>2664</v>
      </c>
      <c r="C412" t="s">
        <v>39</v>
      </c>
      <c r="D412" t="s">
        <v>2512</v>
      </c>
      <c r="E412" t="s">
        <v>195</v>
      </c>
      <c r="L412" t="s">
        <v>52</v>
      </c>
      <c r="M412" s="1">
        <v>0</v>
      </c>
      <c r="N412" s="1">
        <v>0</v>
      </c>
      <c r="O412" t="s">
        <v>2512</v>
      </c>
      <c r="P412" t="s">
        <v>176</v>
      </c>
      <c r="Q412" t="s">
        <v>238</v>
      </c>
      <c r="S412" t="s">
        <v>178</v>
      </c>
      <c r="T412" t="s">
        <v>197</v>
      </c>
      <c r="AC412" s="1">
        <v>0</v>
      </c>
      <c r="AD412" s="1">
        <v>0</v>
      </c>
      <c r="AE412" s="1">
        <v>0</v>
      </c>
      <c r="AF412" s="1">
        <v>0</v>
      </c>
      <c r="AG412" s="1">
        <v>0</v>
      </c>
      <c r="AH412" s="1">
        <v>0</v>
      </c>
      <c r="AI412" s="1">
        <v>0</v>
      </c>
      <c r="AJ412" s="1">
        <v>0</v>
      </c>
      <c r="AK412" s="1">
        <v>0</v>
      </c>
      <c r="AL412" s="1">
        <v>0</v>
      </c>
      <c r="AM412" s="1">
        <v>0</v>
      </c>
      <c r="AN412" s="1">
        <v>0</v>
      </c>
      <c r="AO412" s="1">
        <v>0</v>
      </c>
      <c r="AP412" s="1">
        <v>0</v>
      </c>
      <c r="AQ412" s="1">
        <v>0</v>
      </c>
      <c r="AR412" s="1">
        <v>0</v>
      </c>
      <c r="AS412" s="1">
        <v>0</v>
      </c>
      <c r="AT412" s="1">
        <v>0</v>
      </c>
      <c r="AU412" s="1">
        <v>0</v>
      </c>
      <c r="AV412" s="1">
        <v>0</v>
      </c>
      <c r="BF412" s="1">
        <v>0</v>
      </c>
      <c r="BG412" s="1">
        <v>0</v>
      </c>
      <c r="BH412" s="1">
        <v>0</v>
      </c>
      <c r="BK412" s="1">
        <v>0</v>
      </c>
      <c r="BM412" s="1">
        <v>0</v>
      </c>
      <c r="BO412" s="1">
        <v>0</v>
      </c>
    </row>
    <row r="413" spans="1:69" x14ac:dyDescent="0.25">
      <c r="A413" s="1">
        <v>30448895</v>
      </c>
      <c r="B413" t="s">
        <v>3298</v>
      </c>
      <c r="C413" t="s">
        <v>39</v>
      </c>
      <c r="D413" t="s">
        <v>3138</v>
      </c>
      <c r="E413" t="s">
        <v>200</v>
      </c>
      <c r="L413" t="s">
        <v>52</v>
      </c>
      <c r="M413" s="1">
        <v>0</v>
      </c>
      <c r="N413" s="1">
        <v>0</v>
      </c>
      <c r="O413" t="s">
        <v>3139</v>
      </c>
      <c r="P413" t="s">
        <v>176</v>
      </c>
      <c r="Q413" t="s">
        <v>196</v>
      </c>
      <c r="S413" t="s">
        <v>349</v>
      </c>
      <c r="T413" t="s">
        <v>200</v>
      </c>
      <c r="Y413" t="s">
        <v>224</v>
      </c>
      <c r="AC413" t="s">
        <v>225</v>
      </c>
      <c r="AD413" t="s">
        <v>200</v>
      </c>
      <c r="AE413" t="s">
        <v>200</v>
      </c>
      <c r="AF413" t="s">
        <v>200</v>
      </c>
      <c r="AG413" t="s">
        <v>200</v>
      </c>
      <c r="AH413" t="s">
        <v>200</v>
      </c>
      <c r="AI413" t="s">
        <v>200</v>
      </c>
      <c r="AJ413" t="s">
        <v>200</v>
      </c>
      <c r="AK413" t="s">
        <v>200</v>
      </c>
      <c r="AL413" t="s">
        <v>52</v>
      </c>
      <c r="AM413" s="1">
        <v>0</v>
      </c>
      <c r="AN413" s="1">
        <v>0</v>
      </c>
      <c r="AO413" s="1">
        <v>0</v>
      </c>
      <c r="AP413" s="1">
        <v>0</v>
      </c>
      <c r="AQ413" s="1">
        <v>0</v>
      </c>
      <c r="AR413" s="1">
        <v>0</v>
      </c>
      <c r="AS413" s="1">
        <v>0</v>
      </c>
      <c r="AT413" s="1">
        <v>0</v>
      </c>
      <c r="AU413" s="1">
        <v>0</v>
      </c>
      <c r="AV413" s="1">
        <v>0</v>
      </c>
      <c r="AZ413" t="s">
        <v>207</v>
      </c>
      <c r="BF413" t="s">
        <v>232</v>
      </c>
      <c r="BG413" t="s">
        <v>1382</v>
      </c>
      <c r="BH413" t="s">
        <v>211</v>
      </c>
      <c r="BK413" t="s">
        <v>191</v>
      </c>
      <c r="BM413" t="s">
        <v>218</v>
      </c>
      <c r="BO413" t="s">
        <v>191</v>
      </c>
    </row>
    <row r="414" spans="1:69" x14ac:dyDescent="0.25">
      <c r="A414" s="1">
        <v>30448896</v>
      </c>
      <c r="B414" t="s">
        <v>1842</v>
      </c>
      <c r="C414" t="s">
        <v>39</v>
      </c>
      <c r="D414" t="s">
        <v>1616</v>
      </c>
      <c r="E414" t="s">
        <v>200</v>
      </c>
      <c r="L414" t="s">
        <v>52</v>
      </c>
      <c r="M414" s="1">
        <v>0</v>
      </c>
      <c r="N414" s="1">
        <v>0</v>
      </c>
      <c r="O414" t="s">
        <v>1616</v>
      </c>
      <c r="P414" t="s">
        <v>216</v>
      </c>
      <c r="Q414" t="s">
        <v>322</v>
      </c>
      <c r="S414" s="1">
        <v>0</v>
      </c>
      <c r="T414" t="s">
        <v>200</v>
      </c>
      <c r="X414" t="s">
        <v>179</v>
      </c>
      <c r="Y414" t="s">
        <v>224</v>
      </c>
      <c r="Z414" t="s">
        <v>244</v>
      </c>
      <c r="AC414" t="s">
        <v>180</v>
      </c>
      <c r="AD414" t="s">
        <v>175</v>
      </c>
      <c r="AE414" t="s">
        <v>175</v>
      </c>
      <c r="AF414" t="s">
        <v>175</v>
      </c>
      <c r="AG414" t="s">
        <v>175</v>
      </c>
      <c r="AH414" t="s">
        <v>175</v>
      </c>
      <c r="AI414" t="s">
        <v>175</v>
      </c>
      <c r="AJ414" t="s">
        <v>175</v>
      </c>
      <c r="AK414" t="s">
        <v>175</v>
      </c>
      <c r="AL414" t="s">
        <v>42</v>
      </c>
      <c r="AM414" t="s">
        <v>182</v>
      </c>
      <c r="AN414" t="s">
        <v>183</v>
      </c>
      <c r="AO414" t="s">
        <v>184</v>
      </c>
      <c r="AP414" t="s">
        <v>185</v>
      </c>
      <c r="AQ414" t="s">
        <v>202</v>
      </c>
      <c r="AR414" t="s">
        <v>203</v>
      </c>
      <c r="AS414" t="s">
        <v>204</v>
      </c>
      <c r="AT414" t="s">
        <v>201</v>
      </c>
      <c r="AU414" t="s">
        <v>206</v>
      </c>
      <c r="AV414" t="s">
        <v>205</v>
      </c>
      <c r="AY414" t="s">
        <v>187</v>
      </c>
      <c r="AZ414" t="s">
        <v>207</v>
      </c>
      <c r="BB414" t="s">
        <v>208</v>
      </c>
      <c r="BF414" t="s">
        <v>49</v>
      </c>
      <c r="BG414" s="1">
        <v>0</v>
      </c>
      <c r="BH414" t="s">
        <v>211</v>
      </c>
      <c r="BK414" t="s">
        <v>191</v>
      </c>
      <c r="BL414" t="s">
        <v>1046</v>
      </c>
      <c r="BM414" t="s">
        <v>191</v>
      </c>
      <c r="BN414" t="s">
        <v>1843</v>
      </c>
      <c r="BO414" t="s">
        <v>191</v>
      </c>
      <c r="BP414" t="s">
        <v>1844</v>
      </c>
    </row>
    <row r="415" spans="1:69" x14ac:dyDescent="0.25">
      <c r="A415" s="1">
        <v>30448900</v>
      </c>
      <c r="B415" t="s">
        <v>399</v>
      </c>
      <c r="C415" t="s">
        <v>39</v>
      </c>
      <c r="D415" t="s">
        <v>174</v>
      </c>
      <c r="E415" t="s">
        <v>175</v>
      </c>
      <c r="L415" t="s">
        <v>52</v>
      </c>
      <c r="M415" s="1">
        <v>0</v>
      </c>
      <c r="N415" s="1">
        <v>0</v>
      </c>
      <c r="O415" t="s">
        <v>174</v>
      </c>
      <c r="P415" t="s">
        <v>176</v>
      </c>
      <c r="Q415" t="s">
        <v>177</v>
      </c>
      <c r="S415" t="s">
        <v>178</v>
      </c>
      <c r="T415" t="s">
        <v>175</v>
      </c>
      <c r="X415" t="s">
        <v>179</v>
      </c>
      <c r="AC415" t="s">
        <v>180</v>
      </c>
      <c r="AD415" t="s">
        <v>175</v>
      </c>
      <c r="AE415" t="s">
        <v>175</v>
      </c>
      <c r="AF415" t="s">
        <v>175</v>
      </c>
      <c r="AG415" t="s">
        <v>175</v>
      </c>
      <c r="AH415" t="s">
        <v>175</v>
      </c>
      <c r="AI415" t="s">
        <v>175</v>
      </c>
      <c r="AJ415" t="s">
        <v>175</v>
      </c>
      <c r="AK415" t="s">
        <v>175</v>
      </c>
      <c r="AL415" t="s">
        <v>52</v>
      </c>
      <c r="AM415" t="s">
        <v>182</v>
      </c>
      <c r="AN415" t="s">
        <v>206</v>
      </c>
      <c r="AO415" t="s">
        <v>183</v>
      </c>
      <c r="AP415" t="s">
        <v>204</v>
      </c>
      <c r="AQ415" t="s">
        <v>202</v>
      </c>
      <c r="AR415" t="s">
        <v>203</v>
      </c>
      <c r="AS415" t="s">
        <v>201</v>
      </c>
      <c r="AT415" t="s">
        <v>184</v>
      </c>
      <c r="AU415" t="s">
        <v>185</v>
      </c>
      <c r="AV415" t="s">
        <v>205</v>
      </c>
      <c r="AY415" t="s">
        <v>187</v>
      </c>
      <c r="AZ415" t="s">
        <v>207</v>
      </c>
      <c r="BC415" t="s">
        <v>209</v>
      </c>
      <c r="BF415" t="s">
        <v>292</v>
      </c>
      <c r="BG415" t="s">
        <v>276</v>
      </c>
      <c r="BH415" t="s">
        <v>247</v>
      </c>
      <c r="BK415" t="s">
        <v>191</v>
      </c>
      <c r="BL415" t="s">
        <v>400</v>
      </c>
      <c r="BM415" t="s">
        <v>191</v>
      </c>
      <c r="BN415" t="s">
        <v>401</v>
      </c>
      <c r="BO415" t="s">
        <v>191</v>
      </c>
      <c r="BP415" t="s">
        <v>402</v>
      </c>
    </row>
    <row r="416" spans="1:69" x14ac:dyDescent="0.25">
      <c r="A416" s="1">
        <v>30448903</v>
      </c>
      <c r="B416" t="s">
        <v>3299</v>
      </c>
      <c r="C416" t="s">
        <v>39</v>
      </c>
      <c r="D416" t="s">
        <v>3138</v>
      </c>
      <c r="E416" t="s">
        <v>175</v>
      </c>
      <c r="L416" t="s">
        <v>52</v>
      </c>
      <c r="M416" s="1">
        <v>0</v>
      </c>
      <c r="N416" s="1">
        <v>0</v>
      </c>
      <c r="O416" t="s">
        <v>3139</v>
      </c>
      <c r="P416" t="s">
        <v>176</v>
      </c>
      <c r="Q416" t="s">
        <v>238</v>
      </c>
      <c r="S416" t="s">
        <v>178</v>
      </c>
      <c r="T416" t="s">
        <v>175</v>
      </c>
      <c r="Z416" t="s">
        <v>244</v>
      </c>
      <c r="AC416" t="s">
        <v>199</v>
      </c>
      <c r="AD416" t="s">
        <v>175</v>
      </c>
      <c r="AE416" t="s">
        <v>181</v>
      </c>
      <c r="AF416" t="s">
        <v>200</v>
      </c>
      <c r="AG416" t="s">
        <v>181</v>
      </c>
      <c r="AH416" t="s">
        <v>200</v>
      </c>
      <c r="AI416" t="s">
        <v>200</v>
      </c>
      <c r="AJ416" t="s">
        <v>200</v>
      </c>
      <c r="AK416" t="s">
        <v>175</v>
      </c>
      <c r="AL416" t="s">
        <v>42</v>
      </c>
      <c r="AM416" t="s">
        <v>205</v>
      </c>
      <c r="AN416" t="s">
        <v>204</v>
      </c>
      <c r="AO416" t="s">
        <v>183</v>
      </c>
      <c r="AP416" t="s">
        <v>182</v>
      </c>
      <c r="AQ416" t="s">
        <v>201</v>
      </c>
      <c r="AR416" t="s">
        <v>185</v>
      </c>
      <c r="AS416" t="s">
        <v>184</v>
      </c>
      <c r="AT416" t="s">
        <v>203</v>
      </c>
      <c r="AU416" t="s">
        <v>202</v>
      </c>
      <c r="AV416" t="s">
        <v>206</v>
      </c>
      <c r="AX416" t="s">
        <v>186</v>
      </c>
      <c r="AZ416" t="s">
        <v>207</v>
      </c>
      <c r="BA416" t="s">
        <v>188</v>
      </c>
      <c r="BC416" t="s">
        <v>209</v>
      </c>
      <c r="BF416" t="s">
        <v>232</v>
      </c>
      <c r="BG416" t="s">
        <v>301</v>
      </c>
      <c r="BH416" t="s">
        <v>190</v>
      </c>
      <c r="BK416" t="s">
        <v>191</v>
      </c>
      <c r="BL416" t="s">
        <v>3300</v>
      </c>
      <c r="BM416" s="1">
        <v>0</v>
      </c>
      <c r="BO416" s="1">
        <v>0</v>
      </c>
    </row>
    <row r="417" spans="1:69" x14ac:dyDescent="0.25">
      <c r="A417" s="1">
        <v>30448907</v>
      </c>
      <c r="B417" t="s">
        <v>1128</v>
      </c>
      <c r="C417" t="s">
        <v>39</v>
      </c>
      <c r="D417" t="s">
        <v>942</v>
      </c>
      <c r="E417" t="s">
        <v>175</v>
      </c>
      <c r="L417" t="s">
        <v>52</v>
      </c>
      <c r="M417" s="1">
        <v>0</v>
      </c>
      <c r="N417" s="1">
        <v>0</v>
      </c>
      <c r="O417" t="s">
        <v>942</v>
      </c>
      <c r="P417" t="s">
        <v>216</v>
      </c>
      <c r="Q417" t="s">
        <v>196</v>
      </c>
      <c r="S417" s="1">
        <v>0</v>
      </c>
      <c r="T417" t="s">
        <v>175</v>
      </c>
      <c r="Y417" t="s">
        <v>224</v>
      </c>
      <c r="AC417" t="s">
        <v>180</v>
      </c>
      <c r="AD417" t="s">
        <v>175</v>
      </c>
      <c r="AE417" t="s">
        <v>181</v>
      </c>
      <c r="AF417" t="s">
        <v>175</v>
      </c>
      <c r="AG417" t="s">
        <v>181</v>
      </c>
      <c r="AH417" t="s">
        <v>175</v>
      </c>
      <c r="AI417" t="s">
        <v>175</v>
      </c>
      <c r="AJ417" t="s">
        <v>175</v>
      </c>
      <c r="AK417" t="s">
        <v>175</v>
      </c>
      <c r="AL417" t="s">
        <v>42</v>
      </c>
      <c r="AM417" t="s">
        <v>182</v>
      </c>
      <c r="AN417" t="s">
        <v>203</v>
      </c>
      <c r="AO417" t="s">
        <v>201</v>
      </c>
      <c r="AP417" t="s">
        <v>185</v>
      </c>
      <c r="AQ417" t="s">
        <v>184</v>
      </c>
      <c r="AR417" t="s">
        <v>206</v>
      </c>
      <c r="AS417" t="s">
        <v>205</v>
      </c>
      <c r="AT417" t="s">
        <v>204</v>
      </c>
      <c r="AU417" t="s">
        <v>202</v>
      </c>
      <c r="AV417" t="s">
        <v>183</v>
      </c>
      <c r="AY417" t="s">
        <v>187</v>
      </c>
      <c r="AZ417" t="s">
        <v>207</v>
      </c>
      <c r="BF417" t="s">
        <v>292</v>
      </c>
      <c r="BG417" t="s">
        <v>233</v>
      </c>
      <c r="BH417" t="s">
        <v>211</v>
      </c>
      <c r="BK417" t="s">
        <v>191</v>
      </c>
      <c r="BL417" t="s">
        <v>1129</v>
      </c>
      <c r="BM417" t="s">
        <v>191</v>
      </c>
      <c r="BO417" t="s">
        <v>191</v>
      </c>
    </row>
    <row r="418" spans="1:69" x14ac:dyDescent="0.25">
      <c r="A418" s="1">
        <v>30448909</v>
      </c>
      <c r="B418" t="s">
        <v>1130</v>
      </c>
      <c r="C418" t="s">
        <v>39</v>
      </c>
      <c r="D418" t="s">
        <v>942</v>
      </c>
      <c r="E418" t="s">
        <v>200</v>
      </c>
      <c r="L418" t="s">
        <v>52</v>
      </c>
      <c r="M418" s="1">
        <v>0</v>
      </c>
      <c r="N418" s="1">
        <v>0</v>
      </c>
      <c r="O418" t="s">
        <v>942</v>
      </c>
      <c r="P418" t="s">
        <v>176</v>
      </c>
      <c r="Q418" t="s">
        <v>238</v>
      </c>
      <c r="S418" t="s">
        <v>222</v>
      </c>
      <c r="T418" t="s">
        <v>200</v>
      </c>
      <c r="AC418" t="s">
        <v>180</v>
      </c>
      <c r="AD418" s="1">
        <v>0</v>
      </c>
      <c r="AE418" s="1">
        <v>0</v>
      </c>
      <c r="AF418" s="1">
        <v>0</v>
      </c>
      <c r="AG418" s="1">
        <v>0</v>
      </c>
      <c r="AH418" s="1">
        <v>0</v>
      </c>
      <c r="AI418" s="1">
        <v>0</v>
      </c>
      <c r="AJ418" s="1">
        <v>0</v>
      </c>
      <c r="AK418" s="1">
        <v>0</v>
      </c>
      <c r="AL418" s="1">
        <v>0</v>
      </c>
      <c r="AM418" s="1">
        <v>0</v>
      </c>
      <c r="AN418" s="1">
        <v>0</v>
      </c>
      <c r="AO418" s="1">
        <v>0</v>
      </c>
      <c r="AP418" s="1">
        <v>0</v>
      </c>
      <c r="AQ418" s="1">
        <v>0</v>
      </c>
      <c r="AR418" s="1">
        <v>0</v>
      </c>
      <c r="AS418" s="1">
        <v>0</v>
      </c>
      <c r="AT418" s="1">
        <v>0</v>
      </c>
      <c r="AU418" s="1">
        <v>0</v>
      </c>
      <c r="AV418" s="1">
        <v>0</v>
      </c>
      <c r="BF418" s="1">
        <v>0</v>
      </c>
      <c r="BG418" s="1">
        <v>0</v>
      </c>
      <c r="BH418" s="1">
        <v>0</v>
      </c>
      <c r="BK418" s="1">
        <v>0</v>
      </c>
      <c r="BM418" s="1">
        <v>0</v>
      </c>
      <c r="BO418" s="1">
        <v>0</v>
      </c>
    </row>
    <row r="419" spans="1:69" x14ac:dyDescent="0.25">
      <c r="A419" s="1">
        <v>30448910</v>
      </c>
      <c r="B419" t="s">
        <v>1130</v>
      </c>
      <c r="C419" t="s">
        <v>39</v>
      </c>
      <c r="D419" t="s">
        <v>2512</v>
      </c>
      <c r="E419" t="s">
        <v>200</v>
      </c>
      <c r="L419" t="s">
        <v>52</v>
      </c>
      <c r="M419" s="1">
        <v>0</v>
      </c>
      <c r="N419" s="1">
        <v>0</v>
      </c>
      <c r="O419" t="s">
        <v>2512</v>
      </c>
      <c r="P419" t="s">
        <v>176</v>
      </c>
      <c r="Q419" t="s">
        <v>238</v>
      </c>
      <c r="S419" t="s">
        <v>178</v>
      </c>
      <c r="T419" t="s">
        <v>200</v>
      </c>
      <c r="Z419" t="s">
        <v>244</v>
      </c>
      <c r="AC419" t="s">
        <v>266</v>
      </c>
      <c r="AD419" t="s">
        <v>200</v>
      </c>
      <c r="AE419" t="s">
        <v>200</v>
      </c>
      <c r="AF419" t="s">
        <v>175</v>
      </c>
      <c r="AG419" t="s">
        <v>175</v>
      </c>
      <c r="AH419" t="s">
        <v>200</v>
      </c>
      <c r="AI419" t="s">
        <v>175</v>
      </c>
      <c r="AJ419" t="s">
        <v>175</v>
      </c>
      <c r="AK419" t="s">
        <v>200</v>
      </c>
      <c r="AL419" t="s">
        <v>52</v>
      </c>
      <c r="AM419" t="s">
        <v>203</v>
      </c>
      <c r="AN419" t="s">
        <v>183</v>
      </c>
      <c r="AO419" t="s">
        <v>206</v>
      </c>
      <c r="AP419" t="s">
        <v>184</v>
      </c>
      <c r="AQ419" t="s">
        <v>185</v>
      </c>
      <c r="AR419" t="s">
        <v>202</v>
      </c>
      <c r="AS419" t="s">
        <v>201</v>
      </c>
      <c r="AT419" t="s">
        <v>182</v>
      </c>
      <c r="AU419" t="s">
        <v>205</v>
      </c>
      <c r="AV419" t="s">
        <v>204</v>
      </c>
      <c r="AY419" t="s">
        <v>187</v>
      </c>
      <c r="AZ419" t="s">
        <v>207</v>
      </c>
      <c r="BA419" t="s">
        <v>188</v>
      </c>
      <c r="BB419" t="s">
        <v>208</v>
      </c>
      <c r="BC419" t="s">
        <v>209</v>
      </c>
      <c r="BF419" t="s">
        <v>49</v>
      </c>
      <c r="BG419" s="1">
        <v>0</v>
      </c>
      <c r="BH419" t="s">
        <v>247</v>
      </c>
      <c r="BK419" t="s">
        <v>191</v>
      </c>
      <c r="BM419" t="s">
        <v>218</v>
      </c>
      <c r="BO419" t="s">
        <v>218</v>
      </c>
    </row>
    <row r="420" spans="1:69" x14ac:dyDescent="0.25">
      <c r="A420" s="1">
        <v>30448911</v>
      </c>
      <c r="B420" t="s">
        <v>403</v>
      </c>
      <c r="C420" t="s">
        <v>39</v>
      </c>
      <c r="D420" t="s">
        <v>174</v>
      </c>
      <c r="E420" t="s">
        <v>175</v>
      </c>
      <c r="L420" t="s">
        <v>52</v>
      </c>
      <c r="M420" s="1">
        <v>0</v>
      </c>
      <c r="N420" s="1">
        <v>0</v>
      </c>
      <c r="O420" t="s">
        <v>174</v>
      </c>
      <c r="P420" t="s">
        <v>176</v>
      </c>
      <c r="Q420" t="s">
        <v>177</v>
      </c>
      <c r="S420" t="s">
        <v>222</v>
      </c>
      <c r="T420" t="s">
        <v>175</v>
      </c>
      <c r="AA420" t="s">
        <v>273</v>
      </c>
      <c r="AC420" t="s">
        <v>180</v>
      </c>
      <c r="AD420" t="s">
        <v>175</v>
      </c>
      <c r="AE420" t="s">
        <v>175</v>
      </c>
      <c r="AF420" t="s">
        <v>175</v>
      </c>
      <c r="AG420" t="s">
        <v>175</v>
      </c>
      <c r="AH420" t="s">
        <v>175</v>
      </c>
      <c r="AI420" t="s">
        <v>175</v>
      </c>
      <c r="AJ420" t="s">
        <v>175</v>
      </c>
      <c r="AK420" t="s">
        <v>175</v>
      </c>
      <c r="AL420" t="s">
        <v>42</v>
      </c>
      <c r="AM420" t="s">
        <v>182</v>
      </c>
      <c r="AN420" t="s">
        <v>201</v>
      </c>
      <c r="AO420" t="s">
        <v>184</v>
      </c>
      <c r="AP420" t="s">
        <v>183</v>
      </c>
      <c r="AQ420" t="s">
        <v>185</v>
      </c>
      <c r="AR420" t="s">
        <v>202</v>
      </c>
      <c r="AS420" t="s">
        <v>203</v>
      </c>
      <c r="AT420" t="s">
        <v>206</v>
      </c>
      <c r="AU420" t="s">
        <v>205</v>
      </c>
      <c r="AV420" t="s">
        <v>204</v>
      </c>
      <c r="AZ420" t="s">
        <v>207</v>
      </c>
      <c r="BB420" t="s">
        <v>208</v>
      </c>
      <c r="BF420" t="s">
        <v>232</v>
      </c>
      <c r="BG420" t="s">
        <v>233</v>
      </c>
      <c r="BH420" t="s">
        <v>211</v>
      </c>
      <c r="BK420" t="s">
        <v>191</v>
      </c>
      <c r="BM420" t="s">
        <v>191</v>
      </c>
      <c r="BO420" t="s">
        <v>191</v>
      </c>
    </row>
    <row r="421" spans="1:69" x14ac:dyDescent="0.25">
      <c r="A421" s="1">
        <v>30448914</v>
      </c>
      <c r="B421" t="s">
        <v>1845</v>
      </c>
      <c r="C421" t="s">
        <v>39</v>
      </c>
      <c r="D421" t="s">
        <v>1616</v>
      </c>
      <c r="E421" t="s">
        <v>200</v>
      </c>
      <c r="L421" t="s">
        <v>52</v>
      </c>
      <c r="M421" s="1">
        <v>0</v>
      </c>
      <c r="N421" s="1">
        <v>0</v>
      </c>
      <c r="O421" t="s">
        <v>1616</v>
      </c>
      <c r="P421" t="s">
        <v>176</v>
      </c>
      <c r="Q421" t="s">
        <v>177</v>
      </c>
      <c r="S421" t="s">
        <v>349</v>
      </c>
      <c r="T421" t="s">
        <v>200</v>
      </c>
      <c r="X421" t="s">
        <v>179</v>
      </c>
      <c r="AC421" t="s">
        <v>199</v>
      </c>
      <c r="AD421" t="s">
        <v>200</v>
      </c>
      <c r="AE421" t="s">
        <v>200</v>
      </c>
      <c r="AF421" t="s">
        <v>200</v>
      </c>
      <c r="AG421" t="s">
        <v>200</v>
      </c>
      <c r="AH421" t="s">
        <v>200</v>
      </c>
      <c r="AI421" t="s">
        <v>200</v>
      </c>
      <c r="AJ421" t="s">
        <v>200</v>
      </c>
      <c r="AK421" t="s">
        <v>200</v>
      </c>
      <c r="AL421" t="s">
        <v>42</v>
      </c>
      <c r="AM421" s="1">
        <v>0</v>
      </c>
      <c r="AN421" t="s">
        <v>184</v>
      </c>
      <c r="AO421" t="s">
        <v>182</v>
      </c>
      <c r="AP421" s="1">
        <v>0</v>
      </c>
      <c r="AQ421" s="1">
        <v>0</v>
      </c>
      <c r="AR421" s="1">
        <v>0</v>
      </c>
      <c r="AS421" t="s">
        <v>185</v>
      </c>
      <c r="AT421" s="1">
        <v>0</v>
      </c>
      <c r="AU421" s="1">
        <v>0</v>
      </c>
      <c r="AV421" s="1">
        <v>0</v>
      </c>
      <c r="AZ421" t="s">
        <v>207</v>
      </c>
      <c r="BC421" t="s">
        <v>209</v>
      </c>
      <c r="BF421" t="s">
        <v>210</v>
      </c>
      <c r="BG421" s="1">
        <v>0</v>
      </c>
      <c r="BH421" t="s">
        <v>211</v>
      </c>
      <c r="BK421" t="s">
        <v>191</v>
      </c>
      <c r="BM421" t="s">
        <v>191</v>
      </c>
      <c r="BO421" t="s">
        <v>191</v>
      </c>
    </row>
    <row r="422" spans="1:69" x14ac:dyDescent="0.25">
      <c r="A422" s="1">
        <v>30448915</v>
      </c>
      <c r="B422" t="s">
        <v>404</v>
      </c>
      <c r="C422" t="s">
        <v>39</v>
      </c>
      <c r="D422" t="s">
        <v>174</v>
      </c>
      <c r="E422" t="s">
        <v>175</v>
      </c>
      <c r="L422" t="s">
        <v>52</v>
      </c>
      <c r="M422" s="1">
        <v>0</v>
      </c>
      <c r="N422" s="1">
        <v>0</v>
      </c>
      <c r="O422" t="s">
        <v>174</v>
      </c>
      <c r="P422" t="s">
        <v>216</v>
      </c>
      <c r="Q422" t="s">
        <v>322</v>
      </c>
      <c r="S422" s="1">
        <v>0</v>
      </c>
      <c r="T422" t="s">
        <v>175</v>
      </c>
      <c r="W422" t="s">
        <v>262</v>
      </c>
      <c r="X422" t="s">
        <v>179</v>
      </c>
      <c r="Y422" t="s">
        <v>224</v>
      </c>
      <c r="AC422" t="s">
        <v>180</v>
      </c>
      <c r="AD422" t="s">
        <v>175</v>
      </c>
      <c r="AE422" t="s">
        <v>230</v>
      </c>
      <c r="AF422" t="s">
        <v>230</v>
      </c>
      <c r="AG422" t="s">
        <v>200</v>
      </c>
      <c r="AH422" t="s">
        <v>200</v>
      </c>
      <c r="AI422" t="s">
        <v>175</v>
      </c>
      <c r="AJ422" t="s">
        <v>175</v>
      </c>
      <c r="AK422" t="s">
        <v>200</v>
      </c>
      <c r="AL422" t="s">
        <v>42</v>
      </c>
      <c r="AM422" t="s">
        <v>206</v>
      </c>
      <c r="AN422" s="1">
        <v>0</v>
      </c>
      <c r="AO422" t="s">
        <v>183</v>
      </c>
      <c r="AP422" s="1">
        <v>0</v>
      </c>
      <c r="AQ422" s="1">
        <v>0</v>
      </c>
      <c r="AR422" s="1">
        <v>0</v>
      </c>
      <c r="AS422" t="s">
        <v>185</v>
      </c>
      <c r="AT422" t="s">
        <v>182</v>
      </c>
      <c r="AU422" t="s">
        <v>201</v>
      </c>
      <c r="AV422" t="s">
        <v>184</v>
      </c>
      <c r="AX422" t="s">
        <v>186</v>
      </c>
      <c r="AY422" t="s">
        <v>187</v>
      </c>
      <c r="AZ422" t="s">
        <v>207</v>
      </c>
      <c r="BB422" t="s">
        <v>208</v>
      </c>
      <c r="BF422" t="s">
        <v>49</v>
      </c>
      <c r="BG422" s="1">
        <v>0</v>
      </c>
      <c r="BH422" t="s">
        <v>247</v>
      </c>
      <c r="BK422" t="s">
        <v>191</v>
      </c>
      <c r="BL422" t="s">
        <v>405</v>
      </c>
      <c r="BM422" t="s">
        <v>191</v>
      </c>
      <c r="BO422" t="s">
        <v>191</v>
      </c>
      <c r="BP422" t="s">
        <v>406</v>
      </c>
      <c r="BQ422" t="s">
        <v>407</v>
      </c>
    </row>
    <row r="423" spans="1:69" x14ac:dyDescent="0.25">
      <c r="A423" s="1">
        <v>30448917</v>
      </c>
      <c r="B423" t="s">
        <v>3301</v>
      </c>
      <c r="C423" t="s">
        <v>39</v>
      </c>
      <c r="D423" t="s">
        <v>3138</v>
      </c>
      <c r="E423" t="s">
        <v>175</v>
      </c>
      <c r="L423" t="s">
        <v>52</v>
      </c>
      <c r="M423" s="1">
        <v>0</v>
      </c>
      <c r="N423" s="1">
        <v>0</v>
      </c>
      <c r="O423" t="s">
        <v>3139</v>
      </c>
      <c r="P423" t="s">
        <v>216</v>
      </c>
      <c r="Q423" t="s">
        <v>177</v>
      </c>
      <c r="S423" s="1">
        <v>0</v>
      </c>
      <c r="T423" t="s">
        <v>175</v>
      </c>
      <c r="AA423" t="s">
        <v>273</v>
      </c>
      <c r="AB423" t="s">
        <v>3302</v>
      </c>
      <c r="AC423" t="s">
        <v>199</v>
      </c>
      <c r="AD423" t="s">
        <v>175</v>
      </c>
      <c r="AE423" t="s">
        <v>181</v>
      </c>
      <c r="AF423" t="s">
        <v>175</v>
      </c>
      <c r="AG423" t="s">
        <v>175</v>
      </c>
      <c r="AH423" t="s">
        <v>200</v>
      </c>
      <c r="AI423" t="s">
        <v>200</v>
      </c>
      <c r="AJ423" t="s">
        <v>175</v>
      </c>
      <c r="AK423" t="s">
        <v>175</v>
      </c>
      <c r="AL423" t="s">
        <v>42</v>
      </c>
      <c r="AM423" t="s">
        <v>184</v>
      </c>
      <c r="AN423" t="s">
        <v>206</v>
      </c>
      <c r="AO423" t="s">
        <v>183</v>
      </c>
      <c r="AP423" t="s">
        <v>185</v>
      </c>
      <c r="AQ423" t="s">
        <v>204</v>
      </c>
      <c r="AR423" t="s">
        <v>202</v>
      </c>
      <c r="AS423" t="s">
        <v>203</v>
      </c>
      <c r="AT423" t="s">
        <v>201</v>
      </c>
      <c r="AU423" t="s">
        <v>205</v>
      </c>
      <c r="AV423" t="s">
        <v>182</v>
      </c>
      <c r="AX423" t="s">
        <v>186</v>
      </c>
      <c r="AY423" t="s">
        <v>187</v>
      </c>
      <c r="AZ423" t="s">
        <v>207</v>
      </c>
      <c r="BA423" t="s">
        <v>188</v>
      </c>
      <c r="BF423" t="s">
        <v>189</v>
      </c>
      <c r="BG423" s="1">
        <v>0</v>
      </c>
      <c r="BH423" t="s">
        <v>211</v>
      </c>
      <c r="BK423" t="s">
        <v>191</v>
      </c>
      <c r="BL423" t="s">
        <v>3303</v>
      </c>
      <c r="BM423" t="s">
        <v>191</v>
      </c>
      <c r="BN423" t="s">
        <v>3304</v>
      </c>
      <c r="BO423" t="s">
        <v>191</v>
      </c>
      <c r="BP423" t="s">
        <v>3305</v>
      </c>
    </row>
    <row r="424" spans="1:69" x14ac:dyDescent="0.25">
      <c r="A424" s="1">
        <v>30448922</v>
      </c>
      <c r="B424" t="s">
        <v>408</v>
      </c>
      <c r="C424" t="s">
        <v>39</v>
      </c>
      <c r="D424" t="s">
        <v>174</v>
      </c>
      <c r="E424" t="s">
        <v>175</v>
      </c>
      <c r="L424" t="s">
        <v>52</v>
      </c>
      <c r="M424" s="1">
        <v>0</v>
      </c>
      <c r="N424" s="1">
        <v>0</v>
      </c>
      <c r="O424" t="s">
        <v>174</v>
      </c>
      <c r="P424" t="s">
        <v>216</v>
      </c>
      <c r="Q424" t="s">
        <v>177</v>
      </c>
      <c r="S424" s="1">
        <v>0</v>
      </c>
      <c r="T424" t="s">
        <v>175</v>
      </c>
      <c r="Y424" t="s">
        <v>224</v>
      </c>
      <c r="AC424" t="s">
        <v>180</v>
      </c>
      <c r="AD424" t="s">
        <v>181</v>
      </c>
      <c r="AE424" t="s">
        <v>181</v>
      </c>
      <c r="AF424" t="s">
        <v>230</v>
      </c>
      <c r="AG424" t="s">
        <v>181</v>
      </c>
      <c r="AH424" t="s">
        <v>181</v>
      </c>
      <c r="AI424" t="s">
        <v>230</v>
      </c>
      <c r="AJ424" t="s">
        <v>181</v>
      </c>
      <c r="AK424" t="s">
        <v>230</v>
      </c>
      <c r="AL424" t="s">
        <v>42</v>
      </c>
      <c r="AM424" t="s">
        <v>201</v>
      </c>
      <c r="AN424" t="s">
        <v>185</v>
      </c>
      <c r="AO424" t="s">
        <v>205</v>
      </c>
      <c r="AP424" t="s">
        <v>206</v>
      </c>
      <c r="AQ424" t="s">
        <v>202</v>
      </c>
      <c r="AR424" t="s">
        <v>204</v>
      </c>
      <c r="AS424" t="s">
        <v>203</v>
      </c>
      <c r="AT424" t="s">
        <v>184</v>
      </c>
      <c r="AU424" t="s">
        <v>182</v>
      </c>
      <c r="AV424" t="s">
        <v>183</v>
      </c>
      <c r="BF424" t="s">
        <v>232</v>
      </c>
      <c r="BG424" t="s">
        <v>233</v>
      </c>
      <c r="BH424" t="s">
        <v>211</v>
      </c>
      <c r="BK424" s="1">
        <v>0</v>
      </c>
      <c r="BM424" t="s">
        <v>191</v>
      </c>
      <c r="BO424" t="s">
        <v>191</v>
      </c>
    </row>
    <row r="425" spans="1:69" x14ac:dyDescent="0.25">
      <c r="A425" s="1">
        <v>30448925</v>
      </c>
      <c r="B425" t="s">
        <v>2665</v>
      </c>
      <c r="C425" t="s">
        <v>39</v>
      </c>
      <c r="D425" t="s">
        <v>2512</v>
      </c>
      <c r="E425" t="s">
        <v>195</v>
      </c>
      <c r="L425" t="s">
        <v>52</v>
      </c>
      <c r="M425" s="1">
        <v>0</v>
      </c>
      <c r="N425" s="1">
        <v>0</v>
      </c>
      <c r="O425" t="s">
        <v>2512</v>
      </c>
      <c r="P425" t="s">
        <v>176</v>
      </c>
      <c r="Q425" t="s">
        <v>177</v>
      </c>
      <c r="S425" t="s">
        <v>178</v>
      </c>
      <c r="T425" t="s">
        <v>197</v>
      </c>
      <c r="Y425" t="s">
        <v>224</v>
      </c>
      <c r="AC425" t="s">
        <v>199</v>
      </c>
      <c r="AD425" t="s">
        <v>175</v>
      </c>
      <c r="AE425" t="s">
        <v>175</v>
      </c>
      <c r="AF425" t="s">
        <v>175</v>
      </c>
      <c r="AG425" t="s">
        <v>175</v>
      </c>
      <c r="AH425" t="s">
        <v>175</v>
      </c>
      <c r="AI425" t="s">
        <v>175</v>
      </c>
      <c r="AJ425" t="s">
        <v>175</v>
      </c>
      <c r="AK425" t="s">
        <v>175</v>
      </c>
      <c r="AL425" t="s">
        <v>42</v>
      </c>
      <c r="AM425" t="s">
        <v>182</v>
      </c>
      <c r="AN425" t="s">
        <v>202</v>
      </c>
      <c r="AO425" t="s">
        <v>185</v>
      </c>
      <c r="AP425" t="s">
        <v>184</v>
      </c>
      <c r="AQ425" t="s">
        <v>183</v>
      </c>
      <c r="AR425" t="s">
        <v>201</v>
      </c>
      <c r="AS425" t="s">
        <v>203</v>
      </c>
      <c r="AT425" t="s">
        <v>205</v>
      </c>
      <c r="AU425" t="s">
        <v>204</v>
      </c>
      <c r="AV425" t="s">
        <v>206</v>
      </c>
      <c r="AX425" t="s">
        <v>186</v>
      </c>
      <c r="AY425" t="s">
        <v>187</v>
      </c>
      <c r="AZ425" t="s">
        <v>207</v>
      </c>
      <c r="BA425" t="s">
        <v>188</v>
      </c>
      <c r="BB425" t="s">
        <v>208</v>
      </c>
      <c r="BC425" t="s">
        <v>209</v>
      </c>
      <c r="BF425" t="s">
        <v>292</v>
      </c>
      <c r="BG425" t="s">
        <v>301</v>
      </c>
      <c r="BH425" t="s">
        <v>211</v>
      </c>
      <c r="BK425" t="s">
        <v>191</v>
      </c>
      <c r="BL425" t="s">
        <v>2666</v>
      </c>
      <c r="BM425" t="s">
        <v>191</v>
      </c>
      <c r="BO425" t="s">
        <v>191</v>
      </c>
      <c r="BP425" t="s">
        <v>2667</v>
      </c>
    </row>
    <row r="426" spans="1:69" x14ac:dyDescent="0.25">
      <c r="A426" s="1">
        <v>30448927</v>
      </c>
      <c r="B426" t="s">
        <v>3951</v>
      </c>
      <c r="C426" t="s">
        <v>39</v>
      </c>
      <c r="D426" t="s">
        <v>3727</v>
      </c>
      <c r="E426" t="s">
        <v>175</v>
      </c>
      <c r="L426" t="s">
        <v>52</v>
      </c>
      <c r="M426" s="1">
        <v>0</v>
      </c>
      <c r="N426" s="1">
        <v>0</v>
      </c>
      <c r="O426" t="s">
        <v>3728</v>
      </c>
      <c r="P426" t="s">
        <v>176</v>
      </c>
      <c r="Q426" t="s">
        <v>196</v>
      </c>
      <c r="S426" t="s">
        <v>178</v>
      </c>
      <c r="T426" t="s">
        <v>175</v>
      </c>
      <c r="AA426" t="s">
        <v>273</v>
      </c>
      <c r="AB426" t="s">
        <v>225</v>
      </c>
      <c r="AC426" t="s">
        <v>199</v>
      </c>
      <c r="AD426" t="s">
        <v>181</v>
      </c>
      <c r="AE426" t="s">
        <v>175</v>
      </c>
      <c r="AF426" t="s">
        <v>299</v>
      </c>
      <c r="AG426" t="s">
        <v>230</v>
      </c>
      <c r="AH426" t="s">
        <v>175</v>
      </c>
      <c r="AI426" t="s">
        <v>175</v>
      </c>
      <c r="AJ426" t="s">
        <v>181</v>
      </c>
      <c r="AK426" t="s">
        <v>181</v>
      </c>
      <c r="AL426" t="s">
        <v>42</v>
      </c>
      <c r="AM426" s="1">
        <v>0</v>
      </c>
      <c r="AN426" s="1">
        <v>0</v>
      </c>
      <c r="AO426" s="1">
        <v>0</v>
      </c>
      <c r="AP426" s="1">
        <v>0</v>
      </c>
      <c r="AQ426" s="1">
        <v>0</v>
      </c>
      <c r="AR426" s="1">
        <v>0</v>
      </c>
      <c r="AS426" s="1">
        <v>0</v>
      </c>
      <c r="AT426" s="1">
        <v>0</v>
      </c>
      <c r="AU426" s="1">
        <v>0</v>
      </c>
      <c r="AV426" s="1">
        <v>0</v>
      </c>
      <c r="AX426" t="s">
        <v>186</v>
      </c>
      <c r="BF426" t="s">
        <v>49</v>
      </c>
      <c r="BG426" s="1">
        <v>0</v>
      </c>
      <c r="BH426" t="s">
        <v>211</v>
      </c>
      <c r="BK426" t="s">
        <v>191</v>
      </c>
      <c r="BL426" t="s">
        <v>3952</v>
      </c>
      <c r="BM426" t="s">
        <v>191</v>
      </c>
      <c r="BN426" t="s">
        <v>3953</v>
      </c>
      <c r="BO426" t="s">
        <v>218</v>
      </c>
    </row>
    <row r="427" spans="1:69" x14ac:dyDescent="0.25">
      <c r="A427" s="1">
        <v>30448928</v>
      </c>
      <c r="B427" t="s">
        <v>3954</v>
      </c>
      <c r="C427" t="s">
        <v>39</v>
      </c>
      <c r="D427" t="s">
        <v>3727</v>
      </c>
      <c r="E427" t="s">
        <v>216</v>
      </c>
      <c r="L427" t="s">
        <v>52</v>
      </c>
      <c r="M427" s="1">
        <v>0</v>
      </c>
      <c r="N427" s="1">
        <v>0</v>
      </c>
      <c r="O427" t="s">
        <v>3728</v>
      </c>
      <c r="P427" t="s">
        <v>216</v>
      </c>
      <c r="Q427" t="s">
        <v>322</v>
      </c>
      <c r="S427" s="1">
        <v>0</v>
      </c>
      <c r="T427" t="s">
        <v>197</v>
      </c>
      <c r="X427" t="s">
        <v>179</v>
      </c>
      <c r="AC427" t="s">
        <v>180</v>
      </c>
      <c r="AD427" t="s">
        <v>175</v>
      </c>
      <c r="AE427" t="s">
        <v>175</v>
      </c>
      <c r="AF427" t="s">
        <v>175</v>
      </c>
      <c r="AG427" t="s">
        <v>175</v>
      </c>
      <c r="AH427" t="s">
        <v>175</v>
      </c>
      <c r="AI427" t="s">
        <v>175</v>
      </c>
      <c r="AJ427" t="s">
        <v>175</v>
      </c>
      <c r="AK427" t="s">
        <v>175</v>
      </c>
      <c r="AL427" t="s">
        <v>52</v>
      </c>
      <c r="AM427" t="s">
        <v>201</v>
      </c>
      <c r="AN427" t="s">
        <v>204</v>
      </c>
      <c r="AO427" t="s">
        <v>205</v>
      </c>
      <c r="AP427" t="s">
        <v>183</v>
      </c>
      <c r="AQ427" t="s">
        <v>185</v>
      </c>
      <c r="AR427" t="s">
        <v>184</v>
      </c>
      <c r="AS427" t="s">
        <v>206</v>
      </c>
      <c r="AT427" t="s">
        <v>202</v>
      </c>
      <c r="AU427" t="s">
        <v>203</v>
      </c>
      <c r="AV427" t="s">
        <v>182</v>
      </c>
      <c r="AW427" t="s">
        <v>3955</v>
      </c>
      <c r="AZ427" t="s">
        <v>207</v>
      </c>
      <c r="BC427" t="s">
        <v>209</v>
      </c>
      <c r="BF427" t="s">
        <v>189</v>
      </c>
      <c r="BG427" s="1">
        <v>0</v>
      </c>
      <c r="BH427" t="s">
        <v>211</v>
      </c>
      <c r="BK427" t="s">
        <v>191</v>
      </c>
      <c r="BL427" t="s">
        <v>3956</v>
      </c>
      <c r="BM427" t="s">
        <v>191</v>
      </c>
      <c r="BN427" t="s">
        <v>3957</v>
      </c>
      <c r="BO427" t="s">
        <v>191</v>
      </c>
      <c r="BP427" t="s">
        <v>252</v>
      </c>
    </row>
    <row r="428" spans="1:69" x14ac:dyDescent="0.25">
      <c r="A428" s="1">
        <v>30448930</v>
      </c>
      <c r="B428" t="s">
        <v>1131</v>
      </c>
      <c r="C428" t="s">
        <v>39</v>
      </c>
      <c r="D428" t="s">
        <v>942</v>
      </c>
      <c r="E428" t="s">
        <v>175</v>
      </c>
      <c r="L428" t="s">
        <v>52</v>
      </c>
      <c r="M428" s="1">
        <v>0</v>
      </c>
      <c r="N428" s="1">
        <v>0</v>
      </c>
      <c r="O428" t="s">
        <v>942</v>
      </c>
      <c r="P428" t="s">
        <v>216</v>
      </c>
      <c r="Q428" t="s">
        <v>196</v>
      </c>
      <c r="S428" s="1">
        <v>0</v>
      </c>
      <c r="T428" t="s">
        <v>175</v>
      </c>
      <c r="X428" t="s">
        <v>179</v>
      </c>
      <c r="Y428" t="s">
        <v>224</v>
      </c>
      <c r="Z428" t="s">
        <v>244</v>
      </c>
      <c r="AC428" t="s">
        <v>199</v>
      </c>
      <c r="AD428" t="s">
        <v>175</v>
      </c>
      <c r="AE428" t="s">
        <v>200</v>
      </c>
      <c r="AF428" t="s">
        <v>175</v>
      </c>
      <c r="AG428" t="s">
        <v>175</v>
      </c>
      <c r="AH428" t="s">
        <v>230</v>
      </c>
      <c r="AI428" t="s">
        <v>175</v>
      </c>
      <c r="AJ428" t="s">
        <v>181</v>
      </c>
      <c r="AK428" t="s">
        <v>175</v>
      </c>
      <c r="AL428" t="s">
        <v>52</v>
      </c>
      <c r="AM428" t="s">
        <v>185</v>
      </c>
      <c r="AN428" t="s">
        <v>204</v>
      </c>
      <c r="AO428" t="s">
        <v>184</v>
      </c>
      <c r="AP428" t="s">
        <v>183</v>
      </c>
      <c r="AQ428" t="s">
        <v>202</v>
      </c>
      <c r="AR428" t="s">
        <v>203</v>
      </c>
      <c r="AS428" t="s">
        <v>182</v>
      </c>
      <c r="AT428" t="s">
        <v>206</v>
      </c>
      <c r="AU428" t="s">
        <v>205</v>
      </c>
      <c r="AV428" t="s">
        <v>201</v>
      </c>
      <c r="AY428" t="s">
        <v>187</v>
      </c>
      <c r="AZ428" t="s">
        <v>207</v>
      </c>
      <c r="BA428" t="s">
        <v>188</v>
      </c>
      <c r="BB428" t="s">
        <v>208</v>
      </c>
      <c r="BF428" t="s">
        <v>210</v>
      </c>
      <c r="BG428" s="1">
        <v>0</v>
      </c>
      <c r="BH428" t="s">
        <v>211</v>
      </c>
      <c r="BK428" t="s">
        <v>191</v>
      </c>
      <c r="BL428" t="s">
        <v>1132</v>
      </c>
      <c r="BM428" t="s">
        <v>191</v>
      </c>
      <c r="BN428" t="s">
        <v>1133</v>
      </c>
      <c r="BO428" t="s">
        <v>191</v>
      </c>
      <c r="BP428" t="s">
        <v>1134</v>
      </c>
    </row>
    <row r="429" spans="1:69" x14ac:dyDescent="0.25">
      <c r="A429" s="1">
        <v>30448932</v>
      </c>
      <c r="B429" t="s">
        <v>1135</v>
      </c>
      <c r="C429" t="s">
        <v>39</v>
      </c>
      <c r="D429" t="s">
        <v>942</v>
      </c>
      <c r="E429" t="s">
        <v>175</v>
      </c>
      <c r="L429" t="s">
        <v>52</v>
      </c>
      <c r="M429" s="1">
        <v>0</v>
      </c>
      <c r="N429" s="1">
        <v>0</v>
      </c>
      <c r="O429" t="s">
        <v>942</v>
      </c>
      <c r="P429" t="s">
        <v>176</v>
      </c>
      <c r="Q429" t="s">
        <v>196</v>
      </c>
      <c r="S429" t="s">
        <v>315</v>
      </c>
      <c r="T429" t="s">
        <v>175</v>
      </c>
      <c r="Y429" t="s">
        <v>224</v>
      </c>
      <c r="AC429" t="s">
        <v>180</v>
      </c>
      <c r="AD429" t="s">
        <v>200</v>
      </c>
      <c r="AE429" t="s">
        <v>200</v>
      </c>
      <c r="AF429" t="s">
        <v>200</v>
      </c>
      <c r="AG429" t="s">
        <v>200</v>
      </c>
      <c r="AH429" t="s">
        <v>200</v>
      </c>
      <c r="AI429" t="s">
        <v>200</v>
      </c>
      <c r="AJ429" t="s">
        <v>200</v>
      </c>
      <c r="AK429" t="s">
        <v>200</v>
      </c>
      <c r="AL429" t="s">
        <v>42</v>
      </c>
      <c r="AM429" t="s">
        <v>201</v>
      </c>
      <c r="AN429" t="s">
        <v>184</v>
      </c>
      <c r="AO429" t="s">
        <v>183</v>
      </c>
      <c r="AP429" t="s">
        <v>185</v>
      </c>
      <c r="AQ429" t="s">
        <v>204</v>
      </c>
      <c r="AR429" t="s">
        <v>202</v>
      </c>
      <c r="AS429" t="s">
        <v>203</v>
      </c>
      <c r="AT429" t="s">
        <v>206</v>
      </c>
      <c r="AU429" t="s">
        <v>205</v>
      </c>
      <c r="AV429" t="s">
        <v>182</v>
      </c>
      <c r="AW429" t="s">
        <v>1136</v>
      </c>
      <c r="AX429" t="s">
        <v>186</v>
      </c>
      <c r="AY429" t="s">
        <v>187</v>
      </c>
      <c r="AZ429" t="s">
        <v>207</v>
      </c>
      <c r="BA429" t="s">
        <v>188</v>
      </c>
      <c r="BB429" t="s">
        <v>208</v>
      </c>
      <c r="BF429" t="s">
        <v>292</v>
      </c>
      <c r="BG429" t="s">
        <v>233</v>
      </c>
      <c r="BH429" t="s">
        <v>247</v>
      </c>
      <c r="BK429" s="1">
        <v>0</v>
      </c>
      <c r="BL429" t="s">
        <v>1137</v>
      </c>
      <c r="BM429" t="s">
        <v>191</v>
      </c>
      <c r="BN429" t="s">
        <v>1138</v>
      </c>
      <c r="BO429" t="s">
        <v>191</v>
      </c>
      <c r="BP429" t="s">
        <v>1139</v>
      </c>
      <c r="BQ429" t="s">
        <v>1068</v>
      </c>
    </row>
    <row r="430" spans="1:69" x14ac:dyDescent="0.25">
      <c r="A430" s="1">
        <v>30448933</v>
      </c>
      <c r="B430" t="s">
        <v>1140</v>
      </c>
      <c r="C430" t="s">
        <v>39</v>
      </c>
      <c r="D430" t="s">
        <v>942</v>
      </c>
      <c r="E430" t="s">
        <v>200</v>
      </c>
      <c r="L430" t="s">
        <v>52</v>
      </c>
      <c r="M430" s="1">
        <v>0</v>
      </c>
      <c r="N430" s="1">
        <v>0</v>
      </c>
      <c r="O430" t="s">
        <v>942</v>
      </c>
      <c r="P430" t="s">
        <v>176</v>
      </c>
      <c r="Q430" t="s">
        <v>196</v>
      </c>
      <c r="S430" t="s">
        <v>178</v>
      </c>
      <c r="T430" t="s">
        <v>200</v>
      </c>
      <c r="AC430" t="s">
        <v>199</v>
      </c>
      <c r="AD430" t="s">
        <v>299</v>
      </c>
      <c r="AE430" t="s">
        <v>299</v>
      </c>
      <c r="AF430" t="s">
        <v>299</v>
      </c>
      <c r="AG430" t="s">
        <v>299</v>
      </c>
      <c r="AH430" t="s">
        <v>299</v>
      </c>
      <c r="AI430" t="s">
        <v>299</v>
      </c>
      <c r="AJ430" t="s">
        <v>299</v>
      </c>
      <c r="AK430" t="s">
        <v>299</v>
      </c>
      <c r="AL430" t="s">
        <v>52</v>
      </c>
      <c r="AM430" t="s">
        <v>185</v>
      </c>
      <c r="AN430" t="s">
        <v>201</v>
      </c>
      <c r="AO430" t="s">
        <v>182</v>
      </c>
      <c r="AP430" t="s">
        <v>184</v>
      </c>
      <c r="AQ430" t="s">
        <v>204</v>
      </c>
      <c r="AR430" t="s">
        <v>202</v>
      </c>
      <c r="AS430" t="s">
        <v>205</v>
      </c>
      <c r="AT430" t="s">
        <v>183</v>
      </c>
      <c r="AU430" t="s">
        <v>206</v>
      </c>
      <c r="AV430" t="s">
        <v>203</v>
      </c>
      <c r="AX430" t="s">
        <v>186</v>
      </c>
      <c r="AY430" t="s">
        <v>187</v>
      </c>
      <c r="AZ430" t="s">
        <v>207</v>
      </c>
      <c r="BA430" t="s">
        <v>188</v>
      </c>
      <c r="BB430" t="s">
        <v>208</v>
      </c>
      <c r="BC430" t="s">
        <v>209</v>
      </c>
      <c r="BF430" t="s">
        <v>210</v>
      </c>
      <c r="BG430" s="1">
        <v>0</v>
      </c>
      <c r="BH430" s="1">
        <v>0</v>
      </c>
      <c r="BK430" s="1">
        <v>0</v>
      </c>
      <c r="BM430" s="1">
        <v>0</v>
      </c>
      <c r="BO430" s="1">
        <v>0</v>
      </c>
    </row>
    <row r="431" spans="1:69" x14ac:dyDescent="0.25">
      <c r="A431" s="1">
        <v>30448934</v>
      </c>
      <c r="B431" t="s">
        <v>3306</v>
      </c>
      <c r="C431" t="s">
        <v>39</v>
      </c>
      <c r="D431" t="s">
        <v>3138</v>
      </c>
      <c r="E431" t="s">
        <v>195</v>
      </c>
      <c r="L431" t="s">
        <v>52</v>
      </c>
      <c r="M431" s="1">
        <v>0</v>
      </c>
      <c r="N431" s="1">
        <v>0</v>
      </c>
      <c r="O431" t="s">
        <v>3139</v>
      </c>
      <c r="P431" t="s">
        <v>176</v>
      </c>
      <c r="Q431" t="s">
        <v>177</v>
      </c>
      <c r="S431" t="s">
        <v>349</v>
      </c>
      <c r="T431" t="s">
        <v>197</v>
      </c>
      <c r="AC431" t="s">
        <v>180</v>
      </c>
      <c r="AD431" t="s">
        <v>181</v>
      </c>
      <c r="AE431" t="s">
        <v>181</v>
      </c>
      <c r="AF431" t="s">
        <v>181</v>
      </c>
      <c r="AG431" t="s">
        <v>181</v>
      </c>
      <c r="AH431" t="s">
        <v>181</v>
      </c>
      <c r="AI431" t="s">
        <v>181</v>
      </c>
      <c r="AJ431" t="s">
        <v>181</v>
      </c>
      <c r="AK431" t="s">
        <v>181</v>
      </c>
      <c r="AL431" t="s">
        <v>42</v>
      </c>
      <c r="AM431" t="s">
        <v>185</v>
      </c>
      <c r="AN431" t="s">
        <v>201</v>
      </c>
      <c r="AO431" t="s">
        <v>206</v>
      </c>
      <c r="AP431" t="s">
        <v>184</v>
      </c>
      <c r="AQ431" t="s">
        <v>202</v>
      </c>
      <c r="AR431" t="s">
        <v>203</v>
      </c>
      <c r="AS431" t="s">
        <v>204</v>
      </c>
      <c r="AT431" t="s">
        <v>182</v>
      </c>
      <c r="AU431" t="s">
        <v>183</v>
      </c>
      <c r="AV431" t="s">
        <v>205</v>
      </c>
      <c r="AX431" t="s">
        <v>186</v>
      </c>
      <c r="AY431" t="s">
        <v>187</v>
      </c>
      <c r="AZ431" t="s">
        <v>207</v>
      </c>
      <c r="BB431" t="s">
        <v>208</v>
      </c>
      <c r="BF431" t="s">
        <v>49</v>
      </c>
      <c r="BG431" s="1">
        <v>0</v>
      </c>
      <c r="BH431" t="s">
        <v>211</v>
      </c>
      <c r="BK431" t="s">
        <v>191</v>
      </c>
      <c r="BL431" t="s">
        <v>944</v>
      </c>
      <c r="BM431" t="s">
        <v>191</v>
      </c>
      <c r="BN431" t="s">
        <v>944</v>
      </c>
      <c r="BO431" t="s">
        <v>218</v>
      </c>
      <c r="BP431" t="s">
        <v>944</v>
      </c>
    </row>
    <row r="432" spans="1:69" x14ac:dyDescent="0.25">
      <c r="A432" s="1">
        <v>30448937</v>
      </c>
      <c r="B432" t="s">
        <v>3958</v>
      </c>
      <c r="C432" t="s">
        <v>39</v>
      </c>
      <c r="D432" t="s">
        <v>3727</v>
      </c>
      <c r="E432" t="s">
        <v>195</v>
      </c>
      <c r="L432" t="s">
        <v>52</v>
      </c>
      <c r="M432" s="1">
        <v>0</v>
      </c>
      <c r="N432" s="1">
        <v>0</v>
      </c>
      <c r="O432" t="s">
        <v>3728</v>
      </c>
      <c r="P432" t="s">
        <v>176</v>
      </c>
      <c r="Q432" s="1">
        <v>0</v>
      </c>
      <c r="S432" s="1">
        <v>0</v>
      </c>
      <c r="T432" s="1">
        <v>0</v>
      </c>
      <c r="AC432" s="1">
        <v>0</v>
      </c>
      <c r="AD432" s="1">
        <v>0</v>
      </c>
      <c r="AE432" s="1">
        <v>0</v>
      </c>
      <c r="AF432" s="1">
        <v>0</v>
      </c>
      <c r="AG432" s="1">
        <v>0</v>
      </c>
      <c r="AH432" s="1">
        <v>0</v>
      </c>
      <c r="AI432" s="1">
        <v>0</v>
      </c>
      <c r="AJ432" s="1">
        <v>0</v>
      </c>
      <c r="AK432" s="1">
        <v>0</v>
      </c>
      <c r="AL432" s="1">
        <v>0</v>
      </c>
      <c r="AM432" s="1">
        <v>0</v>
      </c>
      <c r="AN432" s="1">
        <v>0</v>
      </c>
      <c r="AO432" s="1">
        <v>0</v>
      </c>
      <c r="AP432" s="1">
        <v>0</v>
      </c>
      <c r="AQ432" s="1">
        <v>0</v>
      </c>
      <c r="AR432" s="1">
        <v>0</v>
      </c>
      <c r="AS432" s="1">
        <v>0</v>
      </c>
      <c r="AT432" s="1">
        <v>0</v>
      </c>
      <c r="AU432" s="1">
        <v>0</v>
      </c>
      <c r="AV432" s="1">
        <v>0</v>
      </c>
      <c r="BF432" s="1">
        <v>0</v>
      </c>
      <c r="BG432" s="1">
        <v>0</v>
      </c>
      <c r="BH432" s="1">
        <v>0</v>
      </c>
      <c r="BK432" s="1">
        <v>0</v>
      </c>
      <c r="BM432" s="1">
        <v>0</v>
      </c>
      <c r="BO432" s="1">
        <v>0</v>
      </c>
    </row>
    <row r="433" spans="1:69" x14ac:dyDescent="0.25">
      <c r="A433" s="1">
        <v>30448939</v>
      </c>
      <c r="B433" t="s">
        <v>1846</v>
      </c>
      <c r="C433" t="s">
        <v>39</v>
      </c>
      <c r="D433" t="s">
        <v>1616</v>
      </c>
      <c r="E433" t="s">
        <v>175</v>
      </c>
      <c r="L433" t="s">
        <v>52</v>
      </c>
      <c r="M433" s="1">
        <v>0</v>
      </c>
      <c r="N433" s="1">
        <v>0</v>
      </c>
      <c r="O433" t="s">
        <v>1616</v>
      </c>
      <c r="P433" t="s">
        <v>176</v>
      </c>
      <c r="Q433" t="s">
        <v>177</v>
      </c>
      <c r="S433" t="s">
        <v>178</v>
      </c>
      <c r="T433" t="s">
        <v>175</v>
      </c>
      <c r="V433" t="s">
        <v>397</v>
      </c>
      <c r="W433" t="s">
        <v>262</v>
      </c>
      <c r="AC433" t="s">
        <v>180</v>
      </c>
      <c r="AD433" t="s">
        <v>181</v>
      </c>
      <c r="AE433" t="s">
        <v>175</v>
      </c>
      <c r="AF433" t="s">
        <v>175</v>
      </c>
      <c r="AG433" t="s">
        <v>181</v>
      </c>
      <c r="AH433" t="s">
        <v>181</v>
      </c>
      <c r="AI433" t="s">
        <v>175</v>
      </c>
      <c r="AJ433" t="s">
        <v>181</v>
      </c>
      <c r="AK433" t="s">
        <v>175</v>
      </c>
      <c r="AL433" t="s">
        <v>52</v>
      </c>
      <c r="AM433" t="s">
        <v>183</v>
      </c>
      <c r="AN433" t="s">
        <v>204</v>
      </c>
      <c r="AO433" t="s">
        <v>184</v>
      </c>
      <c r="AP433" t="s">
        <v>201</v>
      </c>
      <c r="AQ433" t="s">
        <v>182</v>
      </c>
      <c r="AR433" t="s">
        <v>185</v>
      </c>
      <c r="AS433" t="s">
        <v>206</v>
      </c>
      <c r="AT433" t="s">
        <v>205</v>
      </c>
      <c r="AU433" t="s">
        <v>202</v>
      </c>
      <c r="AV433" t="s">
        <v>203</v>
      </c>
      <c r="AX433" t="s">
        <v>186</v>
      </c>
      <c r="AY433" t="s">
        <v>187</v>
      </c>
      <c r="AZ433" t="s">
        <v>207</v>
      </c>
      <c r="BA433" t="s">
        <v>188</v>
      </c>
      <c r="BB433" t="s">
        <v>208</v>
      </c>
      <c r="BC433" t="s">
        <v>209</v>
      </c>
      <c r="BF433" t="s">
        <v>189</v>
      </c>
      <c r="BG433" s="1">
        <v>0</v>
      </c>
      <c r="BH433" t="s">
        <v>464</v>
      </c>
      <c r="BK433" t="s">
        <v>191</v>
      </c>
      <c r="BL433" t="s">
        <v>1847</v>
      </c>
      <c r="BM433" t="s">
        <v>191</v>
      </c>
      <c r="BN433" t="s">
        <v>1848</v>
      </c>
      <c r="BO433" t="s">
        <v>191</v>
      </c>
      <c r="BP433" t="s">
        <v>1849</v>
      </c>
    </row>
    <row r="434" spans="1:69" x14ac:dyDescent="0.25">
      <c r="A434" s="1">
        <v>30448943</v>
      </c>
      <c r="B434" t="s">
        <v>56</v>
      </c>
      <c r="C434" t="s">
        <v>39</v>
      </c>
      <c r="L434" s="1">
        <v>0</v>
      </c>
      <c r="M434" s="1">
        <v>0</v>
      </c>
      <c r="N434" s="1">
        <v>0</v>
      </c>
      <c r="O434" s="1">
        <v>0</v>
      </c>
      <c r="P434" s="1">
        <v>0</v>
      </c>
      <c r="Q434" s="1">
        <v>0</v>
      </c>
      <c r="S434" s="1">
        <v>0</v>
      </c>
      <c r="T434" s="1">
        <v>0</v>
      </c>
      <c r="AC434" s="1">
        <v>0</v>
      </c>
      <c r="AD434" s="1">
        <v>0</v>
      </c>
      <c r="AE434" s="1">
        <v>0</v>
      </c>
      <c r="AF434" s="1">
        <v>0</v>
      </c>
      <c r="AG434" s="1">
        <v>0</v>
      </c>
      <c r="AH434" s="1">
        <v>0</v>
      </c>
      <c r="AI434" s="1">
        <v>0</v>
      </c>
      <c r="AJ434" s="1">
        <v>0</v>
      </c>
      <c r="AK434" s="1">
        <v>0</v>
      </c>
      <c r="AL434" s="1">
        <v>0</v>
      </c>
      <c r="AM434" s="1">
        <v>0</v>
      </c>
      <c r="AN434" s="1">
        <v>0</v>
      </c>
      <c r="AO434" s="1">
        <v>0</v>
      </c>
      <c r="AP434" s="1">
        <v>0</v>
      </c>
      <c r="AQ434" s="1">
        <v>0</v>
      </c>
      <c r="AR434" s="1">
        <v>0</v>
      </c>
      <c r="AS434" s="1">
        <v>0</v>
      </c>
      <c r="AT434" s="1">
        <v>0</v>
      </c>
      <c r="AU434" s="1">
        <v>0</v>
      </c>
      <c r="AV434" s="1">
        <v>0</v>
      </c>
      <c r="BF434" s="1">
        <v>0</v>
      </c>
      <c r="BG434" s="1">
        <v>0</v>
      </c>
      <c r="BH434" s="1">
        <v>0</v>
      </c>
      <c r="BK434" s="1">
        <v>0</v>
      </c>
      <c r="BM434" s="1">
        <v>0</v>
      </c>
      <c r="BO434" s="1">
        <v>0</v>
      </c>
    </row>
    <row r="435" spans="1:69" x14ac:dyDescent="0.25">
      <c r="A435" s="1">
        <v>30448947</v>
      </c>
      <c r="B435" t="s">
        <v>1141</v>
      </c>
      <c r="C435" t="s">
        <v>39</v>
      </c>
      <c r="D435" t="s">
        <v>942</v>
      </c>
      <c r="E435" t="s">
        <v>200</v>
      </c>
      <c r="L435" t="s">
        <v>52</v>
      </c>
      <c r="M435" s="1">
        <v>0</v>
      </c>
      <c r="N435" s="1">
        <v>0</v>
      </c>
      <c r="O435" t="s">
        <v>942</v>
      </c>
      <c r="P435" t="s">
        <v>176</v>
      </c>
      <c r="Q435" t="s">
        <v>196</v>
      </c>
      <c r="S435" t="s">
        <v>349</v>
      </c>
      <c r="T435" t="s">
        <v>200</v>
      </c>
      <c r="W435" t="s">
        <v>262</v>
      </c>
      <c r="Y435" t="s">
        <v>224</v>
      </c>
      <c r="AC435" t="s">
        <v>180</v>
      </c>
      <c r="AD435" t="s">
        <v>200</v>
      </c>
      <c r="AE435" t="s">
        <v>200</v>
      </c>
      <c r="AF435" t="s">
        <v>175</v>
      </c>
      <c r="AG435" t="s">
        <v>200</v>
      </c>
      <c r="AH435" t="s">
        <v>200</v>
      </c>
      <c r="AI435" t="s">
        <v>200</v>
      </c>
      <c r="AJ435" t="s">
        <v>175</v>
      </c>
      <c r="AK435" t="s">
        <v>200</v>
      </c>
      <c r="AL435" t="s">
        <v>42</v>
      </c>
      <c r="AM435" t="s">
        <v>183</v>
      </c>
      <c r="AN435" t="s">
        <v>185</v>
      </c>
      <c r="AO435" t="s">
        <v>184</v>
      </c>
      <c r="AP435" t="s">
        <v>201</v>
      </c>
      <c r="AQ435" t="s">
        <v>203</v>
      </c>
      <c r="AR435" t="s">
        <v>204</v>
      </c>
      <c r="AS435" t="s">
        <v>202</v>
      </c>
      <c r="AT435" t="s">
        <v>206</v>
      </c>
      <c r="AU435" t="s">
        <v>205</v>
      </c>
      <c r="AV435" t="s">
        <v>182</v>
      </c>
      <c r="AZ435" t="s">
        <v>207</v>
      </c>
      <c r="BC435" t="s">
        <v>209</v>
      </c>
      <c r="BF435" t="s">
        <v>189</v>
      </c>
      <c r="BG435" s="1">
        <v>0</v>
      </c>
      <c r="BH435" t="s">
        <v>247</v>
      </c>
      <c r="BK435" t="s">
        <v>191</v>
      </c>
      <c r="BM435" t="s">
        <v>191</v>
      </c>
      <c r="BN435" t="s">
        <v>1142</v>
      </c>
      <c r="BO435" t="s">
        <v>191</v>
      </c>
      <c r="BP435" t="s">
        <v>624</v>
      </c>
    </row>
    <row r="436" spans="1:69" x14ac:dyDescent="0.25">
      <c r="A436" s="1">
        <v>30448948</v>
      </c>
      <c r="B436" t="s">
        <v>1850</v>
      </c>
      <c r="C436" t="s">
        <v>39</v>
      </c>
      <c r="D436" t="s">
        <v>1616</v>
      </c>
      <c r="E436" t="s">
        <v>175</v>
      </c>
      <c r="L436" t="s">
        <v>52</v>
      </c>
      <c r="M436" s="1">
        <v>0</v>
      </c>
      <c r="N436" s="1">
        <v>0</v>
      </c>
      <c r="O436" t="s">
        <v>1616</v>
      </c>
      <c r="P436" t="s">
        <v>216</v>
      </c>
      <c r="Q436" t="s">
        <v>322</v>
      </c>
      <c r="S436" s="1">
        <v>0</v>
      </c>
      <c r="T436" t="s">
        <v>175</v>
      </c>
      <c r="Y436" t="s">
        <v>224</v>
      </c>
      <c r="AC436" t="s">
        <v>199</v>
      </c>
      <c r="AD436" t="s">
        <v>175</v>
      </c>
      <c r="AE436" t="s">
        <v>175</v>
      </c>
      <c r="AF436" t="s">
        <v>175</v>
      </c>
      <c r="AG436" t="s">
        <v>175</v>
      </c>
      <c r="AH436" t="s">
        <v>175</v>
      </c>
      <c r="AI436" t="s">
        <v>200</v>
      </c>
      <c r="AJ436" t="s">
        <v>200</v>
      </c>
      <c r="AK436" t="s">
        <v>200</v>
      </c>
      <c r="AL436" t="s">
        <v>52</v>
      </c>
      <c r="AM436" t="s">
        <v>184</v>
      </c>
      <c r="AN436" s="1">
        <v>0</v>
      </c>
      <c r="AO436" s="1">
        <v>0</v>
      </c>
      <c r="AP436" s="1">
        <v>0</v>
      </c>
      <c r="AQ436" s="1">
        <v>0</v>
      </c>
      <c r="AR436" s="1">
        <v>0</v>
      </c>
      <c r="AS436" s="1">
        <v>0</v>
      </c>
      <c r="AT436" t="s">
        <v>185</v>
      </c>
      <c r="AU436" t="s">
        <v>182</v>
      </c>
      <c r="AV436" s="1">
        <v>0</v>
      </c>
      <c r="BA436" t="s">
        <v>188</v>
      </c>
      <c r="BF436" t="s">
        <v>49</v>
      </c>
      <c r="BG436" s="1">
        <v>0</v>
      </c>
      <c r="BH436" t="s">
        <v>247</v>
      </c>
      <c r="BK436" t="s">
        <v>191</v>
      </c>
      <c r="BM436" t="s">
        <v>191</v>
      </c>
      <c r="BO436" t="s">
        <v>191</v>
      </c>
    </row>
    <row r="437" spans="1:69" x14ac:dyDescent="0.25">
      <c r="A437" s="1">
        <v>30448949</v>
      </c>
      <c r="B437" t="s">
        <v>3959</v>
      </c>
      <c r="C437" t="s">
        <v>39</v>
      </c>
      <c r="D437" t="s">
        <v>3727</v>
      </c>
      <c r="E437" t="s">
        <v>200</v>
      </c>
      <c r="L437" t="s">
        <v>52</v>
      </c>
      <c r="M437" s="1">
        <v>0</v>
      </c>
      <c r="N437" s="1">
        <v>0</v>
      </c>
      <c r="O437" t="s">
        <v>3728</v>
      </c>
      <c r="P437" t="s">
        <v>216</v>
      </c>
      <c r="Q437" t="s">
        <v>322</v>
      </c>
      <c r="S437" s="1">
        <v>0</v>
      </c>
      <c r="T437" t="s">
        <v>200</v>
      </c>
      <c r="X437" t="s">
        <v>179</v>
      </c>
      <c r="AC437" t="s">
        <v>199</v>
      </c>
      <c r="AD437" t="s">
        <v>200</v>
      </c>
      <c r="AE437" t="s">
        <v>200</v>
      </c>
      <c r="AF437" t="s">
        <v>200</v>
      </c>
      <c r="AG437" t="s">
        <v>200</v>
      </c>
      <c r="AH437" t="s">
        <v>200</v>
      </c>
      <c r="AI437" t="s">
        <v>200</v>
      </c>
      <c r="AJ437" t="s">
        <v>200</v>
      </c>
      <c r="AK437" t="s">
        <v>200</v>
      </c>
      <c r="AL437" t="s">
        <v>52</v>
      </c>
      <c r="AM437" t="s">
        <v>185</v>
      </c>
      <c r="AN437" s="1">
        <v>0</v>
      </c>
      <c r="AO437" s="1">
        <v>0</v>
      </c>
      <c r="AP437" s="1">
        <v>0</v>
      </c>
      <c r="AQ437" s="1">
        <v>0</v>
      </c>
      <c r="AR437" s="1">
        <v>0</v>
      </c>
      <c r="AS437" s="1">
        <v>0</v>
      </c>
      <c r="AT437" s="1">
        <v>0</v>
      </c>
      <c r="AU437" s="1">
        <v>0</v>
      </c>
      <c r="AV437" s="1">
        <v>0</v>
      </c>
      <c r="AY437" t="s">
        <v>187</v>
      </c>
      <c r="BF437" t="s">
        <v>49</v>
      </c>
      <c r="BG437" s="1">
        <v>0</v>
      </c>
      <c r="BH437" t="s">
        <v>464</v>
      </c>
      <c r="BK437" s="1">
        <v>0</v>
      </c>
      <c r="BM437" s="1">
        <v>0</v>
      </c>
      <c r="BO437" s="1">
        <v>0</v>
      </c>
    </row>
    <row r="438" spans="1:69" x14ac:dyDescent="0.25">
      <c r="A438" s="1">
        <v>30448950</v>
      </c>
      <c r="B438" t="s">
        <v>409</v>
      </c>
      <c r="C438" t="s">
        <v>39</v>
      </c>
      <c r="D438" t="s">
        <v>174</v>
      </c>
      <c r="E438" t="s">
        <v>195</v>
      </c>
      <c r="L438" t="s">
        <v>52</v>
      </c>
      <c r="M438" s="1">
        <v>0</v>
      </c>
      <c r="N438" s="1">
        <v>0</v>
      </c>
      <c r="O438" t="s">
        <v>174</v>
      </c>
      <c r="P438" t="s">
        <v>176</v>
      </c>
      <c r="Q438" t="s">
        <v>238</v>
      </c>
      <c r="S438" t="s">
        <v>178</v>
      </c>
      <c r="T438" t="s">
        <v>297</v>
      </c>
      <c r="U438" t="s">
        <v>410</v>
      </c>
      <c r="AA438" t="s">
        <v>273</v>
      </c>
      <c r="AB438" t="s">
        <v>411</v>
      </c>
      <c r="AC438" t="s">
        <v>266</v>
      </c>
      <c r="AD438" t="s">
        <v>299</v>
      </c>
      <c r="AE438" t="s">
        <v>299</v>
      </c>
      <c r="AF438" t="s">
        <v>299</v>
      </c>
      <c r="AG438" t="s">
        <v>181</v>
      </c>
      <c r="AH438" t="s">
        <v>299</v>
      </c>
      <c r="AI438" t="s">
        <v>299</v>
      </c>
      <c r="AJ438" t="s">
        <v>230</v>
      </c>
      <c r="AK438" t="s">
        <v>299</v>
      </c>
      <c r="AL438" t="s">
        <v>42</v>
      </c>
      <c r="AM438" t="s">
        <v>204</v>
      </c>
      <c r="AN438" t="s">
        <v>182</v>
      </c>
      <c r="AO438" t="s">
        <v>206</v>
      </c>
      <c r="AP438" t="s">
        <v>183</v>
      </c>
      <c r="AQ438" t="s">
        <v>184</v>
      </c>
      <c r="AR438" t="s">
        <v>185</v>
      </c>
      <c r="AS438" t="s">
        <v>202</v>
      </c>
      <c r="AT438" t="s">
        <v>205</v>
      </c>
      <c r="AU438" t="s">
        <v>201</v>
      </c>
      <c r="AV438" t="s">
        <v>203</v>
      </c>
      <c r="AX438" t="s">
        <v>186</v>
      </c>
      <c r="BF438" t="s">
        <v>189</v>
      </c>
      <c r="BG438" s="1">
        <v>0</v>
      </c>
      <c r="BH438" t="s">
        <v>412</v>
      </c>
      <c r="BI438" t="s">
        <v>413</v>
      </c>
      <c r="BK438" t="s">
        <v>191</v>
      </c>
      <c r="BL438" t="s">
        <v>414</v>
      </c>
      <c r="BM438" t="s">
        <v>191</v>
      </c>
      <c r="BO438" t="s">
        <v>191</v>
      </c>
      <c r="BP438" t="s">
        <v>415</v>
      </c>
      <c r="BQ438" t="s">
        <v>416</v>
      </c>
    </row>
    <row r="439" spans="1:69" x14ac:dyDescent="0.25">
      <c r="A439" s="1">
        <v>30448951</v>
      </c>
      <c r="B439" t="s">
        <v>409</v>
      </c>
      <c r="C439" t="s">
        <v>39</v>
      </c>
      <c r="D439" t="s">
        <v>2512</v>
      </c>
      <c r="E439" t="s">
        <v>216</v>
      </c>
      <c r="L439" t="s">
        <v>52</v>
      </c>
      <c r="M439" s="1">
        <v>0</v>
      </c>
      <c r="N439" s="1">
        <v>0</v>
      </c>
      <c r="O439" t="s">
        <v>2512</v>
      </c>
      <c r="P439" t="s">
        <v>216</v>
      </c>
      <c r="Q439" t="s">
        <v>238</v>
      </c>
      <c r="S439" s="1">
        <v>0</v>
      </c>
      <c r="T439" t="s">
        <v>297</v>
      </c>
      <c r="U439" t="s">
        <v>2668</v>
      </c>
      <c r="X439" t="s">
        <v>179</v>
      </c>
      <c r="AA439" t="s">
        <v>273</v>
      </c>
      <c r="AB439" t="s">
        <v>2669</v>
      </c>
      <c r="AC439" t="s">
        <v>266</v>
      </c>
      <c r="AD439" t="s">
        <v>230</v>
      </c>
      <c r="AE439" t="s">
        <v>230</v>
      </c>
      <c r="AF439" t="s">
        <v>299</v>
      </c>
      <c r="AG439" t="s">
        <v>230</v>
      </c>
      <c r="AH439" t="s">
        <v>181</v>
      </c>
      <c r="AI439" t="s">
        <v>230</v>
      </c>
      <c r="AJ439" t="s">
        <v>181</v>
      </c>
      <c r="AK439" t="s">
        <v>230</v>
      </c>
      <c r="AL439" t="s">
        <v>52</v>
      </c>
      <c r="AM439" t="s">
        <v>182</v>
      </c>
      <c r="AN439" t="s">
        <v>204</v>
      </c>
      <c r="AO439" t="s">
        <v>206</v>
      </c>
      <c r="AP439" t="s">
        <v>185</v>
      </c>
      <c r="AQ439" t="s">
        <v>183</v>
      </c>
      <c r="AR439" t="s">
        <v>201</v>
      </c>
      <c r="AS439" t="s">
        <v>184</v>
      </c>
      <c r="AT439" t="s">
        <v>202</v>
      </c>
      <c r="AU439" t="s">
        <v>203</v>
      </c>
      <c r="AV439" t="s">
        <v>205</v>
      </c>
      <c r="AW439" t="s">
        <v>2670</v>
      </c>
      <c r="BB439" t="s">
        <v>208</v>
      </c>
      <c r="BF439" t="s">
        <v>49</v>
      </c>
      <c r="BG439" s="1">
        <v>0</v>
      </c>
      <c r="BH439" t="s">
        <v>302</v>
      </c>
      <c r="BI439" t="s">
        <v>2671</v>
      </c>
      <c r="BK439" s="1">
        <v>0</v>
      </c>
      <c r="BM439" t="s">
        <v>191</v>
      </c>
      <c r="BO439" s="1">
        <v>0</v>
      </c>
      <c r="BQ439" t="s">
        <v>2672</v>
      </c>
    </row>
    <row r="440" spans="1:69" x14ac:dyDescent="0.25">
      <c r="A440" s="1">
        <v>30448952</v>
      </c>
      <c r="B440" t="s">
        <v>1143</v>
      </c>
      <c r="C440" t="s">
        <v>39</v>
      </c>
      <c r="D440" t="s">
        <v>942</v>
      </c>
      <c r="E440" t="s">
        <v>200</v>
      </c>
      <c r="L440" t="s">
        <v>52</v>
      </c>
      <c r="M440" s="1">
        <v>0</v>
      </c>
      <c r="N440" s="1">
        <v>0</v>
      </c>
      <c r="O440" t="s">
        <v>942</v>
      </c>
      <c r="P440" t="s">
        <v>176</v>
      </c>
      <c r="Q440" t="s">
        <v>258</v>
      </c>
      <c r="S440" t="s">
        <v>349</v>
      </c>
      <c r="T440" t="s">
        <v>200</v>
      </c>
      <c r="Z440" t="s">
        <v>244</v>
      </c>
      <c r="AC440" t="s">
        <v>180</v>
      </c>
      <c r="AD440" t="s">
        <v>175</v>
      </c>
      <c r="AE440" t="s">
        <v>175</v>
      </c>
      <c r="AF440" t="s">
        <v>175</v>
      </c>
      <c r="AG440" t="s">
        <v>175</v>
      </c>
      <c r="AH440" t="s">
        <v>200</v>
      </c>
      <c r="AI440" t="s">
        <v>175</v>
      </c>
      <c r="AJ440" t="s">
        <v>175</v>
      </c>
      <c r="AK440" t="s">
        <v>175</v>
      </c>
      <c r="AL440" t="s">
        <v>52</v>
      </c>
      <c r="AM440" t="s">
        <v>182</v>
      </c>
      <c r="AN440" t="s">
        <v>201</v>
      </c>
      <c r="AO440" t="s">
        <v>206</v>
      </c>
      <c r="AP440" t="s">
        <v>184</v>
      </c>
      <c r="AQ440" t="s">
        <v>202</v>
      </c>
      <c r="AR440" t="s">
        <v>203</v>
      </c>
      <c r="AS440" t="s">
        <v>185</v>
      </c>
      <c r="AT440" t="s">
        <v>183</v>
      </c>
      <c r="AU440" t="s">
        <v>205</v>
      </c>
      <c r="AV440" t="s">
        <v>204</v>
      </c>
      <c r="AZ440" t="s">
        <v>207</v>
      </c>
      <c r="BF440" t="s">
        <v>49</v>
      </c>
      <c r="BG440" s="1">
        <v>0</v>
      </c>
      <c r="BH440" t="s">
        <v>247</v>
      </c>
      <c r="BK440" t="s">
        <v>191</v>
      </c>
      <c r="BM440" t="s">
        <v>191</v>
      </c>
      <c r="BO440" t="s">
        <v>191</v>
      </c>
    </row>
    <row r="441" spans="1:69" x14ac:dyDescent="0.25">
      <c r="A441" s="1">
        <v>30448954</v>
      </c>
      <c r="B441" t="s">
        <v>2673</v>
      </c>
      <c r="C441" t="s">
        <v>39</v>
      </c>
      <c r="D441" t="s">
        <v>2512</v>
      </c>
      <c r="E441" t="s">
        <v>175</v>
      </c>
      <c r="L441" t="s">
        <v>52</v>
      </c>
      <c r="M441" s="1">
        <v>0</v>
      </c>
      <c r="N441" s="1">
        <v>0</v>
      </c>
      <c r="O441" t="s">
        <v>2512</v>
      </c>
      <c r="P441" t="s">
        <v>216</v>
      </c>
      <c r="Q441" t="s">
        <v>177</v>
      </c>
      <c r="S441" s="1">
        <v>0</v>
      </c>
      <c r="T441" t="s">
        <v>175</v>
      </c>
      <c r="Y441" t="s">
        <v>224</v>
      </c>
      <c r="AC441" t="s">
        <v>180</v>
      </c>
      <c r="AD441" t="s">
        <v>175</v>
      </c>
      <c r="AE441" t="s">
        <v>175</v>
      </c>
      <c r="AF441" t="s">
        <v>200</v>
      </c>
      <c r="AG441" t="s">
        <v>200</v>
      </c>
      <c r="AH441" t="s">
        <v>200</v>
      </c>
      <c r="AI441" t="s">
        <v>175</v>
      </c>
      <c r="AJ441" t="s">
        <v>175</v>
      </c>
      <c r="AK441" t="s">
        <v>175</v>
      </c>
      <c r="AL441" t="s">
        <v>42</v>
      </c>
      <c r="AM441" t="s">
        <v>201</v>
      </c>
      <c r="AN441" t="s">
        <v>203</v>
      </c>
      <c r="AO441" t="s">
        <v>185</v>
      </c>
      <c r="AP441" t="s">
        <v>206</v>
      </c>
      <c r="AQ441" t="s">
        <v>184</v>
      </c>
      <c r="AR441" t="s">
        <v>205</v>
      </c>
      <c r="AS441" t="s">
        <v>202</v>
      </c>
      <c r="AT441" t="s">
        <v>182</v>
      </c>
      <c r="AU441" t="s">
        <v>183</v>
      </c>
      <c r="AV441" t="s">
        <v>204</v>
      </c>
      <c r="AY441" t="s">
        <v>187</v>
      </c>
      <c r="AZ441" t="s">
        <v>207</v>
      </c>
      <c r="BA441" t="s">
        <v>188</v>
      </c>
      <c r="BC441" t="s">
        <v>209</v>
      </c>
      <c r="BF441" t="s">
        <v>49</v>
      </c>
      <c r="BG441" s="1">
        <v>0</v>
      </c>
      <c r="BH441" t="s">
        <v>247</v>
      </c>
      <c r="BK441" t="s">
        <v>191</v>
      </c>
      <c r="BL441" t="s">
        <v>2674</v>
      </c>
      <c r="BM441" t="s">
        <v>191</v>
      </c>
      <c r="BN441" t="s">
        <v>2675</v>
      </c>
      <c r="BO441" t="s">
        <v>191</v>
      </c>
      <c r="BP441" t="s">
        <v>2676</v>
      </c>
      <c r="BQ441" t="s">
        <v>2677</v>
      </c>
    </row>
    <row r="442" spans="1:69" x14ac:dyDescent="0.25">
      <c r="A442" s="1">
        <v>30448956</v>
      </c>
      <c r="B442" t="s">
        <v>3307</v>
      </c>
      <c r="C442" t="s">
        <v>39</v>
      </c>
      <c r="D442" t="s">
        <v>3138</v>
      </c>
      <c r="E442" t="s">
        <v>175</v>
      </c>
      <c r="L442" t="s">
        <v>52</v>
      </c>
      <c r="M442" s="1">
        <v>0</v>
      </c>
      <c r="N442" s="1">
        <v>0</v>
      </c>
      <c r="O442" t="s">
        <v>3139</v>
      </c>
      <c r="P442" t="s">
        <v>176</v>
      </c>
      <c r="Q442" t="s">
        <v>196</v>
      </c>
      <c r="S442" t="s">
        <v>349</v>
      </c>
      <c r="T442" t="s">
        <v>175</v>
      </c>
      <c r="Y442" t="s">
        <v>224</v>
      </c>
      <c r="AC442" t="s">
        <v>180</v>
      </c>
      <c r="AD442" t="s">
        <v>181</v>
      </c>
      <c r="AE442" t="s">
        <v>181</v>
      </c>
      <c r="AF442" t="s">
        <v>181</v>
      </c>
      <c r="AG442" t="s">
        <v>181</v>
      </c>
      <c r="AH442" t="s">
        <v>181</v>
      </c>
      <c r="AI442" t="s">
        <v>181</v>
      </c>
      <c r="AJ442" t="s">
        <v>230</v>
      </c>
      <c r="AK442" t="s">
        <v>181</v>
      </c>
      <c r="AL442" t="s">
        <v>49</v>
      </c>
      <c r="AM442" t="s">
        <v>184</v>
      </c>
      <c r="AN442" t="s">
        <v>185</v>
      </c>
      <c r="AO442" t="s">
        <v>203</v>
      </c>
      <c r="AP442" t="s">
        <v>202</v>
      </c>
      <c r="AQ442" t="s">
        <v>183</v>
      </c>
      <c r="AR442" t="s">
        <v>182</v>
      </c>
      <c r="AS442" t="s">
        <v>201</v>
      </c>
      <c r="AT442" t="s">
        <v>204</v>
      </c>
      <c r="AU442" t="s">
        <v>205</v>
      </c>
      <c r="AV442" t="s">
        <v>206</v>
      </c>
      <c r="AX442" t="s">
        <v>186</v>
      </c>
      <c r="BF442" t="s">
        <v>49</v>
      </c>
      <c r="BG442" s="1">
        <v>0</v>
      </c>
      <c r="BH442" t="s">
        <v>211</v>
      </c>
      <c r="BK442" t="s">
        <v>191</v>
      </c>
      <c r="BM442" t="s">
        <v>218</v>
      </c>
      <c r="BO442" t="s">
        <v>218</v>
      </c>
      <c r="BP442" t="s">
        <v>3308</v>
      </c>
    </row>
    <row r="443" spans="1:69" x14ac:dyDescent="0.25">
      <c r="A443" s="1">
        <v>30448960</v>
      </c>
      <c r="B443" t="s">
        <v>3960</v>
      </c>
      <c r="C443" t="s">
        <v>39</v>
      </c>
      <c r="D443" t="s">
        <v>3727</v>
      </c>
      <c r="E443" t="s">
        <v>195</v>
      </c>
      <c r="L443" t="s">
        <v>52</v>
      </c>
      <c r="M443" s="1">
        <v>0</v>
      </c>
      <c r="N443" s="1">
        <v>0</v>
      </c>
      <c r="O443" t="s">
        <v>3728</v>
      </c>
      <c r="P443" t="s">
        <v>176</v>
      </c>
      <c r="Q443" t="s">
        <v>238</v>
      </c>
      <c r="S443" t="s">
        <v>178</v>
      </c>
      <c r="T443" t="s">
        <v>197</v>
      </c>
      <c r="AC443" s="1">
        <v>0</v>
      </c>
      <c r="AD443" s="1">
        <v>0</v>
      </c>
      <c r="AE443" s="1">
        <v>0</v>
      </c>
      <c r="AF443" s="1">
        <v>0</v>
      </c>
      <c r="AG443" s="1">
        <v>0</v>
      </c>
      <c r="AH443" s="1">
        <v>0</v>
      </c>
      <c r="AI443" s="1">
        <v>0</v>
      </c>
      <c r="AJ443" s="1">
        <v>0</v>
      </c>
      <c r="AK443" s="1">
        <v>0</v>
      </c>
      <c r="AL443" s="1">
        <v>0</v>
      </c>
      <c r="AM443" s="1">
        <v>0</v>
      </c>
      <c r="AN443" s="1">
        <v>0</v>
      </c>
      <c r="AO443" s="1">
        <v>0</v>
      </c>
      <c r="AP443" s="1">
        <v>0</v>
      </c>
      <c r="AQ443" s="1">
        <v>0</v>
      </c>
      <c r="AR443" s="1">
        <v>0</v>
      </c>
      <c r="AS443" s="1">
        <v>0</v>
      </c>
      <c r="AT443" s="1">
        <v>0</v>
      </c>
      <c r="AU443" s="1">
        <v>0</v>
      </c>
      <c r="AV443" s="1">
        <v>0</v>
      </c>
      <c r="BF443" s="1">
        <v>0</v>
      </c>
      <c r="BG443" s="1">
        <v>0</v>
      </c>
      <c r="BH443" s="1">
        <v>0</v>
      </c>
      <c r="BK443" s="1">
        <v>0</v>
      </c>
      <c r="BM443" s="1">
        <v>0</v>
      </c>
      <c r="BO443" s="1">
        <v>0</v>
      </c>
    </row>
    <row r="444" spans="1:69" x14ac:dyDescent="0.25">
      <c r="A444" s="1">
        <v>30448961</v>
      </c>
      <c r="B444" t="s">
        <v>2678</v>
      </c>
      <c r="C444" t="s">
        <v>39</v>
      </c>
      <c r="D444" t="s">
        <v>2512</v>
      </c>
      <c r="E444" t="s">
        <v>195</v>
      </c>
      <c r="L444" t="s">
        <v>52</v>
      </c>
      <c r="M444" s="1">
        <v>0</v>
      </c>
      <c r="N444" s="1">
        <v>0</v>
      </c>
      <c r="O444" t="s">
        <v>2512</v>
      </c>
      <c r="P444" t="s">
        <v>176</v>
      </c>
      <c r="Q444" t="s">
        <v>238</v>
      </c>
      <c r="S444" t="s">
        <v>178</v>
      </c>
      <c r="T444" t="s">
        <v>299</v>
      </c>
      <c r="U444" t="s">
        <v>2679</v>
      </c>
      <c r="Y444" t="s">
        <v>224</v>
      </c>
      <c r="AA444" t="s">
        <v>273</v>
      </c>
      <c r="AB444" t="s">
        <v>2680</v>
      </c>
      <c r="AC444" t="s">
        <v>199</v>
      </c>
      <c r="AD444" t="s">
        <v>299</v>
      </c>
      <c r="AE444" t="s">
        <v>299</v>
      </c>
      <c r="AF444" t="s">
        <v>299</v>
      </c>
      <c r="AG444" t="s">
        <v>299</v>
      </c>
      <c r="AH444" t="s">
        <v>200</v>
      </c>
      <c r="AI444" t="s">
        <v>200</v>
      </c>
      <c r="AJ444" t="s">
        <v>200</v>
      </c>
      <c r="AK444" t="s">
        <v>299</v>
      </c>
      <c r="AL444" t="s">
        <v>42</v>
      </c>
      <c r="AM444" t="s">
        <v>202</v>
      </c>
      <c r="AN444" t="s">
        <v>201</v>
      </c>
      <c r="AO444" t="s">
        <v>184</v>
      </c>
      <c r="AP444" t="s">
        <v>204</v>
      </c>
      <c r="AQ444" t="s">
        <v>185</v>
      </c>
      <c r="AR444" t="s">
        <v>182</v>
      </c>
      <c r="AS444" t="s">
        <v>203</v>
      </c>
      <c r="AT444" t="s">
        <v>206</v>
      </c>
      <c r="AU444" t="s">
        <v>205</v>
      </c>
      <c r="AV444" t="s">
        <v>183</v>
      </c>
      <c r="AX444" t="s">
        <v>186</v>
      </c>
      <c r="BF444" t="s">
        <v>292</v>
      </c>
      <c r="BG444" t="s">
        <v>301</v>
      </c>
      <c r="BH444" t="s">
        <v>412</v>
      </c>
      <c r="BI444" t="s">
        <v>2681</v>
      </c>
      <c r="BK444" t="s">
        <v>191</v>
      </c>
      <c r="BL444" t="s">
        <v>2682</v>
      </c>
      <c r="BM444" t="s">
        <v>218</v>
      </c>
      <c r="BN444" t="s">
        <v>2683</v>
      </c>
      <c r="BO444" t="s">
        <v>191</v>
      </c>
      <c r="BP444" t="s">
        <v>2684</v>
      </c>
    </row>
    <row r="445" spans="1:69" x14ac:dyDescent="0.25">
      <c r="A445" s="1">
        <v>30448968</v>
      </c>
      <c r="B445" t="s">
        <v>2685</v>
      </c>
      <c r="C445" t="s">
        <v>39</v>
      </c>
      <c r="D445" t="s">
        <v>2512</v>
      </c>
      <c r="E445" t="s">
        <v>200</v>
      </c>
      <c r="L445" t="s">
        <v>52</v>
      </c>
      <c r="M445" s="1">
        <v>0</v>
      </c>
      <c r="N445" s="1">
        <v>0</v>
      </c>
      <c r="O445" t="s">
        <v>2512</v>
      </c>
      <c r="P445" t="s">
        <v>176</v>
      </c>
      <c r="Q445" t="s">
        <v>238</v>
      </c>
      <c r="S445" t="s">
        <v>256</v>
      </c>
      <c r="T445" t="s">
        <v>200</v>
      </c>
      <c r="AC445" t="s">
        <v>225</v>
      </c>
      <c r="AD445" s="1">
        <v>0</v>
      </c>
      <c r="AE445" s="1">
        <v>0</v>
      </c>
      <c r="AF445" s="1">
        <v>0</v>
      </c>
      <c r="AG445" s="1">
        <v>0</v>
      </c>
      <c r="AH445" s="1">
        <v>0</v>
      </c>
      <c r="AI445" s="1">
        <v>0</v>
      </c>
      <c r="AJ445" s="1">
        <v>0</v>
      </c>
      <c r="AK445" s="1">
        <v>0</v>
      </c>
      <c r="AL445" s="1">
        <v>0</v>
      </c>
      <c r="AM445" s="1">
        <v>0</v>
      </c>
      <c r="AN445" s="1">
        <v>0</v>
      </c>
      <c r="AO445" s="1">
        <v>0</v>
      </c>
      <c r="AP445" s="1">
        <v>0</v>
      </c>
      <c r="AQ445" s="1">
        <v>0</v>
      </c>
      <c r="AR445" s="1">
        <v>0</v>
      </c>
      <c r="AS445" s="1">
        <v>0</v>
      </c>
      <c r="AT445" s="1">
        <v>0</v>
      </c>
      <c r="AU445" s="1">
        <v>0</v>
      </c>
      <c r="AV445" s="1">
        <v>0</v>
      </c>
      <c r="BF445" s="1">
        <v>0</v>
      </c>
      <c r="BG445" s="1">
        <v>0</v>
      </c>
      <c r="BH445" s="1">
        <v>0</v>
      </c>
      <c r="BK445" s="1">
        <v>0</v>
      </c>
      <c r="BM445" s="1">
        <v>0</v>
      </c>
      <c r="BO445" s="1">
        <v>0</v>
      </c>
    </row>
    <row r="446" spans="1:69" x14ac:dyDescent="0.25">
      <c r="A446" s="1">
        <v>30448969</v>
      </c>
      <c r="B446" t="s">
        <v>1144</v>
      </c>
      <c r="C446" t="s">
        <v>39</v>
      </c>
      <c r="D446" t="s">
        <v>942</v>
      </c>
      <c r="E446" t="s">
        <v>200</v>
      </c>
      <c r="L446" t="s">
        <v>52</v>
      </c>
      <c r="M446" s="1">
        <v>0</v>
      </c>
      <c r="N446" s="1">
        <v>0</v>
      </c>
      <c r="O446" t="s">
        <v>942</v>
      </c>
      <c r="P446" t="s">
        <v>216</v>
      </c>
      <c r="Q446" t="s">
        <v>328</v>
      </c>
      <c r="S446" s="1">
        <v>0</v>
      </c>
      <c r="T446" t="s">
        <v>200</v>
      </c>
      <c r="W446" t="s">
        <v>262</v>
      </c>
      <c r="AC446" t="s">
        <v>266</v>
      </c>
      <c r="AD446" t="s">
        <v>175</v>
      </c>
      <c r="AE446" t="s">
        <v>175</v>
      </c>
      <c r="AF446" t="s">
        <v>175</v>
      </c>
      <c r="AG446" s="1">
        <v>0</v>
      </c>
      <c r="AH446" t="s">
        <v>200</v>
      </c>
      <c r="AI446" t="s">
        <v>200</v>
      </c>
      <c r="AJ446" t="s">
        <v>175</v>
      </c>
      <c r="AK446" t="s">
        <v>175</v>
      </c>
      <c r="AL446" t="s">
        <v>42</v>
      </c>
      <c r="AM446" s="1">
        <v>0</v>
      </c>
      <c r="AN446" s="1">
        <v>0</v>
      </c>
      <c r="AO446" s="1">
        <v>0</v>
      </c>
      <c r="AP446" s="1">
        <v>0</v>
      </c>
      <c r="AQ446" s="1">
        <v>0</v>
      </c>
      <c r="AR446" s="1">
        <v>0</v>
      </c>
      <c r="AS446" s="1">
        <v>0</v>
      </c>
      <c r="AT446" s="1">
        <v>0</v>
      </c>
      <c r="AU446" s="1">
        <v>0</v>
      </c>
      <c r="AV446" s="1">
        <v>0</v>
      </c>
      <c r="BF446" s="1">
        <v>0</v>
      </c>
      <c r="BG446" s="1">
        <v>0</v>
      </c>
      <c r="BH446" s="1">
        <v>0</v>
      </c>
      <c r="BK446" s="1">
        <v>0</v>
      </c>
      <c r="BM446" s="1">
        <v>0</v>
      </c>
      <c r="BO446" s="1">
        <v>0</v>
      </c>
    </row>
    <row r="447" spans="1:69" x14ac:dyDescent="0.25">
      <c r="A447" s="1">
        <v>30448970</v>
      </c>
      <c r="B447" t="s">
        <v>1851</v>
      </c>
      <c r="C447" t="s">
        <v>39</v>
      </c>
      <c r="D447" t="s">
        <v>1616</v>
      </c>
      <c r="E447" t="s">
        <v>175</v>
      </c>
      <c r="L447" t="s">
        <v>52</v>
      </c>
      <c r="M447" s="1">
        <v>0</v>
      </c>
      <c r="N447" s="1">
        <v>0</v>
      </c>
      <c r="O447" t="s">
        <v>1616</v>
      </c>
      <c r="P447" t="s">
        <v>176</v>
      </c>
      <c r="Q447" t="s">
        <v>238</v>
      </c>
      <c r="S447" t="s">
        <v>178</v>
      </c>
      <c r="T447" t="s">
        <v>175</v>
      </c>
      <c r="Y447" t="s">
        <v>224</v>
      </c>
      <c r="AC447" t="s">
        <v>180</v>
      </c>
      <c r="AD447" t="s">
        <v>175</v>
      </c>
      <c r="AE447" t="s">
        <v>175</v>
      </c>
      <c r="AF447" t="s">
        <v>175</v>
      </c>
      <c r="AG447" t="s">
        <v>200</v>
      </c>
      <c r="AH447" t="s">
        <v>175</v>
      </c>
      <c r="AI447" t="s">
        <v>175</v>
      </c>
      <c r="AJ447" t="s">
        <v>175</v>
      </c>
      <c r="AK447" t="s">
        <v>181</v>
      </c>
      <c r="AL447" t="s">
        <v>42</v>
      </c>
      <c r="AM447" t="s">
        <v>182</v>
      </c>
      <c r="AN447" t="s">
        <v>184</v>
      </c>
      <c r="AO447" t="s">
        <v>183</v>
      </c>
      <c r="AP447" t="s">
        <v>185</v>
      </c>
      <c r="AQ447" t="s">
        <v>202</v>
      </c>
      <c r="AR447" t="s">
        <v>203</v>
      </c>
      <c r="AS447" t="s">
        <v>204</v>
      </c>
      <c r="AT447" t="s">
        <v>201</v>
      </c>
      <c r="AU447" t="s">
        <v>206</v>
      </c>
      <c r="AV447" t="s">
        <v>205</v>
      </c>
      <c r="AX447" t="s">
        <v>186</v>
      </c>
      <c r="AY447" t="s">
        <v>187</v>
      </c>
      <c r="AZ447" t="s">
        <v>207</v>
      </c>
      <c r="BA447" t="s">
        <v>188</v>
      </c>
      <c r="BB447" t="s">
        <v>208</v>
      </c>
      <c r="BF447" t="s">
        <v>210</v>
      </c>
      <c r="BG447" s="1">
        <v>0</v>
      </c>
      <c r="BH447" t="s">
        <v>190</v>
      </c>
      <c r="BK447" t="s">
        <v>191</v>
      </c>
      <c r="BM447" t="s">
        <v>191</v>
      </c>
      <c r="BO447" t="s">
        <v>191</v>
      </c>
    </row>
    <row r="448" spans="1:69" x14ac:dyDescent="0.25">
      <c r="A448" s="1">
        <v>30448971</v>
      </c>
      <c r="B448" t="s">
        <v>1145</v>
      </c>
      <c r="C448" t="s">
        <v>39</v>
      </c>
      <c r="D448" t="s">
        <v>942</v>
      </c>
      <c r="E448" t="s">
        <v>175</v>
      </c>
      <c r="L448" t="s">
        <v>52</v>
      </c>
      <c r="M448" s="1">
        <v>0</v>
      </c>
      <c r="N448" s="1">
        <v>0</v>
      </c>
      <c r="O448" t="s">
        <v>942</v>
      </c>
      <c r="P448" t="s">
        <v>176</v>
      </c>
      <c r="Q448" t="s">
        <v>238</v>
      </c>
      <c r="S448" t="s">
        <v>178</v>
      </c>
      <c r="T448" t="s">
        <v>175</v>
      </c>
      <c r="W448" t="s">
        <v>262</v>
      </c>
      <c r="X448" t="s">
        <v>179</v>
      </c>
      <c r="AC448" t="s">
        <v>266</v>
      </c>
      <c r="AD448" t="s">
        <v>175</v>
      </c>
      <c r="AE448" t="s">
        <v>175</v>
      </c>
      <c r="AF448" t="s">
        <v>175</v>
      </c>
      <c r="AG448" t="s">
        <v>175</v>
      </c>
      <c r="AH448" t="s">
        <v>175</v>
      </c>
      <c r="AI448" t="s">
        <v>175</v>
      </c>
      <c r="AJ448" s="1">
        <v>0</v>
      </c>
      <c r="AK448" t="s">
        <v>175</v>
      </c>
      <c r="AL448" t="s">
        <v>42</v>
      </c>
      <c r="AM448" t="s">
        <v>184</v>
      </c>
      <c r="AN448" t="s">
        <v>203</v>
      </c>
      <c r="AO448" t="s">
        <v>185</v>
      </c>
      <c r="AP448" t="s">
        <v>182</v>
      </c>
      <c r="AQ448" t="s">
        <v>201</v>
      </c>
      <c r="AR448" t="s">
        <v>183</v>
      </c>
      <c r="AS448" t="s">
        <v>202</v>
      </c>
      <c r="AT448" t="s">
        <v>205</v>
      </c>
      <c r="AU448" t="s">
        <v>204</v>
      </c>
      <c r="AV448" t="s">
        <v>206</v>
      </c>
      <c r="AY448" t="s">
        <v>187</v>
      </c>
      <c r="BA448" t="s">
        <v>188</v>
      </c>
      <c r="BC448" t="s">
        <v>209</v>
      </c>
      <c r="BF448" t="s">
        <v>49</v>
      </c>
      <c r="BG448" s="1">
        <v>0</v>
      </c>
      <c r="BH448" t="s">
        <v>247</v>
      </c>
      <c r="BK448" t="s">
        <v>191</v>
      </c>
      <c r="BM448" t="s">
        <v>191</v>
      </c>
      <c r="BO448" t="s">
        <v>218</v>
      </c>
    </row>
    <row r="449" spans="1:69" x14ac:dyDescent="0.25">
      <c r="A449" s="1">
        <v>30448972</v>
      </c>
      <c r="B449" t="s">
        <v>3309</v>
      </c>
      <c r="C449" t="s">
        <v>39</v>
      </c>
      <c r="D449" t="s">
        <v>3138</v>
      </c>
      <c r="E449" t="s">
        <v>175</v>
      </c>
      <c r="L449" t="s">
        <v>52</v>
      </c>
      <c r="M449" s="1">
        <v>0</v>
      </c>
      <c r="N449" s="1">
        <v>0</v>
      </c>
      <c r="O449" t="s">
        <v>3139</v>
      </c>
      <c r="P449" t="s">
        <v>216</v>
      </c>
      <c r="Q449" t="s">
        <v>322</v>
      </c>
      <c r="S449" s="1">
        <v>0</v>
      </c>
      <c r="T449" t="s">
        <v>175</v>
      </c>
      <c r="Y449" t="s">
        <v>224</v>
      </c>
      <c r="AC449" t="s">
        <v>49</v>
      </c>
      <c r="AD449" t="s">
        <v>175</v>
      </c>
      <c r="AE449" t="s">
        <v>181</v>
      </c>
      <c r="AF449" t="s">
        <v>181</v>
      </c>
      <c r="AG449" t="s">
        <v>181</v>
      </c>
      <c r="AH449" t="s">
        <v>175</v>
      </c>
      <c r="AI449" t="s">
        <v>175</v>
      </c>
      <c r="AJ449" t="s">
        <v>181</v>
      </c>
      <c r="AK449" t="s">
        <v>175</v>
      </c>
      <c r="AL449" s="1">
        <v>0</v>
      </c>
      <c r="AM449" s="1">
        <v>0</v>
      </c>
      <c r="AN449" s="1">
        <v>0</v>
      </c>
      <c r="AO449" s="1">
        <v>0</v>
      </c>
      <c r="AP449" s="1">
        <v>0</v>
      </c>
      <c r="AQ449" s="1">
        <v>0</v>
      </c>
      <c r="AR449" s="1">
        <v>0</v>
      </c>
      <c r="AS449" s="1">
        <v>0</v>
      </c>
      <c r="AT449" s="1">
        <v>0</v>
      </c>
      <c r="AU449" s="1">
        <v>0</v>
      </c>
      <c r="AV449" s="1">
        <v>0</v>
      </c>
      <c r="BF449" t="s">
        <v>49</v>
      </c>
      <c r="BG449" s="1">
        <v>0</v>
      </c>
      <c r="BH449" t="s">
        <v>211</v>
      </c>
      <c r="BK449" s="1">
        <v>0</v>
      </c>
      <c r="BM449" s="1">
        <v>0</v>
      </c>
      <c r="BO449" s="1">
        <v>0</v>
      </c>
      <c r="BQ449" t="s">
        <v>3310</v>
      </c>
    </row>
    <row r="450" spans="1:69" x14ac:dyDescent="0.25">
      <c r="A450" s="1">
        <v>30448973</v>
      </c>
      <c r="B450" t="s">
        <v>3961</v>
      </c>
      <c r="C450" t="s">
        <v>39</v>
      </c>
      <c r="D450" t="s">
        <v>3727</v>
      </c>
      <c r="E450" t="s">
        <v>200</v>
      </c>
      <c r="L450" t="s">
        <v>52</v>
      </c>
      <c r="M450" s="1">
        <v>0</v>
      </c>
      <c r="N450" s="1">
        <v>0</v>
      </c>
      <c r="O450" t="s">
        <v>3728</v>
      </c>
      <c r="P450" t="s">
        <v>176</v>
      </c>
      <c r="Q450" t="s">
        <v>196</v>
      </c>
      <c r="S450" t="s">
        <v>222</v>
      </c>
      <c r="T450" t="s">
        <v>200</v>
      </c>
      <c r="Y450" t="s">
        <v>224</v>
      </c>
      <c r="AC450" t="s">
        <v>180</v>
      </c>
      <c r="AD450" t="s">
        <v>299</v>
      </c>
      <c r="AE450" t="s">
        <v>299</v>
      </c>
      <c r="AF450" t="s">
        <v>299</v>
      </c>
      <c r="AG450" t="s">
        <v>299</v>
      </c>
      <c r="AH450" t="s">
        <v>299</v>
      </c>
      <c r="AI450" t="s">
        <v>299</v>
      </c>
      <c r="AJ450" t="s">
        <v>299</v>
      </c>
      <c r="AK450" t="s">
        <v>299</v>
      </c>
      <c r="AL450" t="s">
        <v>42</v>
      </c>
      <c r="AM450" t="s">
        <v>184</v>
      </c>
      <c r="AN450" t="s">
        <v>185</v>
      </c>
      <c r="AO450" s="1">
        <v>0</v>
      </c>
      <c r="AP450" s="1">
        <v>0</v>
      </c>
      <c r="AQ450" s="1">
        <v>0</v>
      </c>
      <c r="AR450" s="1">
        <v>0</v>
      </c>
      <c r="AS450" s="1">
        <v>0</v>
      </c>
      <c r="AT450" s="1">
        <v>0</v>
      </c>
      <c r="AU450" s="1">
        <v>0</v>
      </c>
      <c r="AV450" s="1">
        <v>0</v>
      </c>
      <c r="AZ450" t="s">
        <v>207</v>
      </c>
      <c r="BF450" t="s">
        <v>210</v>
      </c>
      <c r="BG450" s="1">
        <v>0</v>
      </c>
      <c r="BH450" t="s">
        <v>464</v>
      </c>
      <c r="BK450" t="s">
        <v>191</v>
      </c>
      <c r="BM450" t="s">
        <v>191</v>
      </c>
      <c r="BO450" t="s">
        <v>218</v>
      </c>
    </row>
    <row r="451" spans="1:69" x14ac:dyDescent="0.25">
      <c r="A451" s="1">
        <v>30448976</v>
      </c>
      <c r="B451" t="s">
        <v>1146</v>
      </c>
      <c r="C451" t="s">
        <v>39</v>
      </c>
      <c r="D451" t="s">
        <v>942</v>
      </c>
      <c r="E451" t="s">
        <v>175</v>
      </c>
      <c r="L451" t="s">
        <v>52</v>
      </c>
      <c r="M451" s="1">
        <v>0</v>
      </c>
      <c r="N451" s="1">
        <v>0</v>
      </c>
      <c r="O451" t="s">
        <v>942</v>
      </c>
      <c r="P451" t="s">
        <v>176</v>
      </c>
      <c r="Q451" t="s">
        <v>238</v>
      </c>
      <c r="S451" t="s">
        <v>178</v>
      </c>
      <c r="T451" t="s">
        <v>175</v>
      </c>
      <c r="AA451" t="s">
        <v>273</v>
      </c>
      <c r="AB451" t="s">
        <v>1147</v>
      </c>
      <c r="AC451" t="s">
        <v>199</v>
      </c>
      <c r="AD451" t="s">
        <v>175</v>
      </c>
      <c r="AE451" t="s">
        <v>181</v>
      </c>
      <c r="AF451" t="s">
        <v>175</v>
      </c>
      <c r="AG451" t="s">
        <v>175</v>
      </c>
      <c r="AH451" t="s">
        <v>175</v>
      </c>
      <c r="AI451" t="s">
        <v>175</v>
      </c>
      <c r="AJ451" t="s">
        <v>175</v>
      </c>
      <c r="AK451" t="s">
        <v>175</v>
      </c>
      <c r="AL451" t="s">
        <v>42</v>
      </c>
      <c r="AM451" t="s">
        <v>206</v>
      </c>
      <c r="AN451" t="s">
        <v>201</v>
      </c>
      <c r="AO451" t="s">
        <v>185</v>
      </c>
      <c r="AP451" t="s">
        <v>184</v>
      </c>
      <c r="AQ451" t="s">
        <v>204</v>
      </c>
      <c r="AR451" t="s">
        <v>202</v>
      </c>
      <c r="AS451" t="s">
        <v>203</v>
      </c>
      <c r="AT451" t="s">
        <v>182</v>
      </c>
      <c r="AU451" t="s">
        <v>183</v>
      </c>
      <c r="AV451" t="s">
        <v>205</v>
      </c>
      <c r="AX451" t="s">
        <v>186</v>
      </c>
      <c r="AZ451" t="s">
        <v>207</v>
      </c>
      <c r="BA451" t="s">
        <v>188</v>
      </c>
      <c r="BB451" t="s">
        <v>208</v>
      </c>
      <c r="BF451" t="s">
        <v>210</v>
      </c>
      <c r="BG451" s="1">
        <v>0</v>
      </c>
      <c r="BH451" t="s">
        <v>190</v>
      </c>
      <c r="BK451" t="s">
        <v>191</v>
      </c>
      <c r="BM451" t="s">
        <v>191</v>
      </c>
      <c r="BO451" t="s">
        <v>191</v>
      </c>
    </row>
    <row r="452" spans="1:69" x14ac:dyDescent="0.25">
      <c r="A452" s="1">
        <v>30448980</v>
      </c>
      <c r="B452" t="s">
        <v>3962</v>
      </c>
      <c r="C452" t="s">
        <v>39</v>
      </c>
      <c r="D452" t="s">
        <v>3727</v>
      </c>
      <c r="E452" t="s">
        <v>200</v>
      </c>
      <c r="L452" t="s">
        <v>52</v>
      </c>
      <c r="M452" s="1">
        <v>0</v>
      </c>
      <c r="N452" s="1">
        <v>0</v>
      </c>
      <c r="O452" t="s">
        <v>3728</v>
      </c>
      <c r="P452" t="s">
        <v>176</v>
      </c>
      <c r="Q452" t="s">
        <v>238</v>
      </c>
      <c r="S452" t="s">
        <v>222</v>
      </c>
      <c r="T452" t="s">
        <v>200</v>
      </c>
      <c r="AA452" t="s">
        <v>273</v>
      </c>
      <c r="AB452" t="s">
        <v>952</v>
      </c>
      <c r="AC452" t="s">
        <v>225</v>
      </c>
      <c r="AD452" t="s">
        <v>200</v>
      </c>
      <c r="AE452" t="s">
        <v>175</v>
      </c>
      <c r="AF452" t="s">
        <v>175</v>
      </c>
      <c r="AG452" t="s">
        <v>175</v>
      </c>
      <c r="AH452" t="s">
        <v>200</v>
      </c>
      <c r="AI452" t="s">
        <v>200</v>
      </c>
      <c r="AJ452" t="s">
        <v>200</v>
      </c>
      <c r="AK452" t="s">
        <v>200</v>
      </c>
      <c r="AL452" t="s">
        <v>42</v>
      </c>
      <c r="AM452" t="s">
        <v>185</v>
      </c>
      <c r="AN452" t="s">
        <v>184</v>
      </c>
      <c r="AO452" s="1">
        <v>0</v>
      </c>
      <c r="AP452" s="1">
        <v>0</v>
      </c>
      <c r="AQ452" s="1">
        <v>0</v>
      </c>
      <c r="AR452" s="1">
        <v>0</v>
      </c>
      <c r="AS452" s="1">
        <v>0</v>
      </c>
      <c r="AT452" s="1">
        <v>0</v>
      </c>
      <c r="AU452" s="1">
        <v>0</v>
      </c>
      <c r="AV452" t="s">
        <v>182</v>
      </c>
      <c r="AW452" t="s">
        <v>2146</v>
      </c>
      <c r="AZ452" t="s">
        <v>207</v>
      </c>
      <c r="BC452" t="s">
        <v>209</v>
      </c>
      <c r="BF452" t="s">
        <v>210</v>
      </c>
      <c r="BG452" s="1">
        <v>0</v>
      </c>
      <c r="BH452" t="s">
        <v>211</v>
      </c>
      <c r="BK452" t="s">
        <v>191</v>
      </c>
      <c r="BL452" t="s">
        <v>3963</v>
      </c>
      <c r="BM452" t="s">
        <v>191</v>
      </c>
      <c r="BN452" t="s">
        <v>3964</v>
      </c>
      <c r="BO452" t="s">
        <v>191</v>
      </c>
      <c r="BP452" t="s">
        <v>3965</v>
      </c>
      <c r="BQ452" t="s">
        <v>3966</v>
      </c>
    </row>
    <row r="453" spans="1:69" x14ac:dyDescent="0.25">
      <c r="A453" s="1">
        <v>30448981</v>
      </c>
      <c r="B453" t="s">
        <v>3967</v>
      </c>
      <c r="C453" t="s">
        <v>39</v>
      </c>
      <c r="D453" t="s">
        <v>3727</v>
      </c>
      <c r="E453" t="s">
        <v>200</v>
      </c>
      <c r="L453" t="s">
        <v>52</v>
      </c>
      <c r="M453" s="1">
        <v>0</v>
      </c>
      <c r="N453" s="1">
        <v>0</v>
      </c>
      <c r="O453" t="s">
        <v>3728</v>
      </c>
      <c r="P453" t="s">
        <v>176</v>
      </c>
      <c r="Q453" t="s">
        <v>196</v>
      </c>
      <c r="S453" t="s">
        <v>222</v>
      </c>
      <c r="T453" t="s">
        <v>200</v>
      </c>
      <c r="AC453" t="s">
        <v>225</v>
      </c>
      <c r="AD453" t="s">
        <v>175</v>
      </c>
      <c r="AE453" t="s">
        <v>175</v>
      </c>
      <c r="AF453" t="s">
        <v>175</v>
      </c>
      <c r="AG453" t="s">
        <v>175</v>
      </c>
      <c r="AH453" t="s">
        <v>175</v>
      </c>
      <c r="AI453" t="s">
        <v>175</v>
      </c>
      <c r="AJ453" t="s">
        <v>175</v>
      </c>
      <c r="AK453" t="s">
        <v>181</v>
      </c>
      <c r="AL453" t="s">
        <v>52</v>
      </c>
      <c r="AM453" s="1">
        <v>0</v>
      </c>
      <c r="AN453" s="1">
        <v>0</v>
      </c>
      <c r="AO453" s="1">
        <v>0</v>
      </c>
      <c r="AP453" s="1">
        <v>0</v>
      </c>
      <c r="AQ453" s="1">
        <v>0</v>
      </c>
      <c r="AR453" s="1">
        <v>0</v>
      </c>
      <c r="AS453" s="1">
        <v>0</v>
      </c>
      <c r="AT453" s="1">
        <v>0</v>
      </c>
      <c r="AU453" s="1">
        <v>0</v>
      </c>
      <c r="AV453" s="1">
        <v>0</v>
      </c>
      <c r="BF453" t="s">
        <v>292</v>
      </c>
      <c r="BG453" t="s">
        <v>315</v>
      </c>
      <c r="BH453" t="s">
        <v>211</v>
      </c>
      <c r="BK453" t="s">
        <v>191</v>
      </c>
      <c r="BM453" t="s">
        <v>218</v>
      </c>
      <c r="BO453" t="s">
        <v>218</v>
      </c>
    </row>
    <row r="454" spans="1:69" x14ac:dyDescent="0.25">
      <c r="A454" s="1">
        <v>30448982</v>
      </c>
      <c r="B454" t="s">
        <v>417</v>
      </c>
      <c r="C454" t="s">
        <v>39</v>
      </c>
      <c r="D454" t="s">
        <v>174</v>
      </c>
      <c r="E454" t="s">
        <v>175</v>
      </c>
      <c r="L454" t="s">
        <v>52</v>
      </c>
      <c r="M454" s="1">
        <v>0</v>
      </c>
      <c r="N454" s="1">
        <v>0</v>
      </c>
      <c r="O454" t="s">
        <v>174</v>
      </c>
      <c r="P454" t="s">
        <v>176</v>
      </c>
      <c r="Q454" t="s">
        <v>238</v>
      </c>
      <c r="S454" t="s">
        <v>178</v>
      </c>
      <c r="T454" t="s">
        <v>175</v>
      </c>
      <c r="Y454" t="s">
        <v>224</v>
      </c>
      <c r="AC454" t="s">
        <v>199</v>
      </c>
      <c r="AD454" s="1">
        <v>0</v>
      </c>
      <c r="AE454" t="s">
        <v>175</v>
      </c>
      <c r="AF454" t="s">
        <v>175</v>
      </c>
      <c r="AG454" t="s">
        <v>175</v>
      </c>
      <c r="AH454" t="s">
        <v>175</v>
      </c>
      <c r="AI454" t="s">
        <v>175</v>
      </c>
      <c r="AJ454" t="s">
        <v>175</v>
      </c>
      <c r="AK454" t="s">
        <v>181</v>
      </c>
      <c r="AL454" t="s">
        <v>52</v>
      </c>
      <c r="AM454" t="s">
        <v>182</v>
      </c>
      <c r="AN454" s="1">
        <v>0</v>
      </c>
      <c r="AO454" t="s">
        <v>183</v>
      </c>
      <c r="AP454" t="s">
        <v>184</v>
      </c>
      <c r="AQ454" s="1">
        <v>0</v>
      </c>
      <c r="AR454" s="1">
        <v>0</v>
      </c>
      <c r="AS454" t="s">
        <v>185</v>
      </c>
      <c r="AT454" s="1">
        <v>0</v>
      </c>
      <c r="AU454" s="1">
        <v>0</v>
      </c>
      <c r="AV454" s="1">
        <v>0</v>
      </c>
      <c r="AX454" t="s">
        <v>186</v>
      </c>
      <c r="BA454" t="s">
        <v>188</v>
      </c>
      <c r="BC454" t="s">
        <v>209</v>
      </c>
      <c r="BF454" t="s">
        <v>232</v>
      </c>
      <c r="BG454" t="s">
        <v>301</v>
      </c>
      <c r="BH454" t="s">
        <v>211</v>
      </c>
      <c r="BK454" t="s">
        <v>191</v>
      </c>
      <c r="BL454" t="s">
        <v>418</v>
      </c>
      <c r="BM454" t="s">
        <v>191</v>
      </c>
      <c r="BO454" t="s">
        <v>218</v>
      </c>
    </row>
    <row r="455" spans="1:69" x14ac:dyDescent="0.25">
      <c r="A455" s="1">
        <v>30448989</v>
      </c>
      <c r="B455" t="s">
        <v>1852</v>
      </c>
      <c r="C455" t="s">
        <v>39</v>
      </c>
      <c r="D455" t="s">
        <v>1616</v>
      </c>
      <c r="E455" t="s">
        <v>195</v>
      </c>
      <c r="L455" t="s">
        <v>52</v>
      </c>
      <c r="M455" s="1">
        <v>0</v>
      </c>
      <c r="N455" s="1">
        <v>0</v>
      </c>
      <c r="O455" t="s">
        <v>1616</v>
      </c>
      <c r="P455" t="s">
        <v>176</v>
      </c>
      <c r="Q455" t="s">
        <v>273</v>
      </c>
      <c r="R455" t="s">
        <v>639</v>
      </c>
      <c r="S455" t="s">
        <v>349</v>
      </c>
      <c r="T455" t="s">
        <v>197</v>
      </c>
      <c r="V455" t="s">
        <v>397</v>
      </c>
      <c r="W455" t="s">
        <v>262</v>
      </c>
      <c r="Z455" t="s">
        <v>244</v>
      </c>
      <c r="AC455" t="s">
        <v>266</v>
      </c>
      <c r="AD455" t="s">
        <v>181</v>
      </c>
      <c r="AE455" t="s">
        <v>181</v>
      </c>
      <c r="AF455" t="s">
        <v>181</v>
      </c>
      <c r="AG455" t="s">
        <v>181</v>
      </c>
      <c r="AH455" t="s">
        <v>181</v>
      </c>
      <c r="AI455" t="s">
        <v>181</v>
      </c>
      <c r="AJ455" t="s">
        <v>181</v>
      </c>
      <c r="AK455" t="s">
        <v>181</v>
      </c>
      <c r="AL455" t="s">
        <v>52</v>
      </c>
      <c r="AM455" t="s">
        <v>202</v>
      </c>
      <c r="AN455" t="s">
        <v>182</v>
      </c>
      <c r="AO455" t="s">
        <v>205</v>
      </c>
      <c r="AP455" t="s">
        <v>204</v>
      </c>
      <c r="AQ455" t="s">
        <v>185</v>
      </c>
      <c r="AR455" t="s">
        <v>184</v>
      </c>
      <c r="AS455" t="s">
        <v>203</v>
      </c>
      <c r="AT455" t="s">
        <v>183</v>
      </c>
      <c r="AU455" t="s">
        <v>201</v>
      </c>
      <c r="AV455" t="s">
        <v>206</v>
      </c>
      <c r="AX455" t="s">
        <v>186</v>
      </c>
      <c r="AY455" t="s">
        <v>187</v>
      </c>
      <c r="AZ455" t="s">
        <v>207</v>
      </c>
      <c r="BA455" t="s">
        <v>188</v>
      </c>
      <c r="BB455" t="s">
        <v>208</v>
      </c>
      <c r="BF455" t="s">
        <v>49</v>
      </c>
      <c r="BG455" s="1">
        <v>0</v>
      </c>
      <c r="BH455" t="s">
        <v>464</v>
      </c>
      <c r="BK455" t="s">
        <v>191</v>
      </c>
      <c r="BL455" t="s">
        <v>1853</v>
      </c>
      <c r="BM455" s="1">
        <v>0</v>
      </c>
      <c r="BO455" t="s">
        <v>218</v>
      </c>
      <c r="BP455" t="s">
        <v>1854</v>
      </c>
    </row>
    <row r="456" spans="1:69" x14ac:dyDescent="0.25">
      <c r="A456" s="1">
        <v>30448991</v>
      </c>
      <c r="B456" t="s">
        <v>419</v>
      </c>
      <c r="C456" t="s">
        <v>39</v>
      </c>
      <c r="D456" t="s">
        <v>174</v>
      </c>
      <c r="E456" t="s">
        <v>175</v>
      </c>
      <c r="L456" t="s">
        <v>52</v>
      </c>
      <c r="M456" s="1">
        <v>0</v>
      </c>
      <c r="N456" s="1">
        <v>0</v>
      </c>
      <c r="O456" t="s">
        <v>174</v>
      </c>
      <c r="P456" t="s">
        <v>176</v>
      </c>
      <c r="Q456" t="s">
        <v>196</v>
      </c>
      <c r="S456" t="s">
        <v>178</v>
      </c>
      <c r="T456" t="s">
        <v>175</v>
      </c>
      <c r="Y456" t="s">
        <v>224</v>
      </c>
      <c r="AC456" t="s">
        <v>180</v>
      </c>
      <c r="AD456" t="s">
        <v>175</v>
      </c>
      <c r="AE456" t="s">
        <v>175</v>
      </c>
      <c r="AF456" t="s">
        <v>181</v>
      </c>
      <c r="AG456" t="s">
        <v>200</v>
      </c>
      <c r="AH456" t="s">
        <v>200</v>
      </c>
      <c r="AI456" t="s">
        <v>200</v>
      </c>
      <c r="AJ456" t="s">
        <v>175</v>
      </c>
      <c r="AK456" t="s">
        <v>175</v>
      </c>
      <c r="AL456" t="s">
        <v>42</v>
      </c>
      <c r="AM456" t="s">
        <v>182</v>
      </c>
      <c r="AN456" t="s">
        <v>206</v>
      </c>
      <c r="AO456" t="s">
        <v>184</v>
      </c>
      <c r="AP456" t="s">
        <v>185</v>
      </c>
      <c r="AQ456" t="s">
        <v>203</v>
      </c>
      <c r="AR456" t="s">
        <v>202</v>
      </c>
      <c r="AS456" t="s">
        <v>204</v>
      </c>
      <c r="AT456" t="s">
        <v>183</v>
      </c>
      <c r="AU456" t="s">
        <v>201</v>
      </c>
      <c r="AV456" t="s">
        <v>205</v>
      </c>
      <c r="AW456" t="s">
        <v>420</v>
      </c>
      <c r="AX456" t="s">
        <v>186</v>
      </c>
      <c r="AY456" t="s">
        <v>187</v>
      </c>
      <c r="AZ456" t="s">
        <v>207</v>
      </c>
      <c r="BB456" t="s">
        <v>208</v>
      </c>
      <c r="BF456" t="s">
        <v>49</v>
      </c>
      <c r="BG456" s="1">
        <v>0</v>
      </c>
      <c r="BH456" t="s">
        <v>211</v>
      </c>
      <c r="BK456" t="s">
        <v>191</v>
      </c>
      <c r="BL456" t="s">
        <v>421</v>
      </c>
      <c r="BM456" s="1">
        <v>0</v>
      </c>
      <c r="BN456" t="s">
        <v>422</v>
      </c>
      <c r="BO456" t="s">
        <v>218</v>
      </c>
      <c r="BP456" t="s">
        <v>423</v>
      </c>
      <c r="BQ456" t="s">
        <v>424</v>
      </c>
    </row>
    <row r="457" spans="1:69" x14ac:dyDescent="0.25">
      <c r="A457" s="1">
        <v>30448992</v>
      </c>
      <c r="B457" t="s">
        <v>419</v>
      </c>
      <c r="C457" t="s">
        <v>39</v>
      </c>
      <c r="D457" t="s">
        <v>942</v>
      </c>
      <c r="E457" t="s">
        <v>200</v>
      </c>
      <c r="L457" t="s">
        <v>52</v>
      </c>
      <c r="M457" s="1">
        <v>0</v>
      </c>
      <c r="N457" s="1">
        <v>0</v>
      </c>
      <c r="O457" t="s">
        <v>942</v>
      </c>
      <c r="P457" t="s">
        <v>216</v>
      </c>
      <c r="Q457" t="s">
        <v>322</v>
      </c>
      <c r="S457" s="1">
        <v>0</v>
      </c>
      <c r="T457" t="s">
        <v>200</v>
      </c>
      <c r="AA457" t="s">
        <v>273</v>
      </c>
      <c r="AB457" t="s">
        <v>228</v>
      </c>
      <c r="AC457" t="s">
        <v>199</v>
      </c>
      <c r="AD457" t="s">
        <v>200</v>
      </c>
      <c r="AE457" t="s">
        <v>200</v>
      </c>
      <c r="AF457" t="s">
        <v>175</v>
      </c>
      <c r="AG457" t="s">
        <v>175</v>
      </c>
      <c r="AH457" t="s">
        <v>200</v>
      </c>
      <c r="AI457" t="s">
        <v>175</v>
      </c>
      <c r="AJ457" t="s">
        <v>175</v>
      </c>
      <c r="AK457" t="s">
        <v>175</v>
      </c>
      <c r="AL457" t="s">
        <v>42</v>
      </c>
      <c r="AM457" t="s">
        <v>201</v>
      </c>
      <c r="AN457" t="s">
        <v>185</v>
      </c>
      <c r="AO457" t="s">
        <v>205</v>
      </c>
      <c r="AP457" t="s">
        <v>182</v>
      </c>
      <c r="AQ457" t="s">
        <v>202</v>
      </c>
      <c r="AR457" t="s">
        <v>203</v>
      </c>
      <c r="AS457" t="s">
        <v>204</v>
      </c>
      <c r="AT457" t="s">
        <v>184</v>
      </c>
      <c r="AU457" t="s">
        <v>183</v>
      </c>
      <c r="AV457" t="s">
        <v>206</v>
      </c>
      <c r="AX457" t="s">
        <v>186</v>
      </c>
      <c r="AY457" t="s">
        <v>187</v>
      </c>
      <c r="AZ457" t="s">
        <v>207</v>
      </c>
      <c r="BB457" t="s">
        <v>208</v>
      </c>
      <c r="BF457" t="s">
        <v>210</v>
      </c>
      <c r="BG457" s="1">
        <v>0</v>
      </c>
      <c r="BH457" t="s">
        <v>190</v>
      </c>
      <c r="BK457" t="s">
        <v>191</v>
      </c>
      <c r="BL457" t="s">
        <v>1148</v>
      </c>
      <c r="BM457" t="s">
        <v>191</v>
      </c>
      <c r="BO457" t="s">
        <v>218</v>
      </c>
    </row>
    <row r="458" spans="1:69" x14ac:dyDescent="0.25">
      <c r="A458" s="1">
        <v>30448994</v>
      </c>
      <c r="B458" t="s">
        <v>1855</v>
      </c>
      <c r="C458" t="s">
        <v>39</v>
      </c>
      <c r="D458" t="s">
        <v>1616</v>
      </c>
      <c r="E458" t="s">
        <v>200</v>
      </c>
      <c r="L458" t="s">
        <v>52</v>
      </c>
      <c r="M458" s="1">
        <v>0</v>
      </c>
      <c r="N458" s="1">
        <v>0</v>
      </c>
      <c r="O458" t="s">
        <v>1616</v>
      </c>
      <c r="P458" t="s">
        <v>216</v>
      </c>
      <c r="Q458" t="s">
        <v>322</v>
      </c>
      <c r="S458" s="1">
        <v>0</v>
      </c>
      <c r="T458" t="s">
        <v>200</v>
      </c>
      <c r="X458" t="s">
        <v>179</v>
      </c>
      <c r="AC458" t="s">
        <v>266</v>
      </c>
      <c r="AD458" t="s">
        <v>175</v>
      </c>
      <c r="AE458" t="s">
        <v>175</v>
      </c>
      <c r="AF458" t="s">
        <v>175</v>
      </c>
      <c r="AG458" t="s">
        <v>181</v>
      </c>
      <c r="AH458" t="s">
        <v>175</v>
      </c>
      <c r="AI458" t="s">
        <v>175</v>
      </c>
      <c r="AJ458" t="s">
        <v>175</v>
      </c>
      <c r="AK458" t="s">
        <v>175</v>
      </c>
      <c r="AL458" t="s">
        <v>42</v>
      </c>
      <c r="AM458" t="s">
        <v>182</v>
      </c>
      <c r="AN458" t="s">
        <v>183</v>
      </c>
      <c r="AO458" t="s">
        <v>184</v>
      </c>
      <c r="AP458" t="s">
        <v>185</v>
      </c>
      <c r="AQ458" t="s">
        <v>203</v>
      </c>
      <c r="AR458" t="s">
        <v>204</v>
      </c>
      <c r="AS458" t="s">
        <v>202</v>
      </c>
      <c r="AT458" t="s">
        <v>201</v>
      </c>
      <c r="AU458" t="s">
        <v>205</v>
      </c>
      <c r="AV458" t="s">
        <v>206</v>
      </c>
      <c r="AX458" t="s">
        <v>186</v>
      </c>
      <c r="AY458" t="s">
        <v>187</v>
      </c>
      <c r="AZ458" t="s">
        <v>207</v>
      </c>
      <c r="BA458" t="s">
        <v>188</v>
      </c>
      <c r="BF458" t="s">
        <v>232</v>
      </c>
      <c r="BG458" t="s">
        <v>49</v>
      </c>
      <c r="BH458" t="s">
        <v>247</v>
      </c>
      <c r="BK458" t="s">
        <v>191</v>
      </c>
      <c r="BL458" t="s">
        <v>1856</v>
      </c>
      <c r="BM458" t="s">
        <v>191</v>
      </c>
      <c r="BN458" t="s">
        <v>401</v>
      </c>
      <c r="BO458" t="s">
        <v>191</v>
      </c>
      <c r="BP458" t="s">
        <v>1857</v>
      </c>
      <c r="BQ458" t="s">
        <v>1858</v>
      </c>
    </row>
    <row r="459" spans="1:69" x14ac:dyDescent="0.25">
      <c r="A459" s="1">
        <v>30448995</v>
      </c>
      <c r="B459" t="s">
        <v>425</v>
      </c>
      <c r="C459" t="s">
        <v>39</v>
      </c>
      <c r="D459" t="s">
        <v>174</v>
      </c>
      <c r="E459" t="s">
        <v>216</v>
      </c>
      <c r="L459" t="s">
        <v>52</v>
      </c>
      <c r="M459" s="1">
        <v>0</v>
      </c>
      <c r="N459" s="1">
        <v>0</v>
      </c>
      <c r="O459" t="s">
        <v>174</v>
      </c>
      <c r="P459" t="s">
        <v>216</v>
      </c>
      <c r="Q459" t="s">
        <v>177</v>
      </c>
      <c r="S459" s="1">
        <v>0</v>
      </c>
      <c r="T459" t="s">
        <v>197</v>
      </c>
      <c r="Y459" t="s">
        <v>224</v>
      </c>
      <c r="AC459" t="s">
        <v>180</v>
      </c>
      <c r="AD459" s="1">
        <v>0</v>
      </c>
      <c r="AE459" s="1">
        <v>0</v>
      </c>
      <c r="AF459" s="1">
        <v>0</v>
      </c>
      <c r="AG459" s="1">
        <v>0</v>
      </c>
      <c r="AH459" s="1">
        <v>0</v>
      </c>
      <c r="AI459" s="1">
        <v>0</v>
      </c>
      <c r="AJ459" s="1">
        <v>0</v>
      </c>
      <c r="AK459" s="1">
        <v>0</v>
      </c>
      <c r="AL459" s="1">
        <v>0</v>
      </c>
      <c r="AM459" s="1">
        <v>0</v>
      </c>
      <c r="AN459" s="1">
        <v>0</v>
      </c>
      <c r="AO459" s="1">
        <v>0</v>
      </c>
      <c r="AP459" s="1">
        <v>0</v>
      </c>
      <c r="AQ459" s="1">
        <v>0</v>
      </c>
      <c r="AR459" s="1">
        <v>0</v>
      </c>
      <c r="AS459" s="1">
        <v>0</v>
      </c>
      <c r="AT459" s="1">
        <v>0</v>
      </c>
      <c r="AU459" s="1">
        <v>0</v>
      </c>
      <c r="AV459" s="1">
        <v>0</v>
      </c>
      <c r="BF459" s="1">
        <v>0</v>
      </c>
      <c r="BG459" s="1">
        <v>0</v>
      </c>
      <c r="BH459" s="1">
        <v>0</v>
      </c>
      <c r="BK459" s="1">
        <v>0</v>
      </c>
      <c r="BM459" s="1">
        <v>0</v>
      </c>
      <c r="BO459" s="1">
        <v>0</v>
      </c>
    </row>
    <row r="460" spans="1:69" x14ac:dyDescent="0.25">
      <c r="A460" s="1">
        <v>30448997</v>
      </c>
      <c r="B460" t="s">
        <v>1859</v>
      </c>
      <c r="C460" t="s">
        <v>39</v>
      </c>
      <c r="D460" t="s">
        <v>1616</v>
      </c>
      <c r="E460" t="s">
        <v>200</v>
      </c>
      <c r="L460" t="s">
        <v>52</v>
      </c>
      <c r="M460" s="1">
        <v>0</v>
      </c>
      <c r="N460" s="1">
        <v>0</v>
      </c>
      <c r="O460" t="s">
        <v>1616</v>
      </c>
      <c r="P460" t="s">
        <v>216</v>
      </c>
      <c r="Q460" t="s">
        <v>177</v>
      </c>
      <c r="S460" s="1">
        <v>0</v>
      </c>
      <c r="T460" t="s">
        <v>200</v>
      </c>
      <c r="AA460" t="s">
        <v>273</v>
      </c>
      <c r="AB460" t="s">
        <v>1860</v>
      </c>
      <c r="AC460" t="s">
        <v>180</v>
      </c>
      <c r="AD460" t="s">
        <v>181</v>
      </c>
      <c r="AE460" t="s">
        <v>181</v>
      </c>
      <c r="AF460" t="s">
        <v>181</v>
      </c>
      <c r="AG460" t="s">
        <v>181</v>
      </c>
      <c r="AH460" t="s">
        <v>181</v>
      </c>
      <c r="AI460" t="s">
        <v>181</v>
      </c>
      <c r="AJ460" t="s">
        <v>181</v>
      </c>
      <c r="AK460" t="s">
        <v>181</v>
      </c>
      <c r="AL460" t="s">
        <v>42</v>
      </c>
      <c r="AM460" t="s">
        <v>182</v>
      </c>
      <c r="AN460" t="s">
        <v>185</v>
      </c>
      <c r="AO460" t="s">
        <v>206</v>
      </c>
      <c r="AP460" t="s">
        <v>183</v>
      </c>
      <c r="AQ460" t="s">
        <v>202</v>
      </c>
      <c r="AR460" t="s">
        <v>203</v>
      </c>
      <c r="AS460" t="s">
        <v>204</v>
      </c>
      <c r="AT460" t="s">
        <v>184</v>
      </c>
      <c r="AU460" t="s">
        <v>205</v>
      </c>
      <c r="AV460" t="s">
        <v>201</v>
      </c>
      <c r="AY460" t="s">
        <v>187</v>
      </c>
      <c r="AZ460" t="s">
        <v>207</v>
      </c>
      <c r="BB460" t="s">
        <v>208</v>
      </c>
      <c r="BF460" t="s">
        <v>210</v>
      </c>
      <c r="BG460" s="1">
        <v>0</v>
      </c>
      <c r="BH460" t="s">
        <v>211</v>
      </c>
      <c r="BK460" t="s">
        <v>191</v>
      </c>
      <c r="BL460" t="s">
        <v>1861</v>
      </c>
      <c r="BM460" t="s">
        <v>191</v>
      </c>
      <c r="BN460" t="s">
        <v>1129</v>
      </c>
      <c r="BO460" s="1">
        <v>0</v>
      </c>
    </row>
    <row r="461" spans="1:69" x14ac:dyDescent="0.25">
      <c r="A461" s="1">
        <v>30448999</v>
      </c>
      <c r="B461" t="s">
        <v>426</v>
      </c>
      <c r="C461" t="s">
        <v>39</v>
      </c>
      <c r="D461" t="s">
        <v>174</v>
      </c>
      <c r="E461" t="s">
        <v>175</v>
      </c>
      <c r="L461" t="s">
        <v>52</v>
      </c>
      <c r="M461" s="1">
        <v>0</v>
      </c>
      <c r="N461" s="1">
        <v>0</v>
      </c>
      <c r="O461" t="s">
        <v>174</v>
      </c>
      <c r="P461" t="s">
        <v>216</v>
      </c>
      <c r="Q461" t="s">
        <v>322</v>
      </c>
      <c r="S461" s="1">
        <v>0</v>
      </c>
      <c r="T461" t="s">
        <v>175</v>
      </c>
      <c r="Y461" t="s">
        <v>224</v>
      </c>
      <c r="AC461" t="s">
        <v>180</v>
      </c>
      <c r="AD461" t="s">
        <v>175</v>
      </c>
      <c r="AE461" t="s">
        <v>175</v>
      </c>
      <c r="AF461" t="s">
        <v>175</v>
      </c>
      <c r="AG461" t="s">
        <v>175</v>
      </c>
      <c r="AH461" t="s">
        <v>200</v>
      </c>
      <c r="AI461" t="s">
        <v>200</v>
      </c>
      <c r="AJ461" t="s">
        <v>175</v>
      </c>
      <c r="AK461" t="s">
        <v>175</v>
      </c>
      <c r="AL461" t="s">
        <v>42</v>
      </c>
      <c r="AM461" t="s">
        <v>204</v>
      </c>
      <c r="AN461" t="s">
        <v>184</v>
      </c>
      <c r="AO461" t="s">
        <v>201</v>
      </c>
      <c r="AP461" t="s">
        <v>183</v>
      </c>
      <c r="AQ461" t="s">
        <v>203</v>
      </c>
      <c r="AR461" t="s">
        <v>206</v>
      </c>
      <c r="AS461" t="s">
        <v>202</v>
      </c>
      <c r="AT461" t="s">
        <v>205</v>
      </c>
      <c r="AU461" t="s">
        <v>182</v>
      </c>
      <c r="AV461" t="s">
        <v>185</v>
      </c>
      <c r="AY461" t="s">
        <v>187</v>
      </c>
      <c r="AZ461" t="s">
        <v>207</v>
      </c>
      <c r="BB461" t="s">
        <v>208</v>
      </c>
      <c r="BF461" t="s">
        <v>232</v>
      </c>
      <c r="BG461" t="s">
        <v>301</v>
      </c>
      <c r="BH461" t="s">
        <v>211</v>
      </c>
      <c r="BK461" t="s">
        <v>218</v>
      </c>
      <c r="BL461" t="s">
        <v>427</v>
      </c>
      <c r="BM461" t="s">
        <v>218</v>
      </c>
      <c r="BN461" t="s">
        <v>428</v>
      </c>
      <c r="BO461" t="s">
        <v>218</v>
      </c>
      <c r="BP461" t="s">
        <v>428</v>
      </c>
    </row>
    <row r="462" spans="1:69" x14ac:dyDescent="0.25">
      <c r="A462" s="1">
        <v>30449000</v>
      </c>
      <c r="B462" t="s">
        <v>3311</v>
      </c>
      <c r="C462" t="s">
        <v>39</v>
      </c>
      <c r="D462" t="s">
        <v>3138</v>
      </c>
      <c r="E462" t="s">
        <v>175</v>
      </c>
      <c r="L462" t="s">
        <v>52</v>
      </c>
      <c r="M462" s="1">
        <v>0</v>
      </c>
      <c r="N462" s="1">
        <v>0</v>
      </c>
      <c r="O462" t="s">
        <v>3139</v>
      </c>
      <c r="P462" t="s">
        <v>216</v>
      </c>
      <c r="Q462" t="s">
        <v>258</v>
      </c>
      <c r="S462" s="1">
        <v>0</v>
      </c>
      <c r="T462" t="s">
        <v>175</v>
      </c>
      <c r="V462" t="s">
        <v>397</v>
      </c>
      <c r="W462" t="s">
        <v>262</v>
      </c>
      <c r="X462" t="s">
        <v>179</v>
      </c>
      <c r="Y462" t="s">
        <v>224</v>
      </c>
      <c r="Z462" t="s">
        <v>244</v>
      </c>
      <c r="AC462" t="s">
        <v>609</v>
      </c>
      <c r="AD462" t="s">
        <v>181</v>
      </c>
      <c r="AE462" t="s">
        <v>181</v>
      </c>
      <c r="AF462" t="s">
        <v>181</v>
      </c>
      <c r="AG462" t="s">
        <v>181</v>
      </c>
      <c r="AH462" t="s">
        <v>181</v>
      </c>
      <c r="AI462" t="s">
        <v>181</v>
      </c>
      <c r="AJ462" t="s">
        <v>181</v>
      </c>
      <c r="AK462" t="s">
        <v>181</v>
      </c>
      <c r="AL462" t="s">
        <v>42</v>
      </c>
      <c r="AM462" t="s">
        <v>201</v>
      </c>
      <c r="AN462" t="s">
        <v>206</v>
      </c>
      <c r="AO462" t="s">
        <v>204</v>
      </c>
      <c r="AP462" t="s">
        <v>183</v>
      </c>
      <c r="AQ462" t="s">
        <v>184</v>
      </c>
      <c r="AR462" t="s">
        <v>185</v>
      </c>
      <c r="AS462" t="s">
        <v>182</v>
      </c>
      <c r="AT462" t="s">
        <v>202</v>
      </c>
      <c r="AU462" t="s">
        <v>205</v>
      </c>
      <c r="AV462" t="s">
        <v>203</v>
      </c>
      <c r="AX462" t="s">
        <v>186</v>
      </c>
      <c r="AY462" t="s">
        <v>187</v>
      </c>
      <c r="AZ462" t="s">
        <v>207</v>
      </c>
      <c r="BA462" t="s">
        <v>188</v>
      </c>
      <c r="BB462" t="s">
        <v>208</v>
      </c>
      <c r="BC462" t="s">
        <v>209</v>
      </c>
      <c r="BF462" t="s">
        <v>189</v>
      </c>
      <c r="BG462" s="1">
        <v>0</v>
      </c>
      <c r="BH462" t="s">
        <v>211</v>
      </c>
      <c r="BK462" t="s">
        <v>191</v>
      </c>
      <c r="BM462" t="s">
        <v>191</v>
      </c>
      <c r="BO462" t="s">
        <v>191</v>
      </c>
    </row>
    <row r="463" spans="1:69" x14ac:dyDescent="0.25">
      <c r="A463" s="1">
        <v>30449001</v>
      </c>
      <c r="B463" t="s">
        <v>3128</v>
      </c>
      <c r="C463" t="s">
        <v>39</v>
      </c>
      <c r="D463" t="s">
        <v>3125</v>
      </c>
      <c r="L463" t="s">
        <v>52</v>
      </c>
      <c r="M463" s="1">
        <v>0</v>
      </c>
      <c r="N463" s="1">
        <v>0</v>
      </c>
      <c r="O463" t="s">
        <v>49</v>
      </c>
      <c r="P463" s="1">
        <v>0</v>
      </c>
      <c r="Q463" s="1">
        <v>0</v>
      </c>
      <c r="S463" s="1">
        <v>0</v>
      </c>
      <c r="T463" s="1">
        <v>0</v>
      </c>
      <c r="AC463" s="1">
        <v>0</v>
      </c>
      <c r="AD463" s="1">
        <v>0</v>
      </c>
      <c r="AE463" s="1">
        <v>0</v>
      </c>
      <c r="AF463" s="1">
        <v>0</v>
      </c>
      <c r="AG463" s="1">
        <v>0</v>
      </c>
      <c r="AH463" s="1">
        <v>0</v>
      </c>
      <c r="AI463" s="1">
        <v>0</v>
      </c>
      <c r="AJ463" s="1">
        <v>0</v>
      </c>
      <c r="AK463" s="1">
        <v>0</v>
      </c>
      <c r="AL463" s="1">
        <v>0</v>
      </c>
      <c r="AM463" s="1">
        <v>0</v>
      </c>
      <c r="AN463" s="1">
        <v>0</v>
      </c>
      <c r="AO463" s="1">
        <v>0</v>
      </c>
      <c r="AP463" s="1">
        <v>0</v>
      </c>
      <c r="AQ463" s="1">
        <v>0</v>
      </c>
      <c r="AR463" s="1">
        <v>0</v>
      </c>
      <c r="AS463" s="1">
        <v>0</v>
      </c>
      <c r="AT463" s="1">
        <v>0</v>
      </c>
      <c r="AU463" s="1">
        <v>0</v>
      </c>
      <c r="AV463" s="1">
        <v>0</v>
      </c>
      <c r="BF463" s="1">
        <v>0</v>
      </c>
      <c r="BG463" s="1">
        <v>0</v>
      </c>
      <c r="BH463" s="1">
        <v>0</v>
      </c>
      <c r="BK463" s="1">
        <v>0</v>
      </c>
      <c r="BM463" s="1">
        <v>0</v>
      </c>
      <c r="BO463" s="1">
        <v>0</v>
      </c>
    </row>
    <row r="464" spans="1:69" x14ac:dyDescent="0.25">
      <c r="A464" s="1">
        <v>30449002</v>
      </c>
      <c r="B464" t="s">
        <v>1149</v>
      </c>
      <c r="C464" t="s">
        <v>39</v>
      </c>
      <c r="D464" t="s">
        <v>942</v>
      </c>
      <c r="E464" t="s">
        <v>175</v>
      </c>
      <c r="L464" t="s">
        <v>52</v>
      </c>
      <c r="M464" s="1">
        <v>0</v>
      </c>
      <c r="N464" s="1">
        <v>0</v>
      </c>
      <c r="O464" t="s">
        <v>942</v>
      </c>
      <c r="P464" t="s">
        <v>216</v>
      </c>
      <c r="Q464" t="s">
        <v>322</v>
      </c>
      <c r="S464" s="1">
        <v>0</v>
      </c>
      <c r="T464" t="s">
        <v>175</v>
      </c>
      <c r="AA464" t="s">
        <v>273</v>
      </c>
      <c r="AB464" t="s">
        <v>1150</v>
      </c>
      <c r="AC464" t="s">
        <v>266</v>
      </c>
      <c r="AD464" t="s">
        <v>175</v>
      </c>
      <c r="AE464" t="s">
        <v>175</v>
      </c>
      <c r="AF464" t="s">
        <v>230</v>
      </c>
      <c r="AG464" t="s">
        <v>175</v>
      </c>
      <c r="AH464" t="s">
        <v>175</v>
      </c>
      <c r="AI464" t="s">
        <v>175</v>
      </c>
      <c r="AJ464" t="s">
        <v>230</v>
      </c>
      <c r="AK464" t="s">
        <v>175</v>
      </c>
      <c r="AL464" t="s">
        <v>42</v>
      </c>
      <c r="AM464" t="s">
        <v>201</v>
      </c>
      <c r="AN464" t="s">
        <v>185</v>
      </c>
      <c r="AO464" t="s">
        <v>205</v>
      </c>
      <c r="AP464" t="s">
        <v>183</v>
      </c>
      <c r="AQ464" t="s">
        <v>202</v>
      </c>
      <c r="AR464" t="s">
        <v>204</v>
      </c>
      <c r="AS464" t="s">
        <v>203</v>
      </c>
      <c r="AT464" t="s">
        <v>182</v>
      </c>
      <c r="AU464" t="s">
        <v>184</v>
      </c>
      <c r="AV464" t="s">
        <v>206</v>
      </c>
      <c r="AW464" t="s">
        <v>1151</v>
      </c>
      <c r="AX464" t="s">
        <v>186</v>
      </c>
      <c r="AZ464" t="s">
        <v>207</v>
      </c>
      <c r="BA464" t="s">
        <v>188</v>
      </c>
      <c r="BC464" t="s">
        <v>209</v>
      </c>
      <c r="BF464" t="s">
        <v>210</v>
      </c>
      <c r="BG464" s="1">
        <v>0</v>
      </c>
      <c r="BH464" t="s">
        <v>211</v>
      </c>
      <c r="BK464" t="s">
        <v>191</v>
      </c>
      <c r="BL464" t="s">
        <v>1152</v>
      </c>
      <c r="BM464" t="s">
        <v>191</v>
      </c>
      <c r="BN464" t="s">
        <v>1153</v>
      </c>
      <c r="BO464" t="s">
        <v>218</v>
      </c>
      <c r="BP464" t="s">
        <v>1154</v>
      </c>
      <c r="BQ464" t="s">
        <v>1122</v>
      </c>
    </row>
    <row r="465" spans="1:69" x14ac:dyDescent="0.25">
      <c r="A465" s="1">
        <v>30449006</v>
      </c>
      <c r="B465" t="s">
        <v>3968</v>
      </c>
      <c r="C465" t="s">
        <v>39</v>
      </c>
      <c r="D465" t="s">
        <v>3727</v>
      </c>
      <c r="E465" t="s">
        <v>175</v>
      </c>
      <c r="L465" t="s">
        <v>52</v>
      </c>
      <c r="M465" s="1">
        <v>0</v>
      </c>
      <c r="N465" s="1">
        <v>0</v>
      </c>
      <c r="O465" t="s">
        <v>3728</v>
      </c>
      <c r="P465" t="s">
        <v>176</v>
      </c>
      <c r="Q465" t="s">
        <v>238</v>
      </c>
      <c r="S465" t="s">
        <v>178</v>
      </c>
      <c r="T465" t="s">
        <v>175</v>
      </c>
      <c r="X465" t="s">
        <v>179</v>
      </c>
      <c r="Z465" t="s">
        <v>244</v>
      </c>
      <c r="AC465" t="s">
        <v>199</v>
      </c>
      <c r="AD465" t="s">
        <v>175</v>
      </c>
      <c r="AE465" t="s">
        <v>175</v>
      </c>
      <c r="AF465" t="s">
        <v>175</v>
      </c>
      <c r="AG465" t="s">
        <v>175</v>
      </c>
      <c r="AH465" t="s">
        <v>175</v>
      </c>
      <c r="AI465" t="s">
        <v>175</v>
      </c>
      <c r="AJ465" t="s">
        <v>175</v>
      </c>
      <c r="AK465" t="s">
        <v>175</v>
      </c>
      <c r="AL465" t="s">
        <v>42</v>
      </c>
      <c r="AM465" t="s">
        <v>185</v>
      </c>
      <c r="AN465" s="1">
        <v>0</v>
      </c>
      <c r="AO465" s="1">
        <v>0</v>
      </c>
      <c r="AP465" s="1">
        <v>0</v>
      </c>
      <c r="AQ465" s="1">
        <v>0</v>
      </c>
      <c r="AR465" s="1">
        <v>0</v>
      </c>
      <c r="AS465" s="1">
        <v>0</v>
      </c>
      <c r="AT465" s="1">
        <v>0</v>
      </c>
      <c r="AU465" t="s">
        <v>184</v>
      </c>
      <c r="AV465" t="s">
        <v>182</v>
      </c>
      <c r="AX465" t="s">
        <v>186</v>
      </c>
      <c r="AZ465" t="s">
        <v>207</v>
      </c>
      <c r="BC465" t="s">
        <v>209</v>
      </c>
      <c r="BF465" t="s">
        <v>292</v>
      </c>
      <c r="BG465" t="s">
        <v>301</v>
      </c>
      <c r="BH465" t="s">
        <v>211</v>
      </c>
      <c r="BK465" t="s">
        <v>191</v>
      </c>
      <c r="BL465" t="s">
        <v>3969</v>
      </c>
      <c r="BM465" t="s">
        <v>191</v>
      </c>
      <c r="BN465" t="s">
        <v>3970</v>
      </c>
      <c r="BO465" t="s">
        <v>191</v>
      </c>
      <c r="BP465" t="s">
        <v>3971</v>
      </c>
    </row>
    <row r="466" spans="1:69" x14ac:dyDescent="0.25">
      <c r="A466" s="1">
        <v>30449008</v>
      </c>
      <c r="B466" t="s">
        <v>2686</v>
      </c>
      <c r="C466" t="s">
        <v>39</v>
      </c>
      <c r="D466" t="s">
        <v>2512</v>
      </c>
      <c r="E466" t="s">
        <v>175</v>
      </c>
      <c r="L466" t="s">
        <v>52</v>
      </c>
      <c r="M466" s="1">
        <v>0</v>
      </c>
      <c r="N466" s="1">
        <v>0</v>
      </c>
      <c r="O466" t="s">
        <v>2512</v>
      </c>
      <c r="P466" t="s">
        <v>216</v>
      </c>
      <c r="Q466" t="s">
        <v>322</v>
      </c>
      <c r="S466" s="1">
        <v>0</v>
      </c>
      <c r="T466" t="s">
        <v>175</v>
      </c>
      <c r="Y466" t="s">
        <v>224</v>
      </c>
      <c r="AC466" t="s">
        <v>49</v>
      </c>
      <c r="AD466" t="s">
        <v>181</v>
      </c>
      <c r="AE466" t="s">
        <v>181</v>
      </c>
      <c r="AF466" t="s">
        <v>181</v>
      </c>
      <c r="AG466" t="s">
        <v>181</v>
      </c>
      <c r="AH466" t="s">
        <v>175</v>
      </c>
      <c r="AI466" t="s">
        <v>175</v>
      </c>
      <c r="AJ466" t="s">
        <v>181</v>
      </c>
      <c r="AK466" t="s">
        <v>175</v>
      </c>
      <c r="AL466" t="s">
        <v>42</v>
      </c>
      <c r="AM466" s="1">
        <v>0</v>
      </c>
      <c r="AN466" s="1">
        <v>0</v>
      </c>
      <c r="AO466" t="s">
        <v>185</v>
      </c>
      <c r="AP466" t="s">
        <v>184</v>
      </c>
      <c r="AQ466" s="1">
        <v>0</v>
      </c>
      <c r="AR466" s="1">
        <v>0</v>
      </c>
      <c r="AS466" s="1">
        <v>0</v>
      </c>
      <c r="AT466" t="s">
        <v>201</v>
      </c>
      <c r="AU466" t="s">
        <v>183</v>
      </c>
      <c r="AV466" t="s">
        <v>182</v>
      </c>
      <c r="AZ466" t="s">
        <v>207</v>
      </c>
      <c r="BF466" t="s">
        <v>49</v>
      </c>
      <c r="BG466" s="1">
        <v>0</v>
      </c>
      <c r="BH466" t="s">
        <v>211</v>
      </c>
      <c r="BK466" t="s">
        <v>191</v>
      </c>
      <c r="BM466" t="s">
        <v>218</v>
      </c>
      <c r="BO466" t="s">
        <v>218</v>
      </c>
    </row>
    <row r="467" spans="1:69" x14ac:dyDescent="0.25">
      <c r="A467" s="1">
        <v>30449009</v>
      </c>
      <c r="B467" t="s">
        <v>1155</v>
      </c>
      <c r="C467" t="s">
        <v>39</v>
      </c>
      <c r="D467" t="s">
        <v>942</v>
      </c>
      <c r="E467" t="s">
        <v>175</v>
      </c>
      <c r="L467" t="s">
        <v>52</v>
      </c>
      <c r="M467" s="1">
        <v>0</v>
      </c>
      <c r="N467" s="1">
        <v>0</v>
      </c>
      <c r="O467" t="s">
        <v>942</v>
      </c>
      <c r="P467" t="s">
        <v>176</v>
      </c>
      <c r="Q467" t="s">
        <v>238</v>
      </c>
      <c r="S467" t="s">
        <v>178</v>
      </c>
      <c r="T467" t="s">
        <v>175</v>
      </c>
      <c r="Y467" t="s">
        <v>224</v>
      </c>
      <c r="AC467" t="s">
        <v>49</v>
      </c>
      <c r="AD467" t="s">
        <v>175</v>
      </c>
      <c r="AE467" t="s">
        <v>181</v>
      </c>
      <c r="AF467" t="s">
        <v>230</v>
      </c>
      <c r="AG467" t="s">
        <v>181</v>
      </c>
      <c r="AH467" t="s">
        <v>175</v>
      </c>
      <c r="AI467" t="s">
        <v>175</v>
      </c>
      <c r="AJ467" t="s">
        <v>175</v>
      </c>
      <c r="AK467" t="s">
        <v>181</v>
      </c>
      <c r="AL467" t="s">
        <v>42</v>
      </c>
      <c r="AM467" t="s">
        <v>205</v>
      </c>
      <c r="AN467" t="s">
        <v>184</v>
      </c>
      <c r="AO467" t="s">
        <v>185</v>
      </c>
      <c r="AP467" t="s">
        <v>201</v>
      </c>
      <c r="AQ467" t="s">
        <v>204</v>
      </c>
      <c r="AR467" t="s">
        <v>202</v>
      </c>
      <c r="AS467" t="s">
        <v>203</v>
      </c>
      <c r="AT467" t="s">
        <v>182</v>
      </c>
      <c r="AU467" t="s">
        <v>183</v>
      </c>
      <c r="AV467" t="s">
        <v>206</v>
      </c>
      <c r="AX467" t="s">
        <v>186</v>
      </c>
      <c r="BF467" t="s">
        <v>189</v>
      </c>
      <c r="BG467" s="1">
        <v>0</v>
      </c>
      <c r="BH467" t="s">
        <v>211</v>
      </c>
      <c r="BK467" t="s">
        <v>191</v>
      </c>
      <c r="BM467" t="s">
        <v>191</v>
      </c>
      <c r="BO467" t="s">
        <v>218</v>
      </c>
    </row>
    <row r="468" spans="1:69" x14ac:dyDescent="0.25">
      <c r="A468" s="1">
        <v>30449011</v>
      </c>
      <c r="B468" t="s">
        <v>3312</v>
      </c>
      <c r="C468" t="s">
        <v>39</v>
      </c>
      <c r="D468" t="s">
        <v>3138</v>
      </c>
      <c r="E468" t="s">
        <v>200</v>
      </c>
      <c r="L468" t="s">
        <v>52</v>
      </c>
      <c r="M468" s="1">
        <v>0</v>
      </c>
      <c r="N468" s="1">
        <v>0</v>
      </c>
      <c r="O468" t="s">
        <v>3139</v>
      </c>
      <c r="P468" t="s">
        <v>216</v>
      </c>
      <c r="Q468" t="s">
        <v>196</v>
      </c>
      <c r="S468" s="1">
        <v>0</v>
      </c>
      <c r="T468" t="s">
        <v>200</v>
      </c>
      <c r="Y468" t="s">
        <v>224</v>
      </c>
      <c r="AC468" t="s">
        <v>180</v>
      </c>
      <c r="AD468" t="s">
        <v>200</v>
      </c>
      <c r="AE468" t="s">
        <v>200</v>
      </c>
      <c r="AF468" t="s">
        <v>200</v>
      </c>
      <c r="AG468" t="s">
        <v>200</v>
      </c>
      <c r="AH468" t="s">
        <v>200</v>
      </c>
      <c r="AI468" t="s">
        <v>200</v>
      </c>
      <c r="AJ468" t="s">
        <v>200</v>
      </c>
      <c r="AK468" t="s">
        <v>200</v>
      </c>
      <c r="AL468" t="s">
        <v>42</v>
      </c>
      <c r="AM468" t="s">
        <v>183</v>
      </c>
      <c r="AN468" t="s">
        <v>182</v>
      </c>
      <c r="AO468" t="s">
        <v>206</v>
      </c>
      <c r="AP468" t="s">
        <v>201</v>
      </c>
      <c r="AQ468" t="s">
        <v>203</v>
      </c>
      <c r="AR468" t="s">
        <v>202</v>
      </c>
      <c r="AS468" t="s">
        <v>205</v>
      </c>
      <c r="AT468" t="s">
        <v>184</v>
      </c>
      <c r="AU468" t="s">
        <v>185</v>
      </c>
      <c r="AV468" t="s">
        <v>204</v>
      </c>
      <c r="AW468" t="s">
        <v>3313</v>
      </c>
      <c r="AX468" t="s">
        <v>186</v>
      </c>
      <c r="AZ468" t="s">
        <v>207</v>
      </c>
      <c r="BF468" t="s">
        <v>292</v>
      </c>
      <c r="BG468" t="s">
        <v>301</v>
      </c>
      <c r="BH468" t="s">
        <v>464</v>
      </c>
      <c r="BK468" t="s">
        <v>191</v>
      </c>
      <c r="BL468" t="s">
        <v>3314</v>
      </c>
      <c r="BM468" t="s">
        <v>218</v>
      </c>
      <c r="BN468" t="s">
        <v>3315</v>
      </c>
      <c r="BO468" t="s">
        <v>218</v>
      </c>
      <c r="BP468" t="s">
        <v>3316</v>
      </c>
      <c r="BQ468" t="s">
        <v>3317</v>
      </c>
    </row>
    <row r="469" spans="1:69" x14ac:dyDescent="0.25">
      <c r="A469" s="1">
        <v>30449012</v>
      </c>
      <c r="B469" t="s">
        <v>2687</v>
      </c>
      <c r="C469" t="s">
        <v>39</v>
      </c>
      <c r="D469" t="s">
        <v>2512</v>
      </c>
      <c r="E469" t="s">
        <v>175</v>
      </c>
      <c r="L469" t="s">
        <v>52</v>
      </c>
      <c r="M469" s="1">
        <v>0</v>
      </c>
      <c r="N469" s="1">
        <v>0</v>
      </c>
      <c r="O469" t="s">
        <v>2512</v>
      </c>
      <c r="P469" t="s">
        <v>216</v>
      </c>
      <c r="Q469" t="s">
        <v>196</v>
      </c>
      <c r="S469" s="1">
        <v>0</v>
      </c>
      <c r="T469" t="s">
        <v>175</v>
      </c>
      <c r="X469" t="s">
        <v>179</v>
      </c>
      <c r="AC469" t="s">
        <v>180</v>
      </c>
      <c r="AD469" s="1">
        <v>0</v>
      </c>
      <c r="AE469" s="1">
        <v>0</v>
      </c>
      <c r="AF469" s="1">
        <v>0</v>
      </c>
      <c r="AG469" s="1">
        <v>0</v>
      </c>
      <c r="AH469" s="1">
        <v>0</v>
      </c>
      <c r="AI469" s="1">
        <v>0</v>
      </c>
      <c r="AJ469" s="1">
        <v>0</v>
      </c>
      <c r="AK469" s="1">
        <v>0</v>
      </c>
      <c r="AL469" s="1">
        <v>0</v>
      </c>
      <c r="AM469" s="1">
        <v>0</v>
      </c>
      <c r="AN469" s="1">
        <v>0</v>
      </c>
      <c r="AO469" s="1">
        <v>0</v>
      </c>
      <c r="AP469" s="1">
        <v>0</v>
      </c>
      <c r="AQ469" s="1">
        <v>0</v>
      </c>
      <c r="AR469" s="1">
        <v>0</v>
      </c>
      <c r="AS469" s="1">
        <v>0</v>
      </c>
      <c r="AT469" s="1">
        <v>0</v>
      </c>
      <c r="AU469" s="1">
        <v>0</v>
      </c>
      <c r="AV469" s="1">
        <v>0</v>
      </c>
      <c r="BF469" s="1">
        <v>0</v>
      </c>
      <c r="BG469" s="1">
        <v>0</v>
      </c>
      <c r="BH469" s="1">
        <v>0</v>
      </c>
      <c r="BK469" s="1">
        <v>0</v>
      </c>
      <c r="BM469" s="1">
        <v>0</v>
      </c>
      <c r="BO469" s="1">
        <v>0</v>
      </c>
    </row>
    <row r="470" spans="1:69" x14ac:dyDescent="0.25">
      <c r="A470" s="1">
        <v>30449013</v>
      </c>
      <c r="B470" t="s">
        <v>3318</v>
      </c>
      <c r="C470" t="s">
        <v>39</v>
      </c>
      <c r="D470" t="s">
        <v>3138</v>
      </c>
      <c r="E470" t="s">
        <v>175</v>
      </c>
      <c r="L470" t="s">
        <v>52</v>
      </c>
      <c r="M470" s="1">
        <v>0</v>
      </c>
      <c r="N470" s="1">
        <v>0</v>
      </c>
      <c r="O470" t="s">
        <v>3139</v>
      </c>
      <c r="P470" t="s">
        <v>176</v>
      </c>
      <c r="Q470" t="s">
        <v>196</v>
      </c>
      <c r="S470" t="s">
        <v>178</v>
      </c>
      <c r="T470" t="s">
        <v>175</v>
      </c>
      <c r="X470" t="s">
        <v>179</v>
      </c>
      <c r="AC470" t="s">
        <v>180</v>
      </c>
      <c r="AD470" t="s">
        <v>175</v>
      </c>
      <c r="AE470" t="s">
        <v>175</v>
      </c>
      <c r="AF470" t="s">
        <v>175</v>
      </c>
      <c r="AG470" t="s">
        <v>175</v>
      </c>
      <c r="AH470" t="s">
        <v>175</v>
      </c>
      <c r="AI470" t="s">
        <v>175</v>
      </c>
      <c r="AJ470" t="s">
        <v>175</v>
      </c>
      <c r="AK470" t="s">
        <v>175</v>
      </c>
      <c r="AL470" t="s">
        <v>52</v>
      </c>
      <c r="AM470" t="s">
        <v>182</v>
      </c>
      <c r="AN470" t="s">
        <v>184</v>
      </c>
      <c r="AO470" s="1">
        <v>0</v>
      </c>
      <c r="AP470" t="s">
        <v>185</v>
      </c>
      <c r="AQ470" s="1">
        <v>0</v>
      </c>
      <c r="AR470" s="1">
        <v>0</v>
      </c>
      <c r="AS470" s="1">
        <v>0</v>
      </c>
      <c r="AT470" s="1">
        <v>0</v>
      </c>
      <c r="AU470" s="1">
        <v>0</v>
      </c>
      <c r="AV470" s="1">
        <v>0</v>
      </c>
      <c r="AX470" t="s">
        <v>186</v>
      </c>
      <c r="AZ470" t="s">
        <v>207</v>
      </c>
      <c r="BF470" t="s">
        <v>210</v>
      </c>
      <c r="BG470" s="1">
        <v>0</v>
      </c>
      <c r="BH470" t="s">
        <v>247</v>
      </c>
      <c r="BK470" t="s">
        <v>191</v>
      </c>
      <c r="BM470" t="s">
        <v>191</v>
      </c>
      <c r="BN470" t="s">
        <v>3319</v>
      </c>
      <c r="BO470" t="s">
        <v>191</v>
      </c>
      <c r="BP470" t="s">
        <v>3320</v>
      </c>
    </row>
    <row r="471" spans="1:69" x14ac:dyDescent="0.25">
      <c r="A471" s="1">
        <v>30449014</v>
      </c>
      <c r="B471" t="s">
        <v>429</v>
      </c>
      <c r="C471" t="s">
        <v>39</v>
      </c>
      <c r="D471" t="s">
        <v>174</v>
      </c>
      <c r="E471" t="s">
        <v>200</v>
      </c>
      <c r="L471" t="s">
        <v>52</v>
      </c>
      <c r="M471" s="1">
        <v>0</v>
      </c>
      <c r="N471" s="1">
        <v>0</v>
      </c>
      <c r="O471" t="s">
        <v>174</v>
      </c>
      <c r="P471" t="s">
        <v>176</v>
      </c>
      <c r="Q471" t="s">
        <v>177</v>
      </c>
      <c r="S471" t="s">
        <v>178</v>
      </c>
      <c r="T471" t="s">
        <v>200</v>
      </c>
      <c r="AC471" t="s">
        <v>180</v>
      </c>
      <c r="AD471" t="s">
        <v>175</v>
      </c>
      <c r="AE471" t="s">
        <v>175</v>
      </c>
      <c r="AF471" t="s">
        <v>175</v>
      </c>
      <c r="AG471" t="s">
        <v>175</v>
      </c>
      <c r="AH471" t="s">
        <v>175</v>
      </c>
      <c r="AI471" t="s">
        <v>175</v>
      </c>
      <c r="AJ471" t="s">
        <v>175</v>
      </c>
      <c r="AK471" t="s">
        <v>175</v>
      </c>
      <c r="AL471" t="s">
        <v>52</v>
      </c>
      <c r="AM471" s="1">
        <v>0</v>
      </c>
      <c r="AN471" s="1">
        <v>0</v>
      </c>
      <c r="AO471" s="1">
        <v>0</v>
      </c>
      <c r="AP471" s="1">
        <v>0</v>
      </c>
      <c r="AQ471" s="1">
        <v>0</v>
      </c>
      <c r="AR471" s="1">
        <v>0</v>
      </c>
      <c r="AS471" s="1">
        <v>0</v>
      </c>
      <c r="AT471" s="1">
        <v>0</v>
      </c>
      <c r="AU471" s="1">
        <v>0</v>
      </c>
      <c r="AV471" s="1">
        <v>0</v>
      </c>
      <c r="BF471" t="s">
        <v>210</v>
      </c>
      <c r="BG471" s="1">
        <v>0</v>
      </c>
      <c r="BH471" t="s">
        <v>211</v>
      </c>
      <c r="BK471" t="s">
        <v>191</v>
      </c>
      <c r="BM471" t="s">
        <v>191</v>
      </c>
      <c r="BO471" t="s">
        <v>191</v>
      </c>
    </row>
    <row r="472" spans="1:69" x14ac:dyDescent="0.25">
      <c r="A472" s="1">
        <v>30449017</v>
      </c>
      <c r="B472" t="s">
        <v>430</v>
      </c>
      <c r="C472" t="s">
        <v>39</v>
      </c>
      <c r="D472" t="s">
        <v>174</v>
      </c>
      <c r="E472" t="s">
        <v>175</v>
      </c>
      <c r="L472" t="s">
        <v>52</v>
      </c>
      <c r="M472" s="1">
        <v>0</v>
      </c>
      <c r="N472" s="1">
        <v>0</v>
      </c>
      <c r="O472" t="s">
        <v>174</v>
      </c>
      <c r="P472" t="s">
        <v>176</v>
      </c>
      <c r="Q472" t="s">
        <v>196</v>
      </c>
      <c r="S472" t="s">
        <v>178</v>
      </c>
      <c r="T472" t="s">
        <v>175</v>
      </c>
      <c r="Y472" t="s">
        <v>224</v>
      </c>
      <c r="AC472" t="s">
        <v>199</v>
      </c>
      <c r="AD472" t="s">
        <v>175</v>
      </c>
      <c r="AE472" t="s">
        <v>175</v>
      </c>
      <c r="AF472" t="s">
        <v>175</v>
      </c>
      <c r="AG472" t="s">
        <v>200</v>
      </c>
      <c r="AH472" t="s">
        <v>200</v>
      </c>
      <c r="AI472" t="s">
        <v>175</v>
      </c>
      <c r="AJ472" t="s">
        <v>175</v>
      </c>
      <c r="AK472" t="s">
        <v>200</v>
      </c>
      <c r="AL472" t="s">
        <v>42</v>
      </c>
      <c r="AM472" t="s">
        <v>184</v>
      </c>
      <c r="AN472" t="s">
        <v>183</v>
      </c>
      <c r="AO472" t="s">
        <v>185</v>
      </c>
      <c r="AP472" t="s">
        <v>201</v>
      </c>
      <c r="AQ472" t="s">
        <v>205</v>
      </c>
      <c r="AR472" t="s">
        <v>204</v>
      </c>
      <c r="AS472" t="s">
        <v>202</v>
      </c>
      <c r="AT472" t="s">
        <v>206</v>
      </c>
      <c r="AU472" t="s">
        <v>203</v>
      </c>
      <c r="AV472" t="s">
        <v>182</v>
      </c>
      <c r="AY472" t="s">
        <v>187</v>
      </c>
      <c r="AZ472" t="s">
        <v>207</v>
      </c>
      <c r="BB472" t="s">
        <v>208</v>
      </c>
      <c r="BF472" t="s">
        <v>49</v>
      </c>
      <c r="BG472" s="1">
        <v>0</v>
      </c>
      <c r="BH472" t="s">
        <v>190</v>
      </c>
      <c r="BK472" t="s">
        <v>191</v>
      </c>
      <c r="BL472" t="s">
        <v>431</v>
      </c>
      <c r="BM472" t="s">
        <v>191</v>
      </c>
      <c r="BN472" t="s">
        <v>432</v>
      </c>
      <c r="BO472" t="s">
        <v>218</v>
      </c>
      <c r="BP472" t="s">
        <v>433</v>
      </c>
      <c r="BQ472" t="s">
        <v>434</v>
      </c>
    </row>
    <row r="473" spans="1:69" x14ac:dyDescent="0.25">
      <c r="A473" s="1">
        <v>30449026</v>
      </c>
      <c r="B473" t="s">
        <v>2688</v>
      </c>
      <c r="C473" t="s">
        <v>39</v>
      </c>
      <c r="D473" t="s">
        <v>2512</v>
      </c>
      <c r="L473" t="s">
        <v>52</v>
      </c>
      <c r="M473" s="1">
        <v>0</v>
      </c>
      <c r="N473" s="1">
        <v>0</v>
      </c>
      <c r="O473" t="s">
        <v>2512</v>
      </c>
      <c r="P473" s="1">
        <v>0</v>
      </c>
      <c r="Q473" s="1">
        <v>0</v>
      </c>
      <c r="S473" s="1">
        <v>0</v>
      </c>
      <c r="T473" s="1">
        <v>0</v>
      </c>
      <c r="AC473" s="1">
        <v>0</v>
      </c>
      <c r="AD473" s="1">
        <v>0</v>
      </c>
      <c r="AE473" s="1">
        <v>0</v>
      </c>
      <c r="AF473" s="1">
        <v>0</v>
      </c>
      <c r="AG473" s="1">
        <v>0</v>
      </c>
      <c r="AH473" s="1">
        <v>0</v>
      </c>
      <c r="AI473" s="1">
        <v>0</v>
      </c>
      <c r="AJ473" s="1">
        <v>0</v>
      </c>
      <c r="AK473" s="1">
        <v>0</v>
      </c>
      <c r="AL473" s="1">
        <v>0</v>
      </c>
      <c r="AM473" s="1">
        <v>0</v>
      </c>
      <c r="AN473" s="1">
        <v>0</v>
      </c>
      <c r="AO473" s="1">
        <v>0</v>
      </c>
      <c r="AP473" s="1">
        <v>0</v>
      </c>
      <c r="AQ473" s="1">
        <v>0</v>
      </c>
      <c r="AR473" s="1">
        <v>0</v>
      </c>
      <c r="AS473" s="1">
        <v>0</v>
      </c>
      <c r="AT473" s="1">
        <v>0</v>
      </c>
      <c r="AU473" s="1">
        <v>0</v>
      </c>
      <c r="AV473" s="1">
        <v>0</v>
      </c>
      <c r="BF473" s="1">
        <v>0</v>
      </c>
      <c r="BG473" s="1">
        <v>0</v>
      </c>
      <c r="BH473" s="1">
        <v>0</v>
      </c>
      <c r="BK473" s="1">
        <v>0</v>
      </c>
      <c r="BM473" s="1">
        <v>0</v>
      </c>
      <c r="BO473" s="1">
        <v>0</v>
      </c>
    </row>
    <row r="474" spans="1:69" x14ac:dyDescent="0.25">
      <c r="A474" s="1">
        <v>30449027</v>
      </c>
      <c r="B474" t="s">
        <v>3972</v>
      </c>
      <c r="C474" t="s">
        <v>39</v>
      </c>
      <c r="D474" t="s">
        <v>3727</v>
      </c>
      <c r="E474" t="s">
        <v>200</v>
      </c>
      <c r="L474" t="s">
        <v>52</v>
      </c>
      <c r="M474" s="1">
        <v>0</v>
      </c>
      <c r="N474" s="1">
        <v>0</v>
      </c>
      <c r="O474" t="s">
        <v>3728</v>
      </c>
      <c r="P474" t="s">
        <v>176</v>
      </c>
      <c r="Q474" t="s">
        <v>238</v>
      </c>
      <c r="S474" t="s">
        <v>178</v>
      </c>
      <c r="T474" t="s">
        <v>200</v>
      </c>
      <c r="Y474" t="s">
        <v>224</v>
      </c>
      <c r="AC474" t="s">
        <v>199</v>
      </c>
      <c r="AD474" t="s">
        <v>200</v>
      </c>
      <c r="AE474" t="s">
        <v>200</v>
      </c>
      <c r="AF474" t="s">
        <v>175</v>
      </c>
      <c r="AG474" t="s">
        <v>200</v>
      </c>
      <c r="AH474" t="s">
        <v>200</v>
      </c>
      <c r="AI474" t="s">
        <v>200</v>
      </c>
      <c r="AJ474" t="s">
        <v>175</v>
      </c>
      <c r="AK474" t="s">
        <v>200</v>
      </c>
      <c r="AL474" t="s">
        <v>42</v>
      </c>
      <c r="AM474" s="1">
        <v>0</v>
      </c>
      <c r="AN474" s="1">
        <v>0</v>
      </c>
      <c r="AO474" t="s">
        <v>182</v>
      </c>
      <c r="AP474" t="s">
        <v>183</v>
      </c>
      <c r="AQ474" s="1">
        <v>0</v>
      </c>
      <c r="AR474" s="1">
        <v>0</v>
      </c>
      <c r="AS474" s="1">
        <v>0</v>
      </c>
      <c r="AT474" t="s">
        <v>185</v>
      </c>
      <c r="AU474" t="s">
        <v>184</v>
      </c>
      <c r="AV474" t="s">
        <v>201</v>
      </c>
      <c r="AX474" t="s">
        <v>186</v>
      </c>
      <c r="BA474" t="s">
        <v>188</v>
      </c>
      <c r="BF474" t="s">
        <v>292</v>
      </c>
      <c r="BG474" t="s">
        <v>301</v>
      </c>
      <c r="BH474" t="s">
        <v>464</v>
      </c>
      <c r="BK474" t="s">
        <v>191</v>
      </c>
      <c r="BL474" t="s">
        <v>3973</v>
      </c>
      <c r="BM474" t="s">
        <v>191</v>
      </c>
      <c r="BN474" t="s">
        <v>3974</v>
      </c>
      <c r="BO474" t="s">
        <v>191</v>
      </c>
      <c r="BP474" t="s">
        <v>3975</v>
      </c>
      <c r="BQ474" t="s">
        <v>3976</v>
      </c>
    </row>
    <row r="475" spans="1:69" x14ac:dyDescent="0.25">
      <c r="A475" s="1">
        <v>30449030</v>
      </c>
      <c r="B475" t="s">
        <v>1862</v>
      </c>
      <c r="C475" t="s">
        <v>39</v>
      </c>
      <c r="D475" t="s">
        <v>1616</v>
      </c>
      <c r="E475" t="s">
        <v>216</v>
      </c>
      <c r="L475" t="s">
        <v>52</v>
      </c>
      <c r="M475" s="1">
        <v>0</v>
      </c>
      <c r="N475" s="1">
        <v>0</v>
      </c>
      <c r="O475" t="s">
        <v>1616</v>
      </c>
      <c r="P475" t="s">
        <v>216</v>
      </c>
      <c r="Q475" t="s">
        <v>238</v>
      </c>
      <c r="S475" s="1">
        <v>0</v>
      </c>
      <c r="T475" t="s">
        <v>197</v>
      </c>
      <c r="Z475" t="s">
        <v>244</v>
      </c>
      <c r="AC475" t="s">
        <v>266</v>
      </c>
      <c r="AD475" t="s">
        <v>175</v>
      </c>
      <c r="AE475" t="s">
        <v>181</v>
      </c>
      <c r="AF475" t="s">
        <v>181</v>
      </c>
      <c r="AG475" t="s">
        <v>175</v>
      </c>
      <c r="AH475" t="s">
        <v>175</v>
      </c>
      <c r="AI475" t="s">
        <v>175</v>
      </c>
      <c r="AJ475" t="s">
        <v>175</v>
      </c>
      <c r="AK475" t="s">
        <v>200</v>
      </c>
      <c r="AL475" t="s">
        <v>42</v>
      </c>
      <c r="AM475" t="s">
        <v>202</v>
      </c>
      <c r="AN475" t="s">
        <v>183</v>
      </c>
      <c r="AO475" t="s">
        <v>205</v>
      </c>
      <c r="AP475" t="s">
        <v>185</v>
      </c>
      <c r="AQ475" t="s">
        <v>201</v>
      </c>
      <c r="AR475" t="s">
        <v>206</v>
      </c>
      <c r="AS475" t="s">
        <v>203</v>
      </c>
      <c r="AT475" t="s">
        <v>184</v>
      </c>
      <c r="AU475" t="s">
        <v>182</v>
      </c>
      <c r="AV475" t="s">
        <v>204</v>
      </c>
      <c r="AX475" t="s">
        <v>186</v>
      </c>
      <c r="AY475" t="s">
        <v>187</v>
      </c>
      <c r="AZ475" t="s">
        <v>207</v>
      </c>
      <c r="BA475" t="s">
        <v>188</v>
      </c>
      <c r="BB475" t="s">
        <v>208</v>
      </c>
      <c r="BC475" t="s">
        <v>209</v>
      </c>
      <c r="BF475" t="s">
        <v>210</v>
      </c>
      <c r="BG475" s="1">
        <v>0</v>
      </c>
      <c r="BH475" t="s">
        <v>211</v>
      </c>
      <c r="BK475" t="s">
        <v>191</v>
      </c>
      <c r="BM475" t="s">
        <v>218</v>
      </c>
      <c r="BO475" t="s">
        <v>218</v>
      </c>
    </row>
    <row r="476" spans="1:69" x14ac:dyDescent="0.25">
      <c r="A476" s="1">
        <v>30449034</v>
      </c>
      <c r="B476" t="s">
        <v>1863</v>
      </c>
      <c r="C476" t="s">
        <v>39</v>
      </c>
      <c r="D476" t="s">
        <v>1616</v>
      </c>
      <c r="E476" t="s">
        <v>200</v>
      </c>
      <c r="L476" t="s">
        <v>52</v>
      </c>
      <c r="M476" s="1">
        <v>0</v>
      </c>
      <c r="N476" s="1">
        <v>0</v>
      </c>
      <c r="O476" t="s">
        <v>1616</v>
      </c>
      <c r="P476" t="s">
        <v>216</v>
      </c>
      <c r="Q476" t="s">
        <v>322</v>
      </c>
      <c r="S476" s="1">
        <v>0</v>
      </c>
      <c r="T476" t="s">
        <v>200</v>
      </c>
      <c r="AA476" t="s">
        <v>273</v>
      </c>
      <c r="AB476" t="s">
        <v>1864</v>
      </c>
      <c r="AC476" t="s">
        <v>199</v>
      </c>
      <c r="AD476" t="s">
        <v>200</v>
      </c>
      <c r="AE476" t="s">
        <v>200</v>
      </c>
      <c r="AF476" t="s">
        <v>200</v>
      </c>
      <c r="AG476" t="s">
        <v>200</v>
      </c>
      <c r="AH476" t="s">
        <v>200</v>
      </c>
      <c r="AI476" t="s">
        <v>200</v>
      </c>
      <c r="AJ476" t="s">
        <v>200</v>
      </c>
      <c r="AK476" t="s">
        <v>200</v>
      </c>
      <c r="AL476" t="s">
        <v>42</v>
      </c>
      <c r="AM476" t="s">
        <v>202</v>
      </c>
      <c r="AN476" t="s">
        <v>206</v>
      </c>
      <c r="AO476" t="s">
        <v>185</v>
      </c>
      <c r="AP476" t="s">
        <v>184</v>
      </c>
      <c r="AQ476" t="s">
        <v>182</v>
      </c>
      <c r="AR476" t="s">
        <v>183</v>
      </c>
      <c r="AS476" t="s">
        <v>203</v>
      </c>
      <c r="AT476" t="s">
        <v>204</v>
      </c>
      <c r="AU476" t="s">
        <v>205</v>
      </c>
      <c r="AV476" t="s">
        <v>201</v>
      </c>
      <c r="AX476" t="s">
        <v>186</v>
      </c>
      <c r="AY476" t="s">
        <v>187</v>
      </c>
      <c r="AZ476" t="s">
        <v>207</v>
      </c>
      <c r="BA476" t="s">
        <v>188</v>
      </c>
      <c r="BB476" t="s">
        <v>208</v>
      </c>
      <c r="BC476" t="s">
        <v>209</v>
      </c>
      <c r="BF476" t="s">
        <v>210</v>
      </c>
      <c r="BG476" s="1">
        <v>0</v>
      </c>
      <c r="BH476" t="s">
        <v>211</v>
      </c>
      <c r="BK476" t="s">
        <v>191</v>
      </c>
      <c r="BL476" t="s">
        <v>1865</v>
      </c>
      <c r="BM476" t="s">
        <v>191</v>
      </c>
      <c r="BN476" t="s">
        <v>1866</v>
      </c>
      <c r="BO476" t="s">
        <v>191</v>
      </c>
      <c r="BP476" t="s">
        <v>1867</v>
      </c>
      <c r="BQ476" t="s">
        <v>1868</v>
      </c>
    </row>
    <row r="477" spans="1:69" x14ac:dyDescent="0.25">
      <c r="A477" s="1">
        <v>30449036</v>
      </c>
      <c r="B477" t="s">
        <v>1869</v>
      </c>
      <c r="C477" t="s">
        <v>39</v>
      </c>
      <c r="D477" t="s">
        <v>1616</v>
      </c>
      <c r="E477" t="s">
        <v>216</v>
      </c>
      <c r="L477" t="s">
        <v>52</v>
      </c>
      <c r="M477" s="1">
        <v>0</v>
      </c>
      <c r="N477" s="1">
        <v>0</v>
      </c>
      <c r="O477" t="s">
        <v>1616</v>
      </c>
      <c r="P477" t="s">
        <v>216</v>
      </c>
      <c r="Q477" t="s">
        <v>196</v>
      </c>
      <c r="S477" s="1">
        <v>0</v>
      </c>
      <c r="T477" t="s">
        <v>197</v>
      </c>
      <c r="U477" t="s">
        <v>1870</v>
      </c>
      <c r="AA477" t="s">
        <v>273</v>
      </c>
      <c r="AB477" t="s">
        <v>1871</v>
      </c>
      <c r="AC477" t="s">
        <v>180</v>
      </c>
      <c r="AD477" t="s">
        <v>175</v>
      </c>
      <c r="AE477" t="s">
        <v>175</v>
      </c>
      <c r="AF477" t="s">
        <v>175</v>
      </c>
      <c r="AG477" t="s">
        <v>175</v>
      </c>
      <c r="AH477" t="s">
        <v>175</v>
      </c>
      <c r="AI477" t="s">
        <v>175</v>
      </c>
      <c r="AJ477" t="s">
        <v>175</v>
      </c>
      <c r="AK477" t="s">
        <v>181</v>
      </c>
      <c r="AL477" t="s">
        <v>52</v>
      </c>
      <c r="AM477" t="s">
        <v>184</v>
      </c>
      <c r="AN477" t="s">
        <v>183</v>
      </c>
      <c r="AO477" t="s">
        <v>182</v>
      </c>
      <c r="AP477" t="s">
        <v>185</v>
      </c>
      <c r="AQ477" t="s">
        <v>202</v>
      </c>
      <c r="AR477" t="s">
        <v>203</v>
      </c>
      <c r="AS477" t="s">
        <v>204</v>
      </c>
      <c r="AT477" t="s">
        <v>201</v>
      </c>
      <c r="AU477" t="s">
        <v>206</v>
      </c>
      <c r="AV477" t="s">
        <v>205</v>
      </c>
      <c r="AZ477" t="s">
        <v>207</v>
      </c>
      <c r="BA477" t="s">
        <v>188</v>
      </c>
      <c r="BB477" t="s">
        <v>208</v>
      </c>
      <c r="BF477" t="s">
        <v>210</v>
      </c>
      <c r="BG477" s="1">
        <v>0</v>
      </c>
      <c r="BH477" t="s">
        <v>211</v>
      </c>
      <c r="BK477" t="s">
        <v>191</v>
      </c>
      <c r="BL477" t="s">
        <v>1872</v>
      </c>
      <c r="BM477" t="s">
        <v>191</v>
      </c>
      <c r="BN477" t="s">
        <v>1873</v>
      </c>
      <c r="BO477" s="1">
        <v>0</v>
      </c>
    </row>
    <row r="478" spans="1:69" x14ac:dyDescent="0.25">
      <c r="A478" s="1">
        <v>30449037</v>
      </c>
      <c r="B478" t="s">
        <v>1874</v>
      </c>
      <c r="C478" t="s">
        <v>39</v>
      </c>
      <c r="D478" t="s">
        <v>1616</v>
      </c>
      <c r="E478" t="s">
        <v>195</v>
      </c>
      <c r="L478" t="s">
        <v>52</v>
      </c>
      <c r="M478" s="1">
        <v>0</v>
      </c>
      <c r="N478" s="1">
        <v>0</v>
      </c>
      <c r="O478" t="s">
        <v>1616</v>
      </c>
      <c r="P478" t="s">
        <v>176</v>
      </c>
      <c r="Q478" t="s">
        <v>177</v>
      </c>
      <c r="S478" t="s">
        <v>222</v>
      </c>
      <c r="T478" t="s">
        <v>197</v>
      </c>
      <c r="Z478" t="s">
        <v>244</v>
      </c>
      <c r="AC478" t="s">
        <v>180</v>
      </c>
      <c r="AD478" t="s">
        <v>181</v>
      </c>
      <c r="AE478" t="s">
        <v>175</v>
      </c>
      <c r="AF478" t="s">
        <v>175</v>
      </c>
      <c r="AG478" t="s">
        <v>181</v>
      </c>
      <c r="AH478" t="s">
        <v>175</v>
      </c>
      <c r="AI478" t="s">
        <v>175</v>
      </c>
      <c r="AJ478" t="s">
        <v>175</v>
      </c>
      <c r="AK478" t="s">
        <v>175</v>
      </c>
      <c r="AL478" t="s">
        <v>42</v>
      </c>
      <c r="AM478" t="s">
        <v>185</v>
      </c>
      <c r="AN478" t="s">
        <v>184</v>
      </c>
      <c r="AO478" s="1">
        <v>0</v>
      </c>
      <c r="AP478" s="1">
        <v>0</v>
      </c>
      <c r="AQ478" s="1">
        <v>0</v>
      </c>
      <c r="AR478" s="1">
        <v>0</v>
      </c>
      <c r="AS478" t="s">
        <v>182</v>
      </c>
      <c r="AT478" s="1">
        <v>0</v>
      </c>
      <c r="AU478" s="1">
        <v>0</v>
      </c>
      <c r="AV478" s="1">
        <v>0</v>
      </c>
      <c r="AY478" t="s">
        <v>187</v>
      </c>
      <c r="AZ478" t="s">
        <v>207</v>
      </c>
      <c r="BB478" t="s">
        <v>208</v>
      </c>
      <c r="BF478" t="s">
        <v>232</v>
      </c>
      <c r="BG478" t="s">
        <v>276</v>
      </c>
      <c r="BH478" t="s">
        <v>211</v>
      </c>
      <c r="BK478" t="s">
        <v>191</v>
      </c>
      <c r="BM478" s="1">
        <v>0</v>
      </c>
      <c r="BO478" t="s">
        <v>218</v>
      </c>
    </row>
    <row r="479" spans="1:69" x14ac:dyDescent="0.25">
      <c r="A479" s="1">
        <v>30449039</v>
      </c>
      <c r="B479" t="s">
        <v>1875</v>
      </c>
      <c r="C479" t="s">
        <v>39</v>
      </c>
      <c r="D479" t="s">
        <v>1616</v>
      </c>
      <c r="L479" t="s">
        <v>52</v>
      </c>
      <c r="M479" s="1">
        <v>0</v>
      </c>
      <c r="N479" s="1">
        <v>0</v>
      </c>
      <c r="O479" t="s">
        <v>1616</v>
      </c>
      <c r="P479" s="1">
        <v>0</v>
      </c>
      <c r="Q479" s="1">
        <v>0</v>
      </c>
      <c r="S479" s="1">
        <v>0</v>
      </c>
      <c r="T479" s="1">
        <v>0</v>
      </c>
      <c r="AC479" s="1">
        <v>0</v>
      </c>
      <c r="AD479" s="1">
        <v>0</v>
      </c>
      <c r="AE479" s="1">
        <v>0</v>
      </c>
      <c r="AF479" s="1">
        <v>0</v>
      </c>
      <c r="AG479" s="1">
        <v>0</v>
      </c>
      <c r="AH479" s="1">
        <v>0</v>
      </c>
      <c r="AI479" s="1">
        <v>0</v>
      </c>
      <c r="AJ479" s="1">
        <v>0</v>
      </c>
      <c r="AK479" s="1">
        <v>0</v>
      </c>
      <c r="AL479" s="1">
        <v>0</v>
      </c>
      <c r="AM479" s="1">
        <v>0</v>
      </c>
      <c r="AN479" s="1">
        <v>0</v>
      </c>
      <c r="AO479" s="1">
        <v>0</v>
      </c>
      <c r="AP479" s="1">
        <v>0</v>
      </c>
      <c r="AQ479" s="1">
        <v>0</v>
      </c>
      <c r="AR479" s="1">
        <v>0</v>
      </c>
      <c r="AS479" s="1">
        <v>0</v>
      </c>
      <c r="AT479" s="1">
        <v>0</v>
      </c>
      <c r="AU479" s="1">
        <v>0</v>
      </c>
      <c r="AV479" s="1">
        <v>0</v>
      </c>
      <c r="BF479" s="1">
        <v>0</v>
      </c>
      <c r="BG479" s="1">
        <v>0</v>
      </c>
      <c r="BH479" s="1">
        <v>0</v>
      </c>
      <c r="BK479" s="1">
        <v>0</v>
      </c>
      <c r="BM479" s="1">
        <v>0</v>
      </c>
      <c r="BO479" s="1">
        <v>0</v>
      </c>
    </row>
    <row r="480" spans="1:69" x14ac:dyDescent="0.25">
      <c r="A480" s="1">
        <v>30449043</v>
      </c>
      <c r="B480" t="s">
        <v>1876</v>
      </c>
      <c r="C480" t="s">
        <v>39</v>
      </c>
      <c r="D480" t="s">
        <v>1616</v>
      </c>
      <c r="E480" t="s">
        <v>175</v>
      </c>
      <c r="L480" t="s">
        <v>52</v>
      </c>
      <c r="M480" s="1">
        <v>0</v>
      </c>
      <c r="N480" s="1">
        <v>0</v>
      </c>
      <c r="O480" t="s">
        <v>1616</v>
      </c>
      <c r="P480" t="s">
        <v>176</v>
      </c>
      <c r="Q480" t="s">
        <v>177</v>
      </c>
      <c r="S480" t="s">
        <v>178</v>
      </c>
      <c r="T480" t="s">
        <v>175</v>
      </c>
      <c r="AA480" t="s">
        <v>273</v>
      </c>
      <c r="AB480" t="s">
        <v>1877</v>
      </c>
      <c r="AC480" s="1">
        <v>0</v>
      </c>
      <c r="AD480" s="1">
        <v>0</v>
      </c>
      <c r="AE480" s="1">
        <v>0</v>
      </c>
      <c r="AF480" s="1">
        <v>0</v>
      </c>
      <c r="AG480" s="1">
        <v>0</v>
      </c>
      <c r="AH480" s="1">
        <v>0</v>
      </c>
      <c r="AI480" s="1">
        <v>0</v>
      </c>
      <c r="AJ480" s="1">
        <v>0</v>
      </c>
      <c r="AK480" s="1">
        <v>0</v>
      </c>
      <c r="AL480" s="1">
        <v>0</v>
      </c>
      <c r="AM480" s="1">
        <v>0</v>
      </c>
      <c r="AN480" s="1">
        <v>0</v>
      </c>
      <c r="AO480" s="1">
        <v>0</v>
      </c>
      <c r="AP480" s="1">
        <v>0</v>
      </c>
      <c r="AQ480" s="1">
        <v>0</v>
      </c>
      <c r="AR480" s="1">
        <v>0</v>
      </c>
      <c r="AS480" s="1">
        <v>0</v>
      </c>
      <c r="AT480" s="1">
        <v>0</v>
      </c>
      <c r="AU480" s="1">
        <v>0</v>
      </c>
      <c r="AV480" s="1">
        <v>0</v>
      </c>
      <c r="BF480" s="1">
        <v>0</v>
      </c>
      <c r="BG480" s="1">
        <v>0</v>
      </c>
      <c r="BH480" s="1">
        <v>0</v>
      </c>
      <c r="BK480" s="1">
        <v>0</v>
      </c>
      <c r="BM480" s="1">
        <v>0</v>
      </c>
      <c r="BO480" s="1">
        <v>0</v>
      </c>
    </row>
    <row r="481" spans="1:69" x14ac:dyDescent="0.25">
      <c r="A481" s="1">
        <v>30449045</v>
      </c>
      <c r="B481" t="s">
        <v>3321</v>
      </c>
      <c r="C481" t="s">
        <v>39</v>
      </c>
      <c r="D481" t="s">
        <v>3138</v>
      </c>
      <c r="E481" t="s">
        <v>195</v>
      </c>
      <c r="L481" t="s">
        <v>52</v>
      </c>
      <c r="M481" s="1">
        <v>0</v>
      </c>
      <c r="N481" s="1">
        <v>0</v>
      </c>
      <c r="O481" t="s">
        <v>3139</v>
      </c>
      <c r="P481" t="s">
        <v>176</v>
      </c>
      <c r="Q481" t="s">
        <v>177</v>
      </c>
      <c r="S481" t="s">
        <v>178</v>
      </c>
      <c r="T481" t="s">
        <v>299</v>
      </c>
      <c r="U481" t="s">
        <v>3322</v>
      </c>
      <c r="Y481" t="s">
        <v>224</v>
      </c>
      <c r="AC481" t="s">
        <v>199</v>
      </c>
      <c r="AD481" t="s">
        <v>175</v>
      </c>
      <c r="AE481" t="s">
        <v>175</v>
      </c>
      <c r="AF481" t="s">
        <v>175</v>
      </c>
      <c r="AG481" t="s">
        <v>175</v>
      </c>
      <c r="AH481" t="s">
        <v>175</v>
      </c>
      <c r="AI481" t="s">
        <v>175</v>
      </c>
      <c r="AJ481" t="s">
        <v>175</v>
      </c>
      <c r="AK481" t="s">
        <v>175</v>
      </c>
      <c r="AL481" t="s">
        <v>42</v>
      </c>
      <c r="AM481" t="s">
        <v>182</v>
      </c>
      <c r="AN481" t="s">
        <v>185</v>
      </c>
      <c r="AO481" t="s">
        <v>206</v>
      </c>
      <c r="AP481" t="s">
        <v>205</v>
      </c>
      <c r="AQ481" t="s">
        <v>202</v>
      </c>
      <c r="AR481" t="s">
        <v>203</v>
      </c>
      <c r="AS481" t="s">
        <v>204</v>
      </c>
      <c r="AT481" t="s">
        <v>183</v>
      </c>
      <c r="AU481" t="s">
        <v>184</v>
      </c>
      <c r="AV481" t="s">
        <v>201</v>
      </c>
      <c r="BA481" t="s">
        <v>188</v>
      </c>
      <c r="BF481" t="s">
        <v>292</v>
      </c>
      <c r="BG481" t="s">
        <v>49</v>
      </c>
      <c r="BH481" t="s">
        <v>211</v>
      </c>
      <c r="BK481" s="1">
        <v>0</v>
      </c>
      <c r="BM481" s="1">
        <v>0</v>
      </c>
      <c r="BO481" s="1">
        <v>0</v>
      </c>
    </row>
    <row r="482" spans="1:69" x14ac:dyDescent="0.25">
      <c r="A482" s="1">
        <v>30449046</v>
      </c>
      <c r="B482" t="s">
        <v>3977</v>
      </c>
      <c r="C482" t="s">
        <v>39</v>
      </c>
      <c r="D482" t="s">
        <v>3727</v>
      </c>
      <c r="E482" t="s">
        <v>195</v>
      </c>
      <c r="L482" t="s">
        <v>52</v>
      </c>
      <c r="M482" s="1">
        <v>0</v>
      </c>
      <c r="N482" s="1">
        <v>0</v>
      </c>
      <c r="O482" t="s">
        <v>3728</v>
      </c>
      <c r="P482" t="s">
        <v>176</v>
      </c>
      <c r="Q482" t="s">
        <v>196</v>
      </c>
      <c r="S482" t="s">
        <v>256</v>
      </c>
      <c r="T482" t="s">
        <v>197</v>
      </c>
      <c r="AC482" t="s">
        <v>180</v>
      </c>
      <c r="AD482" s="1">
        <v>0</v>
      </c>
      <c r="AE482" s="1">
        <v>0</v>
      </c>
      <c r="AF482" s="1">
        <v>0</v>
      </c>
      <c r="AG482" s="1">
        <v>0</v>
      </c>
      <c r="AH482" s="1">
        <v>0</v>
      </c>
      <c r="AI482" s="1">
        <v>0</v>
      </c>
      <c r="AJ482" s="1">
        <v>0</v>
      </c>
      <c r="AK482" s="1">
        <v>0</v>
      </c>
      <c r="AL482" t="s">
        <v>42</v>
      </c>
      <c r="AM482" s="1">
        <v>0</v>
      </c>
      <c r="AN482" s="1">
        <v>0</v>
      </c>
      <c r="AO482" s="1">
        <v>0</v>
      </c>
      <c r="AP482" s="1">
        <v>0</v>
      </c>
      <c r="AQ482" s="1">
        <v>0</v>
      </c>
      <c r="AR482" s="1">
        <v>0</v>
      </c>
      <c r="AS482" s="1">
        <v>0</v>
      </c>
      <c r="AT482" s="1">
        <v>0</v>
      </c>
      <c r="AU482" s="1">
        <v>0</v>
      </c>
      <c r="AV482" s="1">
        <v>0</v>
      </c>
      <c r="BF482" s="1">
        <v>0</v>
      </c>
      <c r="BG482" s="1">
        <v>0</v>
      </c>
      <c r="BH482" s="1">
        <v>0</v>
      </c>
      <c r="BK482" s="1">
        <v>0</v>
      </c>
      <c r="BM482" s="1">
        <v>0</v>
      </c>
      <c r="BO482" s="1">
        <v>0</v>
      </c>
    </row>
    <row r="483" spans="1:69" x14ac:dyDescent="0.25">
      <c r="A483" s="1">
        <v>30449047</v>
      </c>
      <c r="B483" t="s">
        <v>1156</v>
      </c>
      <c r="C483" t="s">
        <v>39</v>
      </c>
      <c r="D483" t="s">
        <v>942</v>
      </c>
      <c r="E483" t="s">
        <v>175</v>
      </c>
      <c r="L483" t="s">
        <v>52</v>
      </c>
      <c r="M483" s="1">
        <v>0</v>
      </c>
      <c r="N483" s="1">
        <v>0</v>
      </c>
      <c r="O483" t="s">
        <v>942</v>
      </c>
      <c r="P483" t="s">
        <v>216</v>
      </c>
      <c r="Q483" t="s">
        <v>322</v>
      </c>
      <c r="S483" s="1">
        <v>0</v>
      </c>
      <c r="T483" t="s">
        <v>175</v>
      </c>
      <c r="Y483" t="s">
        <v>224</v>
      </c>
      <c r="AC483" t="s">
        <v>180</v>
      </c>
      <c r="AD483" t="s">
        <v>175</v>
      </c>
      <c r="AE483" t="s">
        <v>230</v>
      </c>
      <c r="AF483" t="s">
        <v>230</v>
      </c>
      <c r="AG483" s="1">
        <v>0</v>
      </c>
      <c r="AH483" t="s">
        <v>200</v>
      </c>
      <c r="AI483" t="s">
        <v>200</v>
      </c>
      <c r="AJ483" t="s">
        <v>200</v>
      </c>
      <c r="AK483" t="s">
        <v>230</v>
      </c>
      <c r="AL483" t="s">
        <v>52</v>
      </c>
      <c r="AM483" t="s">
        <v>205</v>
      </c>
      <c r="AN483" t="s">
        <v>183</v>
      </c>
      <c r="AO483" t="s">
        <v>185</v>
      </c>
      <c r="AP483" t="s">
        <v>184</v>
      </c>
      <c r="AQ483" t="s">
        <v>202</v>
      </c>
      <c r="AR483" t="s">
        <v>204</v>
      </c>
      <c r="AS483" t="s">
        <v>203</v>
      </c>
      <c r="AT483" t="s">
        <v>206</v>
      </c>
      <c r="AU483" t="s">
        <v>201</v>
      </c>
      <c r="AV483" t="s">
        <v>182</v>
      </c>
      <c r="AX483" t="s">
        <v>186</v>
      </c>
      <c r="AY483" t="s">
        <v>187</v>
      </c>
      <c r="BB483" t="s">
        <v>208</v>
      </c>
      <c r="BF483" t="s">
        <v>189</v>
      </c>
      <c r="BG483" s="1">
        <v>0</v>
      </c>
      <c r="BH483" t="s">
        <v>211</v>
      </c>
      <c r="BK483" t="s">
        <v>191</v>
      </c>
      <c r="BL483" t="s">
        <v>1157</v>
      </c>
      <c r="BM483" t="s">
        <v>191</v>
      </c>
      <c r="BN483" t="s">
        <v>1158</v>
      </c>
      <c r="BO483" t="s">
        <v>191</v>
      </c>
      <c r="BP483" t="s">
        <v>1159</v>
      </c>
    </row>
    <row r="484" spans="1:69" x14ac:dyDescent="0.25">
      <c r="A484" s="1">
        <v>30449048</v>
      </c>
      <c r="B484" t="s">
        <v>3323</v>
      </c>
      <c r="C484" t="s">
        <v>39</v>
      </c>
      <c r="D484" t="s">
        <v>3138</v>
      </c>
      <c r="E484" t="s">
        <v>200</v>
      </c>
      <c r="L484" t="s">
        <v>52</v>
      </c>
      <c r="M484" s="1">
        <v>0</v>
      </c>
      <c r="N484" s="1">
        <v>0</v>
      </c>
      <c r="O484" t="s">
        <v>3139</v>
      </c>
      <c r="P484" t="s">
        <v>176</v>
      </c>
      <c r="Q484" t="s">
        <v>238</v>
      </c>
      <c r="S484" t="s">
        <v>178</v>
      </c>
      <c r="T484" t="s">
        <v>200</v>
      </c>
      <c r="V484" t="s">
        <v>397</v>
      </c>
      <c r="X484" t="s">
        <v>179</v>
      </c>
      <c r="Y484" t="s">
        <v>224</v>
      </c>
      <c r="AC484" t="s">
        <v>199</v>
      </c>
      <c r="AD484" t="s">
        <v>175</v>
      </c>
      <c r="AE484" t="s">
        <v>175</v>
      </c>
      <c r="AF484" t="s">
        <v>181</v>
      </c>
      <c r="AG484" t="s">
        <v>181</v>
      </c>
      <c r="AH484" t="s">
        <v>175</v>
      </c>
      <c r="AI484" t="s">
        <v>181</v>
      </c>
      <c r="AJ484" t="s">
        <v>181</v>
      </c>
      <c r="AK484" t="s">
        <v>175</v>
      </c>
      <c r="AL484" t="s">
        <v>42</v>
      </c>
      <c r="AM484" t="s">
        <v>182</v>
      </c>
      <c r="AN484" t="s">
        <v>184</v>
      </c>
      <c r="AO484" t="s">
        <v>204</v>
      </c>
      <c r="AP484" t="s">
        <v>203</v>
      </c>
      <c r="AQ484" t="s">
        <v>183</v>
      </c>
      <c r="AR484" t="s">
        <v>201</v>
      </c>
      <c r="AS484" t="s">
        <v>185</v>
      </c>
      <c r="AT484" t="s">
        <v>202</v>
      </c>
      <c r="AU484" t="s">
        <v>205</v>
      </c>
      <c r="AV484" t="s">
        <v>206</v>
      </c>
      <c r="AX484" t="s">
        <v>186</v>
      </c>
      <c r="BF484" t="s">
        <v>292</v>
      </c>
      <c r="BG484" t="s">
        <v>301</v>
      </c>
      <c r="BH484" t="s">
        <v>211</v>
      </c>
      <c r="BK484" t="s">
        <v>191</v>
      </c>
      <c r="BL484" t="s">
        <v>3324</v>
      </c>
      <c r="BM484" t="s">
        <v>191</v>
      </c>
      <c r="BN484" t="s">
        <v>3325</v>
      </c>
      <c r="BO484" t="s">
        <v>191</v>
      </c>
      <c r="BP484" t="s">
        <v>518</v>
      </c>
    </row>
    <row r="485" spans="1:69" x14ac:dyDescent="0.25">
      <c r="A485" s="1">
        <v>30449049</v>
      </c>
      <c r="B485" t="s">
        <v>1878</v>
      </c>
      <c r="C485" t="s">
        <v>39</v>
      </c>
      <c r="D485" t="s">
        <v>1616</v>
      </c>
      <c r="E485" t="s">
        <v>175</v>
      </c>
      <c r="L485" t="s">
        <v>52</v>
      </c>
      <c r="M485" s="1">
        <v>0</v>
      </c>
      <c r="N485" s="1">
        <v>0</v>
      </c>
      <c r="O485" t="s">
        <v>1616</v>
      </c>
      <c r="P485" t="s">
        <v>216</v>
      </c>
      <c r="Q485" t="s">
        <v>196</v>
      </c>
      <c r="S485" s="1">
        <v>0</v>
      </c>
      <c r="T485" t="s">
        <v>175</v>
      </c>
      <c r="AA485" t="s">
        <v>273</v>
      </c>
      <c r="AB485" t="s">
        <v>1879</v>
      </c>
      <c r="AC485" t="s">
        <v>180</v>
      </c>
      <c r="AD485" t="s">
        <v>175</v>
      </c>
      <c r="AE485" t="s">
        <v>181</v>
      </c>
      <c r="AF485" t="s">
        <v>181</v>
      </c>
      <c r="AG485" t="s">
        <v>175</v>
      </c>
      <c r="AH485" t="s">
        <v>175</v>
      </c>
      <c r="AI485" t="s">
        <v>175</v>
      </c>
      <c r="AJ485" t="s">
        <v>175</v>
      </c>
      <c r="AK485" t="s">
        <v>175</v>
      </c>
      <c r="AL485" t="s">
        <v>42</v>
      </c>
      <c r="AM485" t="s">
        <v>184</v>
      </c>
      <c r="AN485" t="s">
        <v>183</v>
      </c>
      <c r="AO485" t="s">
        <v>182</v>
      </c>
      <c r="AP485" t="s">
        <v>185</v>
      </c>
      <c r="AQ485" t="s">
        <v>202</v>
      </c>
      <c r="AR485" t="s">
        <v>203</v>
      </c>
      <c r="AS485" t="s">
        <v>204</v>
      </c>
      <c r="AT485" t="s">
        <v>201</v>
      </c>
      <c r="AU485" t="s">
        <v>206</v>
      </c>
      <c r="AV485" t="s">
        <v>205</v>
      </c>
      <c r="AW485" t="s">
        <v>1880</v>
      </c>
      <c r="AX485" t="s">
        <v>186</v>
      </c>
      <c r="AZ485" t="s">
        <v>207</v>
      </c>
      <c r="BA485" t="s">
        <v>188</v>
      </c>
      <c r="BF485" t="s">
        <v>210</v>
      </c>
      <c r="BG485" s="1">
        <v>0</v>
      </c>
      <c r="BH485" t="s">
        <v>211</v>
      </c>
      <c r="BK485" t="s">
        <v>191</v>
      </c>
      <c r="BL485" t="s">
        <v>1881</v>
      </c>
      <c r="BM485" t="s">
        <v>191</v>
      </c>
      <c r="BN485" t="s">
        <v>1882</v>
      </c>
      <c r="BO485" t="s">
        <v>218</v>
      </c>
      <c r="BP485" t="s">
        <v>1883</v>
      </c>
      <c r="BQ485" t="s">
        <v>1884</v>
      </c>
    </row>
    <row r="486" spans="1:69" x14ac:dyDescent="0.25">
      <c r="A486" s="1">
        <v>30449051</v>
      </c>
      <c r="B486" t="s">
        <v>1160</v>
      </c>
      <c r="C486" t="s">
        <v>39</v>
      </c>
      <c r="D486" t="s">
        <v>942</v>
      </c>
      <c r="E486" t="s">
        <v>175</v>
      </c>
      <c r="L486" t="s">
        <v>52</v>
      </c>
      <c r="M486" s="1">
        <v>0</v>
      </c>
      <c r="N486" s="1">
        <v>0</v>
      </c>
      <c r="O486" t="s">
        <v>942</v>
      </c>
      <c r="P486" t="s">
        <v>176</v>
      </c>
      <c r="Q486" t="s">
        <v>177</v>
      </c>
      <c r="S486" t="s">
        <v>349</v>
      </c>
      <c r="T486" t="s">
        <v>175</v>
      </c>
      <c r="AC486" t="s">
        <v>225</v>
      </c>
      <c r="AD486" t="s">
        <v>200</v>
      </c>
      <c r="AE486" t="s">
        <v>200</v>
      </c>
      <c r="AF486" t="s">
        <v>200</v>
      </c>
      <c r="AG486" t="s">
        <v>200</v>
      </c>
      <c r="AH486" t="s">
        <v>200</v>
      </c>
      <c r="AI486" t="s">
        <v>200</v>
      </c>
      <c r="AJ486" t="s">
        <v>200</v>
      </c>
      <c r="AK486" t="s">
        <v>200</v>
      </c>
      <c r="AL486" t="s">
        <v>52</v>
      </c>
      <c r="AM486" t="s">
        <v>206</v>
      </c>
      <c r="AN486" t="s">
        <v>182</v>
      </c>
      <c r="AO486" t="s">
        <v>185</v>
      </c>
      <c r="AP486" t="s">
        <v>204</v>
      </c>
      <c r="AQ486" s="1">
        <v>0</v>
      </c>
      <c r="AR486" s="1">
        <v>0</v>
      </c>
      <c r="AS486" t="s">
        <v>205</v>
      </c>
      <c r="AT486" t="s">
        <v>183</v>
      </c>
      <c r="AU486" t="s">
        <v>201</v>
      </c>
      <c r="AV486" t="s">
        <v>184</v>
      </c>
      <c r="AX486" t="s">
        <v>186</v>
      </c>
      <c r="AZ486" t="s">
        <v>207</v>
      </c>
      <c r="BF486" t="s">
        <v>210</v>
      </c>
      <c r="BG486" s="1">
        <v>0</v>
      </c>
      <c r="BH486" t="s">
        <v>211</v>
      </c>
      <c r="BK486" t="s">
        <v>191</v>
      </c>
      <c r="BL486" t="s">
        <v>1161</v>
      </c>
      <c r="BM486" t="s">
        <v>191</v>
      </c>
      <c r="BN486" t="s">
        <v>1162</v>
      </c>
      <c r="BO486" t="s">
        <v>218</v>
      </c>
      <c r="BP486" t="s">
        <v>1163</v>
      </c>
    </row>
    <row r="487" spans="1:69" x14ac:dyDescent="0.25">
      <c r="A487" s="1">
        <v>30449052</v>
      </c>
      <c r="B487" t="s">
        <v>435</v>
      </c>
      <c r="C487" t="s">
        <v>39</v>
      </c>
      <c r="D487" t="s">
        <v>174</v>
      </c>
      <c r="E487" t="s">
        <v>200</v>
      </c>
      <c r="L487" t="s">
        <v>52</v>
      </c>
      <c r="M487" s="1">
        <v>0</v>
      </c>
      <c r="N487" s="1">
        <v>0</v>
      </c>
      <c r="O487" t="s">
        <v>174</v>
      </c>
      <c r="P487" t="s">
        <v>176</v>
      </c>
      <c r="Q487" t="s">
        <v>238</v>
      </c>
      <c r="S487" t="s">
        <v>178</v>
      </c>
      <c r="T487" t="s">
        <v>200</v>
      </c>
      <c r="AA487" t="s">
        <v>273</v>
      </c>
      <c r="AB487" t="s">
        <v>175</v>
      </c>
      <c r="AC487" t="s">
        <v>180</v>
      </c>
      <c r="AD487" t="s">
        <v>200</v>
      </c>
      <c r="AE487" t="s">
        <v>200</v>
      </c>
      <c r="AF487" t="s">
        <v>200</v>
      </c>
      <c r="AG487" t="s">
        <v>200</v>
      </c>
      <c r="AH487" t="s">
        <v>200</v>
      </c>
      <c r="AI487" t="s">
        <v>200</v>
      </c>
      <c r="AJ487" t="s">
        <v>200</v>
      </c>
      <c r="AK487" t="s">
        <v>200</v>
      </c>
      <c r="AL487" t="s">
        <v>52</v>
      </c>
      <c r="AM487" t="s">
        <v>204</v>
      </c>
      <c r="AN487" t="s">
        <v>205</v>
      </c>
      <c r="AO487" t="s">
        <v>183</v>
      </c>
      <c r="AP487" t="s">
        <v>202</v>
      </c>
      <c r="AQ487" t="s">
        <v>203</v>
      </c>
      <c r="AR487" t="s">
        <v>182</v>
      </c>
      <c r="AS487" t="s">
        <v>206</v>
      </c>
      <c r="AT487" t="s">
        <v>201</v>
      </c>
      <c r="AU487" t="s">
        <v>184</v>
      </c>
      <c r="AV487" t="s">
        <v>185</v>
      </c>
      <c r="AX487" t="s">
        <v>186</v>
      </c>
      <c r="BF487" t="s">
        <v>210</v>
      </c>
      <c r="BG487" s="1">
        <v>0</v>
      </c>
      <c r="BH487" t="s">
        <v>211</v>
      </c>
      <c r="BK487" t="s">
        <v>191</v>
      </c>
      <c r="BM487" t="s">
        <v>191</v>
      </c>
      <c r="BO487" t="s">
        <v>218</v>
      </c>
    </row>
    <row r="488" spans="1:69" x14ac:dyDescent="0.25">
      <c r="A488" s="1">
        <v>30449053</v>
      </c>
      <c r="B488" t="s">
        <v>3326</v>
      </c>
      <c r="C488" t="s">
        <v>39</v>
      </c>
      <c r="D488" t="s">
        <v>3138</v>
      </c>
      <c r="E488" t="s">
        <v>175</v>
      </c>
      <c r="L488" t="s">
        <v>52</v>
      </c>
      <c r="M488" s="1">
        <v>0</v>
      </c>
      <c r="N488" s="1">
        <v>0</v>
      </c>
      <c r="O488" t="s">
        <v>3139</v>
      </c>
      <c r="P488" t="s">
        <v>176</v>
      </c>
      <c r="Q488" t="s">
        <v>177</v>
      </c>
      <c r="S488" t="s">
        <v>178</v>
      </c>
      <c r="T488" t="s">
        <v>175</v>
      </c>
      <c r="W488" t="s">
        <v>262</v>
      </c>
      <c r="Y488" t="s">
        <v>224</v>
      </c>
      <c r="AC488" t="s">
        <v>199</v>
      </c>
      <c r="AD488" t="s">
        <v>175</v>
      </c>
      <c r="AE488" t="s">
        <v>175</v>
      </c>
      <c r="AF488" t="s">
        <v>230</v>
      </c>
      <c r="AG488" t="s">
        <v>181</v>
      </c>
      <c r="AH488" t="s">
        <v>175</v>
      </c>
      <c r="AI488" t="s">
        <v>200</v>
      </c>
      <c r="AJ488" t="s">
        <v>181</v>
      </c>
      <c r="AK488" t="s">
        <v>175</v>
      </c>
      <c r="AL488" t="s">
        <v>52</v>
      </c>
      <c r="AM488" t="s">
        <v>184</v>
      </c>
      <c r="AN488" s="1">
        <v>0</v>
      </c>
      <c r="AO488" t="s">
        <v>185</v>
      </c>
      <c r="AP488" s="1">
        <v>0</v>
      </c>
      <c r="AQ488" s="1">
        <v>0</v>
      </c>
      <c r="AR488" s="1">
        <v>0</v>
      </c>
      <c r="AS488" s="1">
        <v>0</v>
      </c>
      <c r="AT488" s="1">
        <v>0</v>
      </c>
      <c r="AU488" t="s">
        <v>182</v>
      </c>
      <c r="AV488" s="1">
        <v>0</v>
      </c>
      <c r="BA488" t="s">
        <v>188</v>
      </c>
      <c r="BC488" t="s">
        <v>209</v>
      </c>
      <c r="BF488" t="s">
        <v>292</v>
      </c>
      <c r="BG488" t="s">
        <v>301</v>
      </c>
      <c r="BH488" t="s">
        <v>211</v>
      </c>
      <c r="BK488" t="s">
        <v>191</v>
      </c>
      <c r="BM488" t="s">
        <v>191</v>
      </c>
      <c r="BO488" t="s">
        <v>218</v>
      </c>
    </row>
    <row r="489" spans="1:69" x14ac:dyDescent="0.25">
      <c r="A489" s="1">
        <v>30449054</v>
      </c>
      <c r="B489" t="s">
        <v>2689</v>
      </c>
      <c r="C489" t="s">
        <v>39</v>
      </c>
      <c r="D489" t="s">
        <v>2512</v>
      </c>
      <c r="E489" t="s">
        <v>195</v>
      </c>
      <c r="L489" t="s">
        <v>52</v>
      </c>
      <c r="M489" s="1">
        <v>0</v>
      </c>
      <c r="N489" s="1">
        <v>0</v>
      </c>
      <c r="O489" t="s">
        <v>2512</v>
      </c>
      <c r="P489" t="s">
        <v>176</v>
      </c>
      <c r="Q489" t="s">
        <v>238</v>
      </c>
      <c r="S489" t="s">
        <v>178</v>
      </c>
      <c r="T489" t="s">
        <v>197</v>
      </c>
      <c r="U489" t="s">
        <v>2690</v>
      </c>
      <c r="X489" t="s">
        <v>179</v>
      </c>
      <c r="AC489" t="s">
        <v>180</v>
      </c>
      <c r="AD489" t="s">
        <v>175</v>
      </c>
      <c r="AE489" t="s">
        <v>175</v>
      </c>
      <c r="AF489" t="s">
        <v>175</v>
      </c>
      <c r="AG489" t="s">
        <v>175</v>
      </c>
      <c r="AH489" t="s">
        <v>175</v>
      </c>
      <c r="AI489" t="s">
        <v>181</v>
      </c>
      <c r="AJ489" t="s">
        <v>181</v>
      </c>
      <c r="AK489" t="s">
        <v>175</v>
      </c>
      <c r="AL489" t="s">
        <v>42</v>
      </c>
      <c r="AM489" t="s">
        <v>204</v>
      </c>
      <c r="AN489" t="s">
        <v>184</v>
      </c>
      <c r="AO489" t="s">
        <v>185</v>
      </c>
      <c r="AP489" t="s">
        <v>205</v>
      </c>
      <c r="AQ489" t="s">
        <v>201</v>
      </c>
      <c r="AR489" t="s">
        <v>206</v>
      </c>
      <c r="AS489" t="s">
        <v>202</v>
      </c>
      <c r="AT489" t="s">
        <v>182</v>
      </c>
      <c r="AU489" t="s">
        <v>183</v>
      </c>
      <c r="AV489" t="s">
        <v>203</v>
      </c>
      <c r="AW489" t="s">
        <v>2691</v>
      </c>
      <c r="AX489" t="s">
        <v>186</v>
      </c>
      <c r="BC489" t="s">
        <v>209</v>
      </c>
      <c r="BF489" t="s">
        <v>292</v>
      </c>
      <c r="BG489" t="s">
        <v>1382</v>
      </c>
      <c r="BH489" t="s">
        <v>211</v>
      </c>
      <c r="BK489" t="s">
        <v>191</v>
      </c>
      <c r="BL489" t="s">
        <v>2692</v>
      </c>
      <c r="BM489" t="s">
        <v>218</v>
      </c>
      <c r="BN489" t="s">
        <v>1057</v>
      </c>
      <c r="BO489" t="s">
        <v>191</v>
      </c>
      <c r="BP489" t="s">
        <v>2693</v>
      </c>
    </row>
    <row r="490" spans="1:69" x14ac:dyDescent="0.25">
      <c r="A490" s="1">
        <v>30449055</v>
      </c>
      <c r="B490" t="s">
        <v>3978</v>
      </c>
      <c r="C490" t="s">
        <v>39</v>
      </c>
      <c r="D490" t="s">
        <v>3727</v>
      </c>
      <c r="E490" t="s">
        <v>200</v>
      </c>
      <c r="L490" t="s">
        <v>52</v>
      </c>
      <c r="M490" s="1">
        <v>0</v>
      </c>
      <c r="N490" s="1">
        <v>0</v>
      </c>
      <c r="O490" t="s">
        <v>3728</v>
      </c>
      <c r="P490" t="s">
        <v>176</v>
      </c>
      <c r="Q490" t="s">
        <v>177</v>
      </c>
      <c r="S490" t="s">
        <v>178</v>
      </c>
      <c r="T490" t="s">
        <v>200</v>
      </c>
      <c r="Y490" t="s">
        <v>224</v>
      </c>
      <c r="AC490" t="s">
        <v>199</v>
      </c>
      <c r="AD490" t="s">
        <v>200</v>
      </c>
      <c r="AE490" t="s">
        <v>200</v>
      </c>
      <c r="AF490" t="s">
        <v>200</v>
      </c>
      <c r="AG490" t="s">
        <v>200</v>
      </c>
      <c r="AH490" t="s">
        <v>200</v>
      </c>
      <c r="AI490" t="s">
        <v>200</v>
      </c>
      <c r="AJ490" t="s">
        <v>200</v>
      </c>
      <c r="AK490" t="s">
        <v>200</v>
      </c>
      <c r="AL490" t="s">
        <v>42</v>
      </c>
      <c r="AM490" t="s">
        <v>184</v>
      </c>
      <c r="AN490" t="s">
        <v>205</v>
      </c>
      <c r="AO490" t="s">
        <v>185</v>
      </c>
      <c r="AP490" t="s">
        <v>201</v>
      </c>
      <c r="AQ490" t="s">
        <v>204</v>
      </c>
      <c r="AR490" t="s">
        <v>202</v>
      </c>
      <c r="AS490" t="s">
        <v>203</v>
      </c>
      <c r="AT490" t="s">
        <v>182</v>
      </c>
      <c r="AU490" t="s">
        <v>206</v>
      </c>
      <c r="AV490" t="s">
        <v>183</v>
      </c>
      <c r="AZ490" t="s">
        <v>207</v>
      </c>
      <c r="BF490" t="s">
        <v>232</v>
      </c>
      <c r="BG490" t="s">
        <v>301</v>
      </c>
      <c r="BH490" t="s">
        <v>211</v>
      </c>
      <c r="BK490" t="s">
        <v>191</v>
      </c>
      <c r="BM490" t="s">
        <v>191</v>
      </c>
      <c r="BO490" t="s">
        <v>218</v>
      </c>
      <c r="BP490" t="s">
        <v>3979</v>
      </c>
      <c r="BQ490" t="s">
        <v>2146</v>
      </c>
    </row>
    <row r="491" spans="1:69" x14ac:dyDescent="0.25">
      <c r="A491" s="1">
        <v>30449059</v>
      </c>
      <c r="B491" t="s">
        <v>3980</v>
      </c>
      <c r="C491" t="s">
        <v>39</v>
      </c>
      <c r="D491" t="s">
        <v>3727</v>
      </c>
      <c r="E491" t="s">
        <v>175</v>
      </c>
      <c r="L491" t="s">
        <v>52</v>
      </c>
      <c r="M491" s="1">
        <v>0</v>
      </c>
      <c r="N491" s="1">
        <v>0</v>
      </c>
      <c r="O491" t="s">
        <v>3728</v>
      </c>
      <c r="P491" t="s">
        <v>216</v>
      </c>
      <c r="Q491" t="s">
        <v>238</v>
      </c>
      <c r="S491" s="1">
        <v>0</v>
      </c>
      <c r="T491" t="s">
        <v>175</v>
      </c>
      <c r="Z491" t="s">
        <v>244</v>
      </c>
      <c r="AC491" t="s">
        <v>266</v>
      </c>
      <c r="AD491" t="s">
        <v>299</v>
      </c>
      <c r="AE491" t="s">
        <v>181</v>
      </c>
      <c r="AF491" t="s">
        <v>230</v>
      </c>
      <c r="AG491" t="s">
        <v>299</v>
      </c>
      <c r="AH491" t="s">
        <v>299</v>
      </c>
      <c r="AI491" t="s">
        <v>299</v>
      </c>
      <c r="AJ491" t="s">
        <v>299</v>
      </c>
      <c r="AK491" t="s">
        <v>299</v>
      </c>
      <c r="AL491" t="s">
        <v>42</v>
      </c>
      <c r="AM491" t="s">
        <v>183</v>
      </c>
      <c r="AN491" t="s">
        <v>201</v>
      </c>
      <c r="AO491" t="s">
        <v>184</v>
      </c>
      <c r="AP491" t="s">
        <v>182</v>
      </c>
      <c r="AQ491" t="s">
        <v>185</v>
      </c>
      <c r="AR491" t="s">
        <v>206</v>
      </c>
      <c r="AS491" t="s">
        <v>205</v>
      </c>
      <c r="AT491" t="s">
        <v>203</v>
      </c>
      <c r="AU491" t="s">
        <v>202</v>
      </c>
      <c r="AV491" t="s">
        <v>204</v>
      </c>
      <c r="AY491" t="s">
        <v>187</v>
      </c>
      <c r="BA491" t="s">
        <v>188</v>
      </c>
      <c r="BB491" t="s">
        <v>208</v>
      </c>
      <c r="BC491" t="s">
        <v>209</v>
      </c>
      <c r="BF491" t="s">
        <v>210</v>
      </c>
      <c r="BG491" s="1">
        <v>0</v>
      </c>
      <c r="BH491" t="s">
        <v>211</v>
      </c>
      <c r="BK491" t="s">
        <v>191</v>
      </c>
      <c r="BL491" t="s">
        <v>783</v>
      </c>
      <c r="BM491" t="s">
        <v>191</v>
      </c>
      <c r="BN491" t="s">
        <v>3981</v>
      </c>
      <c r="BO491" t="s">
        <v>191</v>
      </c>
      <c r="BP491" t="s">
        <v>518</v>
      </c>
    </row>
    <row r="492" spans="1:69" x14ac:dyDescent="0.25">
      <c r="A492" s="1">
        <v>30449063</v>
      </c>
      <c r="B492" t="s">
        <v>1885</v>
      </c>
      <c r="C492" t="s">
        <v>39</v>
      </c>
      <c r="D492" t="s">
        <v>1616</v>
      </c>
      <c r="E492" t="s">
        <v>200</v>
      </c>
      <c r="L492" t="s">
        <v>52</v>
      </c>
      <c r="M492" s="1">
        <v>0</v>
      </c>
      <c r="N492" s="1">
        <v>0</v>
      </c>
      <c r="O492" t="s">
        <v>1616</v>
      </c>
      <c r="P492" t="s">
        <v>216</v>
      </c>
      <c r="Q492" t="s">
        <v>322</v>
      </c>
      <c r="S492" s="1">
        <v>0</v>
      </c>
      <c r="T492" t="s">
        <v>200</v>
      </c>
      <c r="AA492" t="s">
        <v>273</v>
      </c>
      <c r="AB492" t="s">
        <v>1886</v>
      </c>
      <c r="AC492" t="s">
        <v>180</v>
      </c>
      <c r="AD492" t="s">
        <v>181</v>
      </c>
      <c r="AE492" t="s">
        <v>175</v>
      </c>
      <c r="AF492" t="s">
        <v>181</v>
      </c>
      <c r="AG492" t="s">
        <v>175</v>
      </c>
      <c r="AH492" t="s">
        <v>200</v>
      </c>
      <c r="AI492" t="s">
        <v>181</v>
      </c>
      <c r="AJ492" t="s">
        <v>175</v>
      </c>
      <c r="AK492" t="s">
        <v>175</v>
      </c>
      <c r="AL492" t="s">
        <v>42</v>
      </c>
      <c r="AM492" t="s">
        <v>185</v>
      </c>
      <c r="AN492" t="s">
        <v>184</v>
      </c>
      <c r="AO492" s="1">
        <v>0</v>
      </c>
      <c r="AP492" s="1">
        <v>0</v>
      </c>
      <c r="AQ492" s="1">
        <v>0</v>
      </c>
      <c r="AR492" s="1">
        <v>0</v>
      </c>
      <c r="AS492" s="1">
        <v>0</v>
      </c>
      <c r="AT492" s="1">
        <v>0</v>
      </c>
      <c r="AU492" t="s">
        <v>182</v>
      </c>
      <c r="AV492" t="s">
        <v>183</v>
      </c>
      <c r="AX492" t="s">
        <v>186</v>
      </c>
      <c r="AY492" t="s">
        <v>187</v>
      </c>
      <c r="AZ492" t="s">
        <v>207</v>
      </c>
      <c r="BF492" t="s">
        <v>49</v>
      </c>
      <c r="BG492" s="1">
        <v>0</v>
      </c>
      <c r="BH492" t="s">
        <v>211</v>
      </c>
      <c r="BK492" t="s">
        <v>191</v>
      </c>
      <c r="BL492" t="s">
        <v>1085</v>
      </c>
      <c r="BM492" t="s">
        <v>191</v>
      </c>
      <c r="BN492" t="s">
        <v>1085</v>
      </c>
      <c r="BO492" t="s">
        <v>191</v>
      </c>
    </row>
    <row r="493" spans="1:69" x14ac:dyDescent="0.25">
      <c r="A493" s="1">
        <v>30449064</v>
      </c>
      <c r="B493" t="s">
        <v>1887</v>
      </c>
      <c r="C493" t="s">
        <v>39</v>
      </c>
      <c r="D493" t="s">
        <v>1616</v>
      </c>
      <c r="E493" t="s">
        <v>216</v>
      </c>
      <c r="L493" t="s">
        <v>52</v>
      </c>
      <c r="M493" s="1">
        <v>0</v>
      </c>
      <c r="N493" s="1">
        <v>0</v>
      </c>
      <c r="O493" t="s">
        <v>1616</v>
      </c>
      <c r="P493" t="s">
        <v>216</v>
      </c>
      <c r="Q493" t="s">
        <v>196</v>
      </c>
      <c r="S493" s="1">
        <v>0</v>
      </c>
      <c r="T493" t="s">
        <v>49</v>
      </c>
      <c r="W493" t="s">
        <v>262</v>
      </c>
      <c r="X493" t="s">
        <v>179</v>
      </c>
      <c r="AC493" t="s">
        <v>180</v>
      </c>
      <c r="AD493" t="s">
        <v>181</v>
      </c>
      <c r="AE493" t="s">
        <v>181</v>
      </c>
      <c r="AF493" t="s">
        <v>181</v>
      </c>
      <c r="AG493" t="s">
        <v>181</v>
      </c>
      <c r="AH493" t="s">
        <v>181</v>
      </c>
      <c r="AI493" t="s">
        <v>181</v>
      </c>
      <c r="AJ493" t="s">
        <v>181</v>
      </c>
      <c r="AK493" t="s">
        <v>181</v>
      </c>
      <c r="AL493" t="s">
        <v>49</v>
      </c>
      <c r="AM493" t="s">
        <v>206</v>
      </c>
      <c r="AN493" t="s">
        <v>183</v>
      </c>
      <c r="AO493" t="s">
        <v>201</v>
      </c>
      <c r="AP493" t="s">
        <v>205</v>
      </c>
      <c r="AQ493" t="s">
        <v>202</v>
      </c>
      <c r="AR493" t="s">
        <v>204</v>
      </c>
      <c r="AS493" t="s">
        <v>185</v>
      </c>
      <c r="AT493" t="s">
        <v>184</v>
      </c>
      <c r="AU493" t="s">
        <v>182</v>
      </c>
      <c r="AV493" t="s">
        <v>203</v>
      </c>
      <c r="AX493" t="s">
        <v>186</v>
      </c>
      <c r="BA493" t="s">
        <v>188</v>
      </c>
      <c r="BC493" t="s">
        <v>209</v>
      </c>
      <c r="BF493" t="s">
        <v>49</v>
      </c>
      <c r="BG493" s="1">
        <v>0</v>
      </c>
      <c r="BH493" t="s">
        <v>190</v>
      </c>
      <c r="BK493" t="s">
        <v>191</v>
      </c>
      <c r="BM493" t="s">
        <v>191</v>
      </c>
      <c r="BO493" t="s">
        <v>191</v>
      </c>
      <c r="BP493" t="s">
        <v>1888</v>
      </c>
    </row>
    <row r="494" spans="1:69" x14ac:dyDescent="0.25">
      <c r="A494" s="1">
        <v>30449067</v>
      </c>
      <c r="B494" t="s">
        <v>1889</v>
      </c>
      <c r="C494" t="s">
        <v>39</v>
      </c>
      <c r="D494" t="s">
        <v>1616</v>
      </c>
      <c r="E494" t="s">
        <v>175</v>
      </c>
      <c r="L494" t="s">
        <v>52</v>
      </c>
      <c r="M494" s="1">
        <v>0</v>
      </c>
      <c r="N494" s="1">
        <v>0</v>
      </c>
      <c r="O494" t="s">
        <v>1616</v>
      </c>
      <c r="P494" t="s">
        <v>216</v>
      </c>
      <c r="Q494" t="s">
        <v>322</v>
      </c>
      <c r="S494" s="1">
        <v>0</v>
      </c>
      <c r="T494" t="s">
        <v>175</v>
      </c>
      <c r="Y494" t="s">
        <v>224</v>
      </c>
      <c r="AC494" t="s">
        <v>266</v>
      </c>
      <c r="AD494" t="s">
        <v>175</v>
      </c>
      <c r="AE494" t="s">
        <v>181</v>
      </c>
      <c r="AF494" t="s">
        <v>175</v>
      </c>
      <c r="AG494" t="s">
        <v>181</v>
      </c>
      <c r="AH494" t="s">
        <v>175</v>
      </c>
      <c r="AI494" t="s">
        <v>175</v>
      </c>
      <c r="AJ494" t="s">
        <v>181</v>
      </c>
      <c r="AK494" t="s">
        <v>175</v>
      </c>
      <c r="AL494" t="s">
        <v>52</v>
      </c>
      <c r="AM494" s="1">
        <v>0</v>
      </c>
      <c r="AN494" s="1">
        <v>0</v>
      </c>
      <c r="AO494" s="1">
        <v>0</v>
      </c>
      <c r="AP494" s="1">
        <v>0</v>
      </c>
      <c r="AQ494" s="1">
        <v>0</v>
      </c>
      <c r="AR494" s="1">
        <v>0</v>
      </c>
      <c r="AS494" t="s">
        <v>185</v>
      </c>
      <c r="AT494" s="1">
        <v>0</v>
      </c>
      <c r="AU494" s="1">
        <v>0</v>
      </c>
      <c r="AV494" s="1">
        <v>0</v>
      </c>
      <c r="AY494" t="s">
        <v>187</v>
      </c>
      <c r="AZ494" t="s">
        <v>207</v>
      </c>
      <c r="BC494" t="s">
        <v>209</v>
      </c>
      <c r="BF494" t="s">
        <v>292</v>
      </c>
      <c r="BG494" t="s">
        <v>233</v>
      </c>
      <c r="BH494" t="s">
        <v>211</v>
      </c>
      <c r="BK494" t="s">
        <v>191</v>
      </c>
      <c r="BL494" t="s">
        <v>367</v>
      </c>
      <c r="BM494" s="1">
        <v>0</v>
      </c>
      <c r="BO494" s="1">
        <v>0</v>
      </c>
    </row>
    <row r="495" spans="1:69" x14ac:dyDescent="0.25">
      <c r="A495" s="1">
        <v>30449068</v>
      </c>
      <c r="B495" t="s">
        <v>1890</v>
      </c>
      <c r="C495" t="s">
        <v>39</v>
      </c>
      <c r="D495" t="s">
        <v>1616</v>
      </c>
      <c r="E495" t="s">
        <v>200</v>
      </c>
      <c r="L495" t="s">
        <v>52</v>
      </c>
      <c r="M495" s="1">
        <v>0</v>
      </c>
      <c r="N495" s="1">
        <v>0</v>
      </c>
      <c r="O495" t="s">
        <v>1616</v>
      </c>
      <c r="P495" t="s">
        <v>216</v>
      </c>
      <c r="Q495" t="s">
        <v>177</v>
      </c>
      <c r="S495" s="1">
        <v>0</v>
      </c>
      <c r="T495" t="s">
        <v>200</v>
      </c>
      <c r="W495" t="s">
        <v>262</v>
      </c>
      <c r="AC495" t="s">
        <v>199</v>
      </c>
      <c r="AD495" t="s">
        <v>175</v>
      </c>
      <c r="AE495" t="s">
        <v>175</v>
      </c>
      <c r="AF495" t="s">
        <v>175</v>
      </c>
      <c r="AG495" t="s">
        <v>175</v>
      </c>
      <c r="AH495" t="s">
        <v>200</v>
      </c>
      <c r="AI495" t="s">
        <v>181</v>
      </c>
      <c r="AJ495" t="s">
        <v>200</v>
      </c>
      <c r="AK495" t="s">
        <v>175</v>
      </c>
      <c r="AL495" t="s">
        <v>42</v>
      </c>
      <c r="AM495" t="s">
        <v>206</v>
      </c>
      <c r="AN495" t="s">
        <v>182</v>
      </c>
      <c r="AO495" t="s">
        <v>204</v>
      </c>
      <c r="AP495" t="s">
        <v>205</v>
      </c>
      <c r="AQ495" t="s">
        <v>184</v>
      </c>
      <c r="AR495" t="s">
        <v>185</v>
      </c>
      <c r="AS495" t="s">
        <v>203</v>
      </c>
      <c r="AT495" t="s">
        <v>183</v>
      </c>
      <c r="AU495" t="s">
        <v>201</v>
      </c>
      <c r="AV495" t="s">
        <v>202</v>
      </c>
      <c r="AW495" t="s">
        <v>1891</v>
      </c>
      <c r="AX495" t="s">
        <v>186</v>
      </c>
      <c r="BA495" t="s">
        <v>188</v>
      </c>
      <c r="BC495" t="s">
        <v>209</v>
      </c>
      <c r="BF495" t="s">
        <v>232</v>
      </c>
      <c r="BG495" t="s">
        <v>301</v>
      </c>
      <c r="BH495" t="s">
        <v>211</v>
      </c>
      <c r="BK495" t="s">
        <v>191</v>
      </c>
      <c r="BL495" t="s">
        <v>1892</v>
      </c>
      <c r="BM495" t="s">
        <v>191</v>
      </c>
      <c r="BN495" t="s">
        <v>1892</v>
      </c>
      <c r="BO495" t="s">
        <v>191</v>
      </c>
      <c r="BP495" t="s">
        <v>1892</v>
      </c>
      <c r="BQ495" t="s">
        <v>1893</v>
      </c>
    </row>
    <row r="496" spans="1:69" x14ac:dyDescent="0.25">
      <c r="A496" s="1">
        <v>30449069</v>
      </c>
      <c r="B496" t="s">
        <v>1894</v>
      </c>
      <c r="C496" t="s">
        <v>39</v>
      </c>
      <c r="D496" t="s">
        <v>1616</v>
      </c>
      <c r="E496" t="s">
        <v>200</v>
      </c>
      <c r="L496" t="s">
        <v>52</v>
      </c>
      <c r="M496" s="1">
        <v>0</v>
      </c>
      <c r="N496" s="1">
        <v>0</v>
      </c>
      <c r="O496" t="s">
        <v>1616</v>
      </c>
      <c r="P496" t="s">
        <v>216</v>
      </c>
      <c r="Q496" t="s">
        <v>322</v>
      </c>
      <c r="S496" s="1">
        <v>0</v>
      </c>
      <c r="T496" t="s">
        <v>200</v>
      </c>
      <c r="X496" t="s">
        <v>179</v>
      </c>
      <c r="AC496" t="s">
        <v>199</v>
      </c>
      <c r="AD496" t="s">
        <v>299</v>
      </c>
      <c r="AE496" t="s">
        <v>299</v>
      </c>
      <c r="AF496" t="s">
        <v>299</v>
      </c>
      <c r="AG496" t="s">
        <v>299</v>
      </c>
      <c r="AH496" t="s">
        <v>299</v>
      </c>
      <c r="AI496" t="s">
        <v>299</v>
      </c>
      <c r="AJ496" t="s">
        <v>299</v>
      </c>
      <c r="AK496" t="s">
        <v>299</v>
      </c>
      <c r="AL496" t="s">
        <v>42</v>
      </c>
      <c r="AM496" t="s">
        <v>183</v>
      </c>
      <c r="AN496" t="s">
        <v>182</v>
      </c>
      <c r="AO496" t="s">
        <v>206</v>
      </c>
      <c r="AP496" t="s">
        <v>201</v>
      </c>
      <c r="AQ496" t="s">
        <v>202</v>
      </c>
      <c r="AR496" t="s">
        <v>203</v>
      </c>
      <c r="AS496" t="s">
        <v>204</v>
      </c>
      <c r="AT496" t="s">
        <v>185</v>
      </c>
      <c r="AU496" t="s">
        <v>184</v>
      </c>
      <c r="AV496" t="s">
        <v>205</v>
      </c>
      <c r="AX496" t="s">
        <v>186</v>
      </c>
      <c r="AZ496" t="s">
        <v>207</v>
      </c>
      <c r="BB496" t="s">
        <v>208</v>
      </c>
      <c r="BF496" t="s">
        <v>210</v>
      </c>
      <c r="BG496" s="1">
        <v>0</v>
      </c>
      <c r="BH496" t="s">
        <v>247</v>
      </c>
      <c r="BK496" t="s">
        <v>191</v>
      </c>
      <c r="BL496" t="s">
        <v>1895</v>
      </c>
      <c r="BM496" t="s">
        <v>191</v>
      </c>
      <c r="BN496" t="s">
        <v>1896</v>
      </c>
      <c r="BO496" t="s">
        <v>218</v>
      </c>
      <c r="BP496" t="s">
        <v>1897</v>
      </c>
      <c r="BQ496" t="s">
        <v>1898</v>
      </c>
    </row>
    <row r="497" spans="1:69" x14ac:dyDescent="0.25">
      <c r="A497" s="1">
        <v>30449073</v>
      </c>
      <c r="B497" t="s">
        <v>3982</v>
      </c>
      <c r="C497" t="s">
        <v>39</v>
      </c>
      <c r="D497" t="s">
        <v>3727</v>
      </c>
      <c r="E497" t="s">
        <v>216</v>
      </c>
      <c r="L497" t="s">
        <v>52</v>
      </c>
      <c r="M497" s="1">
        <v>0</v>
      </c>
      <c r="N497" s="1">
        <v>0</v>
      </c>
      <c r="O497" t="s">
        <v>3728</v>
      </c>
      <c r="P497" t="s">
        <v>216</v>
      </c>
      <c r="Q497" t="s">
        <v>258</v>
      </c>
      <c r="S497" s="1">
        <v>0</v>
      </c>
      <c r="T497" t="s">
        <v>197</v>
      </c>
      <c r="X497" t="s">
        <v>179</v>
      </c>
      <c r="AC497" t="s">
        <v>225</v>
      </c>
      <c r="AD497" t="s">
        <v>175</v>
      </c>
      <c r="AE497" t="s">
        <v>181</v>
      </c>
      <c r="AF497" t="s">
        <v>230</v>
      </c>
      <c r="AG497" t="s">
        <v>299</v>
      </c>
      <c r="AH497" t="s">
        <v>175</v>
      </c>
      <c r="AI497" t="s">
        <v>175</v>
      </c>
      <c r="AJ497" t="s">
        <v>299</v>
      </c>
      <c r="AK497" t="s">
        <v>175</v>
      </c>
      <c r="AL497" t="s">
        <v>52</v>
      </c>
      <c r="AM497" t="s">
        <v>183</v>
      </c>
      <c r="AN497" t="s">
        <v>205</v>
      </c>
      <c r="AO497" t="s">
        <v>206</v>
      </c>
      <c r="AP497" t="s">
        <v>184</v>
      </c>
      <c r="AQ497" t="s">
        <v>182</v>
      </c>
      <c r="AR497" t="s">
        <v>185</v>
      </c>
      <c r="AS497" t="s">
        <v>201</v>
      </c>
      <c r="AT497" t="s">
        <v>203</v>
      </c>
      <c r="AU497" t="s">
        <v>204</v>
      </c>
      <c r="AV497" t="s">
        <v>202</v>
      </c>
      <c r="AZ497" t="s">
        <v>207</v>
      </c>
      <c r="BF497" t="s">
        <v>210</v>
      </c>
      <c r="BG497" s="1">
        <v>0</v>
      </c>
      <c r="BH497" t="s">
        <v>211</v>
      </c>
      <c r="BK497" t="s">
        <v>191</v>
      </c>
      <c r="BM497" t="s">
        <v>191</v>
      </c>
      <c r="BN497" t="s">
        <v>3983</v>
      </c>
      <c r="BO497" t="s">
        <v>191</v>
      </c>
      <c r="BQ497" t="s">
        <v>3984</v>
      </c>
    </row>
    <row r="498" spans="1:69" x14ac:dyDescent="0.25">
      <c r="A498" s="1">
        <v>30449080</v>
      </c>
      <c r="B498" t="s">
        <v>1164</v>
      </c>
      <c r="C498" t="s">
        <v>39</v>
      </c>
      <c r="D498" t="s">
        <v>942</v>
      </c>
      <c r="E498" t="s">
        <v>195</v>
      </c>
      <c r="L498" t="s">
        <v>52</v>
      </c>
      <c r="M498" s="1">
        <v>0</v>
      </c>
      <c r="N498" s="1">
        <v>0</v>
      </c>
      <c r="O498" t="s">
        <v>942</v>
      </c>
      <c r="P498" t="s">
        <v>176</v>
      </c>
      <c r="Q498" t="s">
        <v>177</v>
      </c>
      <c r="S498" t="s">
        <v>178</v>
      </c>
      <c r="T498" t="s">
        <v>197</v>
      </c>
      <c r="U498" t="s">
        <v>1165</v>
      </c>
      <c r="Y498" t="s">
        <v>224</v>
      </c>
      <c r="AC498" t="s">
        <v>266</v>
      </c>
      <c r="AD498" t="s">
        <v>181</v>
      </c>
      <c r="AE498" t="s">
        <v>230</v>
      </c>
      <c r="AF498" t="s">
        <v>230</v>
      </c>
      <c r="AG498" t="s">
        <v>299</v>
      </c>
      <c r="AH498" t="s">
        <v>200</v>
      </c>
      <c r="AI498" t="s">
        <v>200</v>
      </c>
      <c r="AJ498" t="s">
        <v>200</v>
      </c>
      <c r="AK498" t="s">
        <v>200</v>
      </c>
      <c r="AL498" t="s">
        <v>42</v>
      </c>
      <c r="AM498" t="s">
        <v>184</v>
      </c>
      <c r="AN498" t="s">
        <v>182</v>
      </c>
      <c r="AO498" s="1">
        <v>0</v>
      </c>
      <c r="AP498" s="1">
        <v>0</v>
      </c>
      <c r="AQ498" s="1">
        <v>0</v>
      </c>
      <c r="AR498" s="1">
        <v>0</v>
      </c>
      <c r="AS498" s="1">
        <v>0</v>
      </c>
      <c r="AT498" t="s">
        <v>185</v>
      </c>
      <c r="AU498" s="1">
        <v>0</v>
      </c>
      <c r="AV498" s="1">
        <v>0</v>
      </c>
      <c r="AY498" t="s">
        <v>187</v>
      </c>
      <c r="BA498" t="s">
        <v>188</v>
      </c>
      <c r="BC498" t="s">
        <v>209</v>
      </c>
      <c r="BF498" t="s">
        <v>232</v>
      </c>
      <c r="BG498" t="s">
        <v>301</v>
      </c>
      <c r="BH498" t="s">
        <v>464</v>
      </c>
      <c r="BK498" t="s">
        <v>191</v>
      </c>
      <c r="BL498" t="s">
        <v>1166</v>
      </c>
      <c r="BM498" t="s">
        <v>218</v>
      </c>
      <c r="BN498" t="s">
        <v>1167</v>
      </c>
      <c r="BO498" t="s">
        <v>218</v>
      </c>
      <c r="BP498" t="s">
        <v>1168</v>
      </c>
    </row>
    <row r="499" spans="1:69" x14ac:dyDescent="0.25">
      <c r="A499" s="1">
        <v>30449083</v>
      </c>
      <c r="B499" t="s">
        <v>3985</v>
      </c>
      <c r="C499" t="s">
        <v>39</v>
      </c>
      <c r="D499" t="s">
        <v>3727</v>
      </c>
      <c r="E499" t="s">
        <v>175</v>
      </c>
      <c r="L499" t="s">
        <v>52</v>
      </c>
      <c r="M499" s="1">
        <v>0</v>
      </c>
      <c r="N499" s="1">
        <v>0</v>
      </c>
      <c r="O499" t="s">
        <v>3728</v>
      </c>
      <c r="P499" t="s">
        <v>216</v>
      </c>
      <c r="Q499" t="s">
        <v>196</v>
      </c>
      <c r="S499" s="1">
        <v>0</v>
      </c>
      <c r="T499" t="s">
        <v>175</v>
      </c>
      <c r="W499" t="s">
        <v>262</v>
      </c>
      <c r="Y499" t="s">
        <v>224</v>
      </c>
      <c r="Z499" t="s">
        <v>244</v>
      </c>
      <c r="AC499" t="s">
        <v>180</v>
      </c>
      <c r="AD499" t="s">
        <v>175</v>
      </c>
      <c r="AE499" t="s">
        <v>175</v>
      </c>
      <c r="AF499" t="s">
        <v>230</v>
      </c>
      <c r="AG499" t="s">
        <v>200</v>
      </c>
      <c r="AH499" t="s">
        <v>175</v>
      </c>
      <c r="AI499" t="s">
        <v>181</v>
      </c>
      <c r="AJ499" t="s">
        <v>181</v>
      </c>
      <c r="AK499" t="s">
        <v>175</v>
      </c>
      <c r="AL499" t="s">
        <v>42</v>
      </c>
      <c r="AM499" t="s">
        <v>206</v>
      </c>
      <c r="AN499" t="s">
        <v>182</v>
      </c>
      <c r="AO499" t="s">
        <v>185</v>
      </c>
      <c r="AP499" t="s">
        <v>184</v>
      </c>
      <c r="AQ499" t="s">
        <v>202</v>
      </c>
      <c r="AR499" t="s">
        <v>203</v>
      </c>
      <c r="AS499" t="s">
        <v>204</v>
      </c>
      <c r="AT499" t="s">
        <v>201</v>
      </c>
      <c r="AU499" t="s">
        <v>183</v>
      </c>
      <c r="AV499" t="s">
        <v>205</v>
      </c>
      <c r="AW499" t="s">
        <v>3986</v>
      </c>
      <c r="AX499" t="s">
        <v>186</v>
      </c>
      <c r="AY499" t="s">
        <v>187</v>
      </c>
      <c r="AZ499" t="s">
        <v>207</v>
      </c>
      <c r="BD499" t="s">
        <v>273</v>
      </c>
      <c r="BE499" t="s">
        <v>3987</v>
      </c>
      <c r="BF499" t="s">
        <v>292</v>
      </c>
      <c r="BG499" s="1">
        <v>0</v>
      </c>
      <c r="BH499" s="1">
        <v>0</v>
      </c>
      <c r="BK499" s="1">
        <v>0</v>
      </c>
      <c r="BM499" s="1">
        <v>0</v>
      </c>
      <c r="BO499" s="1">
        <v>0</v>
      </c>
    </row>
    <row r="500" spans="1:69" x14ac:dyDescent="0.25">
      <c r="A500" s="1">
        <v>30449084</v>
      </c>
      <c r="B500" t="s">
        <v>3988</v>
      </c>
      <c r="C500" t="s">
        <v>39</v>
      </c>
      <c r="D500" t="s">
        <v>3727</v>
      </c>
      <c r="E500" t="s">
        <v>200</v>
      </c>
      <c r="L500" t="s">
        <v>52</v>
      </c>
      <c r="M500" s="1">
        <v>0</v>
      </c>
      <c r="N500" s="1">
        <v>0</v>
      </c>
      <c r="O500" t="s">
        <v>3728</v>
      </c>
      <c r="P500" t="s">
        <v>176</v>
      </c>
      <c r="Q500" t="s">
        <v>177</v>
      </c>
      <c r="S500" t="s">
        <v>222</v>
      </c>
      <c r="T500" t="s">
        <v>200</v>
      </c>
      <c r="Y500" t="s">
        <v>224</v>
      </c>
      <c r="AC500" t="s">
        <v>225</v>
      </c>
      <c r="AD500" s="1">
        <v>0</v>
      </c>
      <c r="AE500" s="1">
        <v>0</v>
      </c>
      <c r="AF500" s="1">
        <v>0</v>
      </c>
      <c r="AG500" s="1">
        <v>0</v>
      </c>
      <c r="AH500" s="1">
        <v>0</v>
      </c>
      <c r="AI500" s="1">
        <v>0</v>
      </c>
      <c r="AJ500" s="1">
        <v>0</v>
      </c>
      <c r="AK500" s="1">
        <v>0</v>
      </c>
      <c r="AL500" s="1">
        <v>0</v>
      </c>
      <c r="AM500" s="1">
        <v>0</v>
      </c>
      <c r="AN500" s="1">
        <v>0</v>
      </c>
      <c r="AO500" s="1">
        <v>0</v>
      </c>
      <c r="AP500" s="1">
        <v>0</v>
      </c>
      <c r="AQ500" s="1">
        <v>0</v>
      </c>
      <c r="AR500" s="1">
        <v>0</v>
      </c>
      <c r="AS500" s="1">
        <v>0</v>
      </c>
      <c r="AT500" s="1">
        <v>0</v>
      </c>
      <c r="AU500" s="1">
        <v>0</v>
      </c>
      <c r="AV500" s="1">
        <v>0</v>
      </c>
      <c r="BF500" s="1">
        <v>0</v>
      </c>
      <c r="BG500" s="1">
        <v>0</v>
      </c>
      <c r="BH500" s="1">
        <v>0</v>
      </c>
      <c r="BK500" s="1">
        <v>0</v>
      </c>
      <c r="BM500" s="1">
        <v>0</v>
      </c>
      <c r="BO500" s="1">
        <v>0</v>
      </c>
    </row>
    <row r="501" spans="1:69" x14ac:dyDescent="0.25">
      <c r="A501" s="1">
        <v>30449085</v>
      </c>
      <c r="B501" t="s">
        <v>57</v>
      </c>
      <c r="C501" t="s">
        <v>39</v>
      </c>
      <c r="L501" t="s">
        <v>42</v>
      </c>
      <c r="M501" t="s">
        <v>42</v>
      </c>
      <c r="N501" s="1">
        <v>0</v>
      </c>
      <c r="O501" s="1">
        <v>0</v>
      </c>
      <c r="P501" s="1">
        <v>0</v>
      </c>
      <c r="Q501" s="1">
        <v>0</v>
      </c>
      <c r="S501" s="1">
        <v>0</v>
      </c>
      <c r="T501" s="1">
        <v>0</v>
      </c>
      <c r="AC501" s="1">
        <v>0</v>
      </c>
      <c r="AD501" s="1">
        <v>0</v>
      </c>
      <c r="AE501" s="1">
        <v>0</v>
      </c>
      <c r="AF501" s="1">
        <v>0</v>
      </c>
      <c r="AG501" s="1">
        <v>0</v>
      </c>
      <c r="AH501" s="1">
        <v>0</v>
      </c>
      <c r="AI501" s="1">
        <v>0</v>
      </c>
      <c r="AJ501" s="1">
        <v>0</v>
      </c>
      <c r="AK501" s="1">
        <v>0</v>
      </c>
      <c r="AL501" s="1">
        <v>0</v>
      </c>
      <c r="AM501" s="1">
        <v>0</v>
      </c>
      <c r="AN501" s="1">
        <v>0</v>
      </c>
      <c r="AO501" s="1">
        <v>0</v>
      </c>
      <c r="AP501" s="1">
        <v>0</v>
      </c>
      <c r="AQ501" s="1">
        <v>0</v>
      </c>
      <c r="AR501" s="1">
        <v>0</v>
      </c>
      <c r="AS501" s="1">
        <v>0</v>
      </c>
      <c r="AT501" s="1">
        <v>0</v>
      </c>
      <c r="AU501" s="1">
        <v>0</v>
      </c>
      <c r="AV501" s="1">
        <v>0</v>
      </c>
      <c r="BF501" s="1">
        <v>0</v>
      </c>
      <c r="BG501" s="1">
        <v>0</v>
      </c>
      <c r="BH501" s="1">
        <v>0</v>
      </c>
      <c r="BK501" s="1">
        <v>0</v>
      </c>
      <c r="BM501" s="1">
        <v>0</v>
      </c>
      <c r="BO501" s="1">
        <v>0</v>
      </c>
    </row>
    <row r="502" spans="1:69" x14ac:dyDescent="0.25">
      <c r="A502" s="1">
        <v>30449086</v>
      </c>
      <c r="B502" t="s">
        <v>3989</v>
      </c>
      <c r="C502" t="s">
        <v>39</v>
      </c>
      <c r="D502" t="s">
        <v>3727</v>
      </c>
      <c r="E502" t="s">
        <v>200</v>
      </c>
      <c r="L502" t="s">
        <v>52</v>
      </c>
      <c r="M502" s="1">
        <v>0</v>
      </c>
      <c r="N502" s="1">
        <v>0</v>
      </c>
      <c r="O502" t="s">
        <v>3728</v>
      </c>
      <c r="P502" t="s">
        <v>176</v>
      </c>
      <c r="Q502" t="s">
        <v>196</v>
      </c>
      <c r="S502" t="s">
        <v>178</v>
      </c>
      <c r="T502" t="s">
        <v>200</v>
      </c>
      <c r="W502" t="s">
        <v>262</v>
      </c>
      <c r="X502" t="s">
        <v>179</v>
      </c>
      <c r="AC502" t="s">
        <v>180</v>
      </c>
      <c r="AD502" t="s">
        <v>200</v>
      </c>
      <c r="AE502" t="s">
        <v>200</v>
      </c>
      <c r="AF502" t="s">
        <v>175</v>
      </c>
      <c r="AG502" t="s">
        <v>175</v>
      </c>
      <c r="AH502" t="s">
        <v>175</v>
      </c>
      <c r="AI502" s="1">
        <v>0</v>
      </c>
      <c r="AJ502" s="1">
        <v>0</v>
      </c>
      <c r="AK502" s="1">
        <v>0</v>
      </c>
      <c r="AL502" t="s">
        <v>52</v>
      </c>
      <c r="AM502" t="s">
        <v>185</v>
      </c>
      <c r="AN502" t="s">
        <v>183</v>
      </c>
      <c r="AO502" t="s">
        <v>204</v>
      </c>
      <c r="AP502" t="s">
        <v>184</v>
      </c>
      <c r="AQ502" t="s">
        <v>203</v>
      </c>
      <c r="AR502" t="s">
        <v>202</v>
      </c>
      <c r="AS502" t="s">
        <v>205</v>
      </c>
      <c r="AT502" t="s">
        <v>201</v>
      </c>
      <c r="AU502" t="s">
        <v>206</v>
      </c>
      <c r="AV502" t="s">
        <v>182</v>
      </c>
      <c r="AW502" t="s">
        <v>3990</v>
      </c>
      <c r="AY502" t="s">
        <v>187</v>
      </c>
      <c r="AZ502" t="s">
        <v>207</v>
      </c>
      <c r="BA502" t="s">
        <v>188</v>
      </c>
      <c r="BB502" t="s">
        <v>208</v>
      </c>
      <c r="BF502" t="s">
        <v>232</v>
      </c>
      <c r="BG502" s="1">
        <v>0</v>
      </c>
      <c r="BH502" s="1">
        <v>0</v>
      </c>
      <c r="BK502" s="1">
        <v>0</v>
      </c>
      <c r="BM502" s="1">
        <v>0</v>
      </c>
      <c r="BO502" s="1">
        <v>0</v>
      </c>
    </row>
    <row r="503" spans="1:69" x14ac:dyDescent="0.25">
      <c r="A503" s="1">
        <v>30449089</v>
      </c>
      <c r="B503" t="s">
        <v>1899</v>
      </c>
      <c r="C503" t="s">
        <v>39</v>
      </c>
      <c r="D503" t="s">
        <v>1616</v>
      </c>
      <c r="E503" t="s">
        <v>175</v>
      </c>
      <c r="L503" t="s">
        <v>52</v>
      </c>
      <c r="M503" s="1">
        <v>0</v>
      </c>
      <c r="N503" s="1">
        <v>0</v>
      </c>
      <c r="O503" t="s">
        <v>1616</v>
      </c>
      <c r="P503" t="s">
        <v>176</v>
      </c>
      <c r="Q503" t="s">
        <v>177</v>
      </c>
      <c r="S503" t="s">
        <v>178</v>
      </c>
      <c r="T503" t="s">
        <v>175</v>
      </c>
      <c r="Y503" t="s">
        <v>224</v>
      </c>
      <c r="AC503" t="s">
        <v>180</v>
      </c>
      <c r="AD503" t="s">
        <v>175</v>
      </c>
      <c r="AE503" t="s">
        <v>175</v>
      </c>
      <c r="AF503" t="s">
        <v>181</v>
      </c>
      <c r="AG503" t="s">
        <v>175</v>
      </c>
      <c r="AH503" t="s">
        <v>175</v>
      </c>
      <c r="AI503" t="s">
        <v>175</v>
      </c>
      <c r="AJ503" t="s">
        <v>175</v>
      </c>
      <c r="AK503" t="s">
        <v>175</v>
      </c>
      <c r="AL503" t="s">
        <v>42</v>
      </c>
      <c r="AM503" t="s">
        <v>185</v>
      </c>
      <c r="AN503" s="1">
        <v>0</v>
      </c>
      <c r="AO503" s="1">
        <v>0</v>
      </c>
      <c r="AP503" s="1">
        <v>0</v>
      </c>
      <c r="AQ503" s="1">
        <v>0</v>
      </c>
      <c r="AR503" s="1">
        <v>0</v>
      </c>
      <c r="AS503" s="1">
        <v>0</v>
      </c>
      <c r="AT503" s="1">
        <v>0</v>
      </c>
      <c r="AU503" t="s">
        <v>182</v>
      </c>
      <c r="AV503" t="s">
        <v>184</v>
      </c>
      <c r="AW503" t="s">
        <v>1900</v>
      </c>
      <c r="AZ503" t="s">
        <v>207</v>
      </c>
      <c r="BF503" t="s">
        <v>292</v>
      </c>
      <c r="BG503" t="s">
        <v>276</v>
      </c>
      <c r="BH503" t="s">
        <v>211</v>
      </c>
      <c r="BK503" t="s">
        <v>191</v>
      </c>
      <c r="BL503" t="s">
        <v>1901</v>
      </c>
      <c r="BM503" t="s">
        <v>191</v>
      </c>
      <c r="BN503" t="s">
        <v>1902</v>
      </c>
      <c r="BO503" t="s">
        <v>218</v>
      </c>
      <c r="BP503" t="s">
        <v>1903</v>
      </c>
      <c r="BQ503" t="s">
        <v>1904</v>
      </c>
    </row>
    <row r="504" spans="1:69" x14ac:dyDescent="0.25">
      <c r="A504" s="1">
        <v>30449092</v>
      </c>
      <c r="B504" t="s">
        <v>3327</v>
      </c>
      <c r="C504" t="s">
        <v>39</v>
      </c>
      <c r="D504" t="s">
        <v>3138</v>
      </c>
      <c r="E504" t="s">
        <v>200</v>
      </c>
      <c r="L504" t="s">
        <v>52</v>
      </c>
      <c r="M504" s="1">
        <v>0</v>
      </c>
      <c r="N504" s="1">
        <v>0</v>
      </c>
      <c r="O504" t="s">
        <v>3139</v>
      </c>
      <c r="P504" t="s">
        <v>216</v>
      </c>
      <c r="Q504" t="s">
        <v>177</v>
      </c>
      <c r="S504" s="1">
        <v>0</v>
      </c>
      <c r="T504" t="s">
        <v>200</v>
      </c>
      <c r="Y504" t="s">
        <v>224</v>
      </c>
      <c r="AC504" t="s">
        <v>199</v>
      </c>
      <c r="AD504" t="s">
        <v>200</v>
      </c>
      <c r="AE504" t="s">
        <v>175</v>
      </c>
      <c r="AF504" t="s">
        <v>175</v>
      </c>
      <c r="AG504" t="s">
        <v>175</v>
      </c>
      <c r="AH504" t="s">
        <v>175</v>
      </c>
      <c r="AI504" t="s">
        <v>175</v>
      </c>
      <c r="AJ504" t="s">
        <v>175</v>
      </c>
      <c r="AK504" t="s">
        <v>175</v>
      </c>
      <c r="AL504" t="s">
        <v>42</v>
      </c>
      <c r="AM504" t="s">
        <v>183</v>
      </c>
      <c r="AN504" t="s">
        <v>185</v>
      </c>
      <c r="AO504" t="s">
        <v>201</v>
      </c>
      <c r="AP504" t="s">
        <v>206</v>
      </c>
      <c r="AQ504" t="s">
        <v>202</v>
      </c>
      <c r="AR504" t="s">
        <v>204</v>
      </c>
      <c r="AS504" t="s">
        <v>203</v>
      </c>
      <c r="AT504" t="s">
        <v>184</v>
      </c>
      <c r="AU504" t="s">
        <v>182</v>
      </c>
      <c r="AV504" t="s">
        <v>205</v>
      </c>
      <c r="AX504" t="s">
        <v>186</v>
      </c>
      <c r="AY504" t="s">
        <v>187</v>
      </c>
      <c r="AZ504" t="s">
        <v>207</v>
      </c>
      <c r="BA504" t="s">
        <v>188</v>
      </c>
      <c r="BF504" t="s">
        <v>292</v>
      </c>
      <c r="BG504" t="s">
        <v>301</v>
      </c>
      <c r="BH504" t="s">
        <v>464</v>
      </c>
      <c r="BK504" t="s">
        <v>191</v>
      </c>
      <c r="BM504" t="s">
        <v>191</v>
      </c>
      <c r="BO504" t="s">
        <v>218</v>
      </c>
    </row>
    <row r="505" spans="1:69" x14ac:dyDescent="0.25">
      <c r="A505" s="1">
        <v>30449094</v>
      </c>
      <c r="B505" t="s">
        <v>3991</v>
      </c>
      <c r="C505" t="s">
        <v>39</v>
      </c>
      <c r="D505" t="s">
        <v>3727</v>
      </c>
      <c r="E505" t="s">
        <v>200</v>
      </c>
      <c r="L505" t="s">
        <v>52</v>
      </c>
      <c r="M505" s="1">
        <v>0</v>
      </c>
      <c r="N505" s="1">
        <v>0</v>
      </c>
      <c r="O505" t="s">
        <v>3728</v>
      </c>
      <c r="P505" t="s">
        <v>216</v>
      </c>
      <c r="Q505" t="s">
        <v>273</v>
      </c>
      <c r="S505" s="1">
        <v>0</v>
      </c>
      <c r="T505" t="s">
        <v>200</v>
      </c>
      <c r="X505" t="s">
        <v>179</v>
      </c>
      <c r="AC505" t="s">
        <v>49</v>
      </c>
      <c r="AD505" t="s">
        <v>181</v>
      </c>
      <c r="AE505" t="s">
        <v>181</v>
      </c>
      <c r="AF505" t="s">
        <v>175</v>
      </c>
      <c r="AG505" t="s">
        <v>230</v>
      </c>
      <c r="AH505" t="s">
        <v>181</v>
      </c>
      <c r="AI505" t="s">
        <v>181</v>
      </c>
      <c r="AJ505" t="s">
        <v>230</v>
      </c>
      <c r="AK505" t="s">
        <v>181</v>
      </c>
      <c r="AL505" t="s">
        <v>49</v>
      </c>
      <c r="AM505" s="1">
        <v>0</v>
      </c>
      <c r="AN505" s="1">
        <v>0</v>
      </c>
      <c r="AO505" s="1">
        <v>0</v>
      </c>
      <c r="AP505" s="1">
        <v>0</v>
      </c>
      <c r="AQ505" s="1">
        <v>0</v>
      </c>
      <c r="AR505" s="1">
        <v>0</v>
      </c>
      <c r="AS505" s="1">
        <v>0</v>
      </c>
      <c r="AT505" s="1">
        <v>0</v>
      </c>
      <c r="AU505" s="1">
        <v>0</v>
      </c>
      <c r="AV505" s="1">
        <v>0</v>
      </c>
      <c r="BF505" s="1">
        <v>0</v>
      </c>
      <c r="BG505" s="1">
        <v>0</v>
      </c>
      <c r="BH505" s="1">
        <v>0</v>
      </c>
      <c r="BK505" s="1">
        <v>0</v>
      </c>
      <c r="BM505" s="1">
        <v>0</v>
      </c>
      <c r="BO505" s="1">
        <v>0</v>
      </c>
    </row>
    <row r="506" spans="1:69" x14ac:dyDescent="0.25">
      <c r="A506" s="1">
        <v>30449098</v>
      </c>
      <c r="B506" t="s">
        <v>1905</v>
      </c>
      <c r="C506" t="s">
        <v>39</v>
      </c>
      <c r="D506" t="s">
        <v>1616</v>
      </c>
      <c r="E506" t="s">
        <v>200</v>
      </c>
      <c r="L506" t="s">
        <v>52</v>
      </c>
      <c r="M506" s="1">
        <v>0</v>
      </c>
      <c r="N506" s="1">
        <v>0</v>
      </c>
      <c r="O506" t="s">
        <v>1616</v>
      </c>
      <c r="P506" t="s">
        <v>216</v>
      </c>
      <c r="Q506" t="s">
        <v>177</v>
      </c>
      <c r="S506" s="1">
        <v>0</v>
      </c>
      <c r="T506" t="s">
        <v>200</v>
      </c>
      <c r="AA506" t="s">
        <v>273</v>
      </c>
      <c r="AB506" t="s">
        <v>1906</v>
      </c>
      <c r="AC506" t="s">
        <v>199</v>
      </c>
      <c r="AD506" t="s">
        <v>175</v>
      </c>
      <c r="AE506" t="s">
        <v>175</v>
      </c>
      <c r="AF506" t="s">
        <v>175</v>
      </c>
      <c r="AG506" t="s">
        <v>175</v>
      </c>
      <c r="AH506" t="s">
        <v>175</v>
      </c>
      <c r="AI506" t="s">
        <v>175</v>
      </c>
      <c r="AJ506" t="s">
        <v>175</v>
      </c>
      <c r="AK506" t="s">
        <v>175</v>
      </c>
      <c r="AL506" t="s">
        <v>42</v>
      </c>
      <c r="AM506" t="s">
        <v>184</v>
      </c>
      <c r="AN506" t="s">
        <v>183</v>
      </c>
      <c r="AO506" t="s">
        <v>182</v>
      </c>
      <c r="AP506" t="s">
        <v>185</v>
      </c>
      <c r="AQ506" t="s">
        <v>202</v>
      </c>
      <c r="AR506" t="s">
        <v>203</v>
      </c>
      <c r="AS506" t="s">
        <v>204</v>
      </c>
      <c r="AT506" t="s">
        <v>201</v>
      </c>
      <c r="AU506" t="s">
        <v>206</v>
      </c>
      <c r="AV506" t="s">
        <v>205</v>
      </c>
      <c r="AW506" t="s">
        <v>1907</v>
      </c>
      <c r="AX506" t="s">
        <v>186</v>
      </c>
      <c r="AY506" t="s">
        <v>187</v>
      </c>
      <c r="AZ506" t="s">
        <v>207</v>
      </c>
      <c r="BF506" t="s">
        <v>49</v>
      </c>
      <c r="BG506" s="1">
        <v>0</v>
      </c>
      <c r="BH506" t="s">
        <v>247</v>
      </c>
      <c r="BK506" s="1">
        <v>0</v>
      </c>
      <c r="BM506" s="1">
        <v>0</v>
      </c>
      <c r="BO506" s="1">
        <v>0</v>
      </c>
    </row>
    <row r="507" spans="1:69" x14ac:dyDescent="0.25">
      <c r="A507" s="1">
        <v>30449099</v>
      </c>
      <c r="B507" t="s">
        <v>2694</v>
      </c>
      <c r="C507" t="s">
        <v>39</v>
      </c>
      <c r="D507" t="s">
        <v>2512</v>
      </c>
      <c r="E507" t="s">
        <v>200</v>
      </c>
      <c r="L507" t="s">
        <v>52</v>
      </c>
      <c r="M507" s="1">
        <v>0</v>
      </c>
      <c r="N507" s="1">
        <v>0</v>
      </c>
      <c r="O507" t="s">
        <v>2512</v>
      </c>
      <c r="P507" t="s">
        <v>176</v>
      </c>
      <c r="Q507" t="s">
        <v>177</v>
      </c>
      <c r="S507" t="s">
        <v>178</v>
      </c>
      <c r="T507" t="s">
        <v>200</v>
      </c>
      <c r="AA507" t="s">
        <v>273</v>
      </c>
      <c r="AB507" t="s">
        <v>1121</v>
      </c>
      <c r="AC507" t="s">
        <v>180</v>
      </c>
      <c r="AD507" t="s">
        <v>200</v>
      </c>
      <c r="AE507" t="s">
        <v>200</v>
      </c>
      <c r="AF507" t="s">
        <v>200</v>
      </c>
      <c r="AG507" t="s">
        <v>200</v>
      </c>
      <c r="AH507" t="s">
        <v>200</v>
      </c>
      <c r="AI507" t="s">
        <v>200</v>
      </c>
      <c r="AJ507" t="s">
        <v>200</v>
      </c>
      <c r="AK507" t="s">
        <v>200</v>
      </c>
      <c r="AL507" t="s">
        <v>42</v>
      </c>
      <c r="AM507" t="s">
        <v>205</v>
      </c>
      <c r="AN507" t="s">
        <v>182</v>
      </c>
      <c r="AO507" t="s">
        <v>185</v>
      </c>
      <c r="AP507" t="s">
        <v>184</v>
      </c>
      <c r="AQ507" t="s">
        <v>202</v>
      </c>
      <c r="AR507" t="s">
        <v>203</v>
      </c>
      <c r="AS507" t="s">
        <v>204</v>
      </c>
      <c r="AT507" t="s">
        <v>183</v>
      </c>
      <c r="AU507" t="s">
        <v>201</v>
      </c>
      <c r="AV507" t="s">
        <v>206</v>
      </c>
      <c r="AX507" t="s">
        <v>186</v>
      </c>
      <c r="AZ507" t="s">
        <v>207</v>
      </c>
      <c r="BA507" t="s">
        <v>188</v>
      </c>
      <c r="BC507" t="s">
        <v>209</v>
      </c>
      <c r="BF507" t="s">
        <v>210</v>
      </c>
      <c r="BG507" s="1">
        <v>0</v>
      </c>
      <c r="BH507" t="s">
        <v>247</v>
      </c>
      <c r="BK507" t="s">
        <v>191</v>
      </c>
      <c r="BM507" t="s">
        <v>218</v>
      </c>
      <c r="BO507" t="s">
        <v>218</v>
      </c>
    </row>
    <row r="508" spans="1:69" x14ac:dyDescent="0.25">
      <c r="A508" s="1">
        <v>30449101</v>
      </c>
      <c r="B508" t="s">
        <v>3992</v>
      </c>
      <c r="C508" t="s">
        <v>39</v>
      </c>
      <c r="D508" t="s">
        <v>3727</v>
      </c>
      <c r="E508" t="s">
        <v>200</v>
      </c>
      <c r="L508" t="s">
        <v>52</v>
      </c>
      <c r="M508" s="1">
        <v>0</v>
      </c>
      <c r="N508" s="1">
        <v>0</v>
      </c>
      <c r="O508" t="s">
        <v>3728</v>
      </c>
      <c r="P508" t="s">
        <v>176</v>
      </c>
      <c r="Q508" t="s">
        <v>238</v>
      </c>
      <c r="S508" t="s">
        <v>256</v>
      </c>
      <c r="T508" t="s">
        <v>200</v>
      </c>
      <c r="Y508" t="s">
        <v>224</v>
      </c>
      <c r="AC508" t="s">
        <v>225</v>
      </c>
      <c r="AD508" t="s">
        <v>200</v>
      </c>
      <c r="AE508" t="s">
        <v>200</v>
      </c>
      <c r="AF508" t="s">
        <v>200</v>
      </c>
      <c r="AG508" t="s">
        <v>200</v>
      </c>
      <c r="AH508" t="s">
        <v>200</v>
      </c>
      <c r="AI508" t="s">
        <v>200</v>
      </c>
      <c r="AJ508" t="s">
        <v>200</v>
      </c>
      <c r="AK508" t="s">
        <v>200</v>
      </c>
      <c r="AL508" t="s">
        <v>52</v>
      </c>
      <c r="AM508" t="s">
        <v>201</v>
      </c>
      <c r="AN508" t="s">
        <v>183</v>
      </c>
      <c r="AO508" t="s">
        <v>182</v>
      </c>
      <c r="AP508" t="s">
        <v>206</v>
      </c>
      <c r="AQ508" t="s">
        <v>204</v>
      </c>
      <c r="AR508" t="s">
        <v>202</v>
      </c>
      <c r="AS508" t="s">
        <v>185</v>
      </c>
      <c r="AT508" t="s">
        <v>205</v>
      </c>
      <c r="AU508" t="s">
        <v>203</v>
      </c>
      <c r="AV508" t="s">
        <v>184</v>
      </c>
      <c r="AW508" t="s">
        <v>3993</v>
      </c>
      <c r="AX508" t="s">
        <v>186</v>
      </c>
      <c r="AZ508" t="s">
        <v>207</v>
      </c>
      <c r="BC508" t="s">
        <v>209</v>
      </c>
      <c r="BF508" t="s">
        <v>292</v>
      </c>
      <c r="BG508" t="s">
        <v>233</v>
      </c>
      <c r="BH508" t="s">
        <v>464</v>
      </c>
      <c r="BK508" t="s">
        <v>191</v>
      </c>
      <c r="BL508" t="s">
        <v>3994</v>
      </c>
      <c r="BM508" t="s">
        <v>191</v>
      </c>
      <c r="BN508" t="s">
        <v>3995</v>
      </c>
      <c r="BO508" t="s">
        <v>191</v>
      </c>
      <c r="BP508" t="s">
        <v>3996</v>
      </c>
      <c r="BQ508" t="s">
        <v>3997</v>
      </c>
    </row>
    <row r="509" spans="1:69" x14ac:dyDescent="0.25">
      <c r="A509" s="1">
        <v>30449103</v>
      </c>
      <c r="B509" t="s">
        <v>1169</v>
      </c>
      <c r="C509" t="s">
        <v>39</v>
      </c>
      <c r="D509" t="s">
        <v>942</v>
      </c>
      <c r="E509" t="s">
        <v>175</v>
      </c>
      <c r="L509" t="s">
        <v>52</v>
      </c>
      <c r="M509" s="1">
        <v>0</v>
      </c>
      <c r="N509" s="1">
        <v>0</v>
      </c>
      <c r="O509" t="s">
        <v>942</v>
      </c>
      <c r="P509" t="s">
        <v>216</v>
      </c>
      <c r="Q509" t="s">
        <v>258</v>
      </c>
      <c r="S509" s="1">
        <v>0</v>
      </c>
      <c r="T509" t="s">
        <v>175</v>
      </c>
      <c r="W509" t="s">
        <v>262</v>
      </c>
      <c r="X509" t="s">
        <v>179</v>
      </c>
      <c r="Y509" t="s">
        <v>224</v>
      </c>
      <c r="AC509" t="s">
        <v>180</v>
      </c>
      <c r="AD509" t="s">
        <v>175</v>
      </c>
      <c r="AE509" t="s">
        <v>230</v>
      </c>
      <c r="AF509" t="s">
        <v>299</v>
      </c>
      <c r="AG509" t="s">
        <v>299</v>
      </c>
      <c r="AH509" t="s">
        <v>200</v>
      </c>
      <c r="AI509" t="s">
        <v>200</v>
      </c>
      <c r="AJ509" t="s">
        <v>175</v>
      </c>
      <c r="AK509" t="s">
        <v>181</v>
      </c>
      <c r="AL509" t="s">
        <v>42</v>
      </c>
      <c r="AM509" s="1">
        <v>0</v>
      </c>
      <c r="AN509" s="1">
        <v>0</v>
      </c>
      <c r="AO509" s="1">
        <v>0</v>
      </c>
      <c r="AP509" s="1">
        <v>0</v>
      </c>
      <c r="AQ509" s="1">
        <v>0</v>
      </c>
      <c r="AR509" s="1">
        <v>0</v>
      </c>
      <c r="AS509" s="1">
        <v>0</v>
      </c>
      <c r="AT509" s="1">
        <v>0</v>
      </c>
      <c r="AU509" s="1">
        <v>0</v>
      </c>
      <c r="AV509" s="1">
        <v>0</v>
      </c>
      <c r="BF509" s="1">
        <v>0</v>
      </c>
      <c r="BG509" s="1">
        <v>0</v>
      </c>
      <c r="BH509" s="1">
        <v>0</v>
      </c>
      <c r="BK509" s="1">
        <v>0</v>
      </c>
      <c r="BM509" s="1">
        <v>0</v>
      </c>
      <c r="BO509" s="1">
        <v>0</v>
      </c>
    </row>
    <row r="510" spans="1:69" x14ac:dyDescent="0.25">
      <c r="A510" s="1">
        <v>30449104</v>
      </c>
      <c r="B510" t="s">
        <v>1908</v>
      </c>
      <c r="C510" t="s">
        <v>39</v>
      </c>
      <c r="D510" t="s">
        <v>1616</v>
      </c>
      <c r="E510" t="s">
        <v>195</v>
      </c>
      <c r="L510" t="s">
        <v>52</v>
      </c>
      <c r="M510" s="1">
        <v>0</v>
      </c>
      <c r="N510" s="1">
        <v>0</v>
      </c>
      <c r="O510" t="s">
        <v>1616</v>
      </c>
      <c r="P510" t="s">
        <v>176</v>
      </c>
      <c r="Q510" t="s">
        <v>177</v>
      </c>
      <c r="S510" t="s">
        <v>178</v>
      </c>
      <c r="T510" t="s">
        <v>197</v>
      </c>
      <c r="W510" t="s">
        <v>262</v>
      </c>
      <c r="X510" t="s">
        <v>179</v>
      </c>
      <c r="Z510" t="s">
        <v>244</v>
      </c>
      <c r="AC510" t="s">
        <v>266</v>
      </c>
      <c r="AD510" t="s">
        <v>230</v>
      </c>
      <c r="AE510" t="s">
        <v>175</v>
      </c>
      <c r="AF510" t="s">
        <v>181</v>
      </c>
      <c r="AG510" t="s">
        <v>181</v>
      </c>
      <c r="AH510" t="s">
        <v>181</v>
      </c>
      <c r="AI510" t="s">
        <v>181</v>
      </c>
      <c r="AJ510" t="s">
        <v>230</v>
      </c>
      <c r="AK510" t="s">
        <v>175</v>
      </c>
      <c r="AL510" t="s">
        <v>42</v>
      </c>
      <c r="AM510" t="s">
        <v>185</v>
      </c>
      <c r="AN510" t="s">
        <v>202</v>
      </c>
      <c r="AO510" t="s">
        <v>183</v>
      </c>
      <c r="AP510" t="s">
        <v>206</v>
      </c>
      <c r="AQ510" t="s">
        <v>205</v>
      </c>
      <c r="AR510" t="s">
        <v>204</v>
      </c>
      <c r="AS510" t="s">
        <v>203</v>
      </c>
      <c r="AT510" t="s">
        <v>182</v>
      </c>
      <c r="AU510" t="s">
        <v>201</v>
      </c>
      <c r="AV510" t="s">
        <v>184</v>
      </c>
      <c r="AX510" t="s">
        <v>186</v>
      </c>
      <c r="AY510" t="s">
        <v>187</v>
      </c>
      <c r="AZ510" t="s">
        <v>207</v>
      </c>
      <c r="BA510" t="s">
        <v>188</v>
      </c>
      <c r="BB510" t="s">
        <v>208</v>
      </c>
      <c r="BF510" t="s">
        <v>210</v>
      </c>
      <c r="BG510" s="1">
        <v>0</v>
      </c>
      <c r="BH510" t="s">
        <v>211</v>
      </c>
      <c r="BK510" t="s">
        <v>191</v>
      </c>
      <c r="BL510" t="s">
        <v>1909</v>
      </c>
      <c r="BM510" t="s">
        <v>218</v>
      </c>
      <c r="BO510" t="s">
        <v>218</v>
      </c>
    </row>
    <row r="511" spans="1:69" x14ac:dyDescent="0.25">
      <c r="A511" s="1">
        <v>30449106</v>
      </c>
      <c r="B511" t="s">
        <v>3998</v>
      </c>
      <c r="C511" t="s">
        <v>39</v>
      </c>
      <c r="D511" t="s">
        <v>3727</v>
      </c>
      <c r="E511" t="s">
        <v>175</v>
      </c>
      <c r="L511" t="s">
        <v>52</v>
      </c>
      <c r="M511" s="1">
        <v>0</v>
      </c>
      <c r="N511" s="1">
        <v>0</v>
      </c>
      <c r="O511" t="s">
        <v>3728</v>
      </c>
      <c r="P511" t="s">
        <v>216</v>
      </c>
      <c r="Q511" t="s">
        <v>238</v>
      </c>
      <c r="S511" s="1">
        <v>0</v>
      </c>
      <c r="T511" t="s">
        <v>175</v>
      </c>
      <c r="X511" t="s">
        <v>179</v>
      </c>
      <c r="Y511" t="s">
        <v>224</v>
      </c>
      <c r="AC511" t="s">
        <v>180</v>
      </c>
      <c r="AD511" t="s">
        <v>181</v>
      </c>
      <c r="AE511" t="s">
        <v>230</v>
      </c>
      <c r="AF511" t="s">
        <v>230</v>
      </c>
      <c r="AG511" t="s">
        <v>181</v>
      </c>
      <c r="AH511" t="s">
        <v>175</v>
      </c>
      <c r="AI511" t="s">
        <v>175</v>
      </c>
      <c r="AJ511" t="s">
        <v>175</v>
      </c>
      <c r="AK511" t="s">
        <v>181</v>
      </c>
      <c r="AL511" t="s">
        <v>52</v>
      </c>
      <c r="AM511" t="s">
        <v>204</v>
      </c>
      <c r="AN511" t="s">
        <v>182</v>
      </c>
      <c r="AO511" t="s">
        <v>205</v>
      </c>
      <c r="AP511" t="s">
        <v>203</v>
      </c>
      <c r="AQ511" t="s">
        <v>185</v>
      </c>
      <c r="AR511" t="s">
        <v>184</v>
      </c>
      <c r="AS511" t="s">
        <v>202</v>
      </c>
      <c r="AT511" t="s">
        <v>183</v>
      </c>
      <c r="AU511" t="s">
        <v>201</v>
      </c>
      <c r="AV511" t="s">
        <v>206</v>
      </c>
      <c r="AY511" t="s">
        <v>187</v>
      </c>
      <c r="BA511" t="s">
        <v>188</v>
      </c>
      <c r="BC511" t="s">
        <v>209</v>
      </c>
      <c r="BF511" t="s">
        <v>210</v>
      </c>
      <c r="BG511" s="1">
        <v>0</v>
      </c>
      <c r="BH511" t="s">
        <v>211</v>
      </c>
      <c r="BK511" t="s">
        <v>191</v>
      </c>
      <c r="BL511" t="s">
        <v>3999</v>
      </c>
      <c r="BM511" t="s">
        <v>191</v>
      </c>
      <c r="BN511" t="s">
        <v>4000</v>
      </c>
      <c r="BO511" t="s">
        <v>191</v>
      </c>
      <c r="BP511" t="s">
        <v>4001</v>
      </c>
    </row>
    <row r="512" spans="1:69" x14ac:dyDescent="0.25">
      <c r="A512" s="1">
        <v>30449107</v>
      </c>
      <c r="B512" t="s">
        <v>1170</v>
      </c>
      <c r="C512" t="s">
        <v>39</v>
      </c>
      <c r="D512" t="s">
        <v>942</v>
      </c>
      <c r="E512" t="s">
        <v>195</v>
      </c>
      <c r="L512" t="s">
        <v>52</v>
      </c>
      <c r="M512" s="1">
        <v>0</v>
      </c>
      <c r="N512" s="1">
        <v>0</v>
      </c>
      <c r="O512" t="s">
        <v>942</v>
      </c>
      <c r="P512" t="s">
        <v>176</v>
      </c>
      <c r="Q512" t="s">
        <v>177</v>
      </c>
      <c r="S512" t="s">
        <v>222</v>
      </c>
      <c r="T512" t="s">
        <v>197</v>
      </c>
      <c r="AC512" t="s">
        <v>225</v>
      </c>
      <c r="AD512" t="s">
        <v>181</v>
      </c>
      <c r="AE512" t="s">
        <v>181</v>
      </c>
      <c r="AF512" t="s">
        <v>181</v>
      </c>
      <c r="AG512" t="s">
        <v>181</v>
      </c>
      <c r="AH512" t="s">
        <v>181</v>
      </c>
      <c r="AI512" t="s">
        <v>181</v>
      </c>
      <c r="AJ512" t="s">
        <v>181</v>
      </c>
      <c r="AK512" t="s">
        <v>230</v>
      </c>
      <c r="AL512" t="s">
        <v>42</v>
      </c>
      <c r="AM512" s="1">
        <v>0</v>
      </c>
      <c r="AN512" s="1">
        <v>0</v>
      </c>
      <c r="AO512" s="1">
        <v>0</v>
      </c>
      <c r="AP512" s="1">
        <v>0</v>
      </c>
      <c r="AQ512" s="1">
        <v>0</v>
      </c>
      <c r="AR512" s="1">
        <v>0</v>
      </c>
      <c r="AS512" s="1">
        <v>0</v>
      </c>
      <c r="AT512" s="1">
        <v>0</v>
      </c>
      <c r="AU512" s="1">
        <v>0</v>
      </c>
      <c r="AV512" s="1">
        <v>0</v>
      </c>
      <c r="BF512" t="s">
        <v>49</v>
      </c>
      <c r="BG512" s="1">
        <v>0</v>
      </c>
      <c r="BH512" t="s">
        <v>190</v>
      </c>
      <c r="BK512" t="s">
        <v>191</v>
      </c>
      <c r="BL512" t="s">
        <v>1171</v>
      </c>
      <c r="BM512" t="s">
        <v>191</v>
      </c>
      <c r="BN512" t="s">
        <v>1172</v>
      </c>
      <c r="BO512" t="s">
        <v>191</v>
      </c>
      <c r="BP512" t="s">
        <v>1173</v>
      </c>
    </row>
    <row r="513" spans="1:69" x14ac:dyDescent="0.25">
      <c r="A513" s="1">
        <v>30449111</v>
      </c>
      <c r="B513" t="s">
        <v>4002</v>
      </c>
      <c r="C513" t="s">
        <v>39</v>
      </c>
      <c r="D513" t="s">
        <v>3727</v>
      </c>
      <c r="E513" t="s">
        <v>216</v>
      </c>
      <c r="L513" t="s">
        <v>52</v>
      </c>
      <c r="M513" s="1">
        <v>0</v>
      </c>
      <c r="N513" s="1">
        <v>0</v>
      </c>
      <c r="O513" t="s">
        <v>3728</v>
      </c>
      <c r="P513" t="s">
        <v>216</v>
      </c>
      <c r="Q513" t="s">
        <v>177</v>
      </c>
      <c r="S513" s="1">
        <v>0</v>
      </c>
      <c r="T513" t="s">
        <v>197</v>
      </c>
      <c r="U513" t="s">
        <v>4003</v>
      </c>
      <c r="Y513" t="s">
        <v>224</v>
      </c>
      <c r="AC513" t="s">
        <v>199</v>
      </c>
      <c r="AD513" t="s">
        <v>181</v>
      </c>
      <c r="AE513" t="s">
        <v>175</v>
      </c>
      <c r="AF513" t="s">
        <v>175</v>
      </c>
      <c r="AG513" t="s">
        <v>175</v>
      </c>
      <c r="AH513" t="s">
        <v>175</v>
      </c>
      <c r="AI513" t="s">
        <v>175</v>
      </c>
      <c r="AJ513" t="s">
        <v>175</v>
      </c>
      <c r="AK513" t="s">
        <v>175</v>
      </c>
      <c r="AL513" t="s">
        <v>42</v>
      </c>
      <c r="AM513" t="s">
        <v>206</v>
      </c>
      <c r="AN513" t="s">
        <v>185</v>
      </c>
      <c r="AO513" t="s">
        <v>201</v>
      </c>
      <c r="AP513" t="s">
        <v>205</v>
      </c>
      <c r="AQ513" t="s">
        <v>202</v>
      </c>
      <c r="AR513" t="s">
        <v>203</v>
      </c>
      <c r="AS513" t="s">
        <v>204</v>
      </c>
      <c r="AT513" t="s">
        <v>184</v>
      </c>
      <c r="AU513" t="s">
        <v>182</v>
      </c>
      <c r="AV513" t="s">
        <v>183</v>
      </c>
      <c r="AY513" t="s">
        <v>187</v>
      </c>
      <c r="AZ513" t="s">
        <v>207</v>
      </c>
      <c r="BB513" t="s">
        <v>208</v>
      </c>
      <c r="BC513" t="s">
        <v>209</v>
      </c>
      <c r="BF513" t="s">
        <v>210</v>
      </c>
      <c r="BG513" s="1">
        <v>0</v>
      </c>
      <c r="BH513" t="s">
        <v>211</v>
      </c>
      <c r="BK513" t="s">
        <v>191</v>
      </c>
      <c r="BM513" t="s">
        <v>191</v>
      </c>
      <c r="BO513" t="s">
        <v>218</v>
      </c>
    </row>
    <row r="514" spans="1:69" x14ac:dyDescent="0.25">
      <c r="A514" s="1">
        <v>30449115</v>
      </c>
      <c r="B514" t="s">
        <v>436</v>
      </c>
      <c r="C514" t="s">
        <v>39</v>
      </c>
      <c r="D514" t="s">
        <v>174</v>
      </c>
      <c r="E514" t="s">
        <v>175</v>
      </c>
      <c r="L514" t="s">
        <v>52</v>
      </c>
      <c r="M514" s="1">
        <v>0</v>
      </c>
      <c r="N514" s="1">
        <v>0</v>
      </c>
      <c r="O514" t="s">
        <v>174</v>
      </c>
      <c r="P514" t="s">
        <v>176</v>
      </c>
      <c r="Q514" t="s">
        <v>177</v>
      </c>
      <c r="S514" t="s">
        <v>178</v>
      </c>
      <c r="T514" t="s">
        <v>175</v>
      </c>
      <c r="X514" t="s">
        <v>179</v>
      </c>
      <c r="AC514" t="s">
        <v>199</v>
      </c>
      <c r="AD514" t="s">
        <v>175</v>
      </c>
      <c r="AE514" t="s">
        <v>181</v>
      </c>
      <c r="AF514" t="s">
        <v>230</v>
      </c>
      <c r="AG514" t="s">
        <v>175</v>
      </c>
      <c r="AH514" t="s">
        <v>175</v>
      </c>
      <c r="AI514" t="s">
        <v>181</v>
      </c>
      <c r="AJ514" t="s">
        <v>175</v>
      </c>
      <c r="AK514" t="s">
        <v>299</v>
      </c>
      <c r="AL514" t="s">
        <v>42</v>
      </c>
      <c r="AM514" t="s">
        <v>206</v>
      </c>
      <c r="AN514" t="s">
        <v>184</v>
      </c>
      <c r="AO514" t="s">
        <v>185</v>
      </c>
      <c r="AP514" t="s">
        <v>201</v>
      </c>
      <c r="AQ514" t="s">
        <v>202</v>
      </c>
      <c r="AR514" t="s">
        <v>203</v>
      </c>
      <c r="AS514" t="s">
        <v>205</v>
      </c>
      <c r="AT514" t="s">
        <v>182</v>
      </c>
      <c r="AU514" t="s">
        <v>183</v>
      </c>
      <c r="AV514" t="s">
        <v>204</v>
      </c>
      <c r="AX514" t="s">
        <v>186</v>
      </c>
      <c r="AY514" t="s">
        <v>187</v>
      </c>
      <c r="AZ514" t="s">
        <v>207</v>
      </c>
      <c r="BF514" t="s">
        <v>210</v>
      </c>
      <c r="BG514" s="1">
        <v>0</v>
      </c>
      <c r="BH514" t="s">
        <v>211</v>
      </c>
      <c r="BK514" t="s">
        <v>191</v>
      </c>
      <c r="BM514" t="s">
        <v>191</v>
      </c>
      <c r="BO514" t="s">
        <v>218</v>
      </c>
    </row>
    <row r="515" spans="1:69" x14ac:dyDescent="0.25">
      <c r="A515" s="1">
        <v>30449122</v>
      </c>
      <c r="B515" t="s">
        <v>3328</v>
      </c>
      <c r="C515" t="s">
        <v>39</v>
      </c>
      <c r="D515" t="s">
        <v>3138</v>
      </c>
      <c r="E515" t="s">
        <v>200</v>
      </c>
      <c r="L515" t="s">
        <v>52</v>
      </c>
      <c r="M515" s="1">
        <v>0</v>
      </c>
      <c r="N515" s="1">
        <v>0</v>
      </c>
      <c r="O515" t="s">
        <v>3139</v>
      </c>
      <c r="P515" t="s">
        <v>176</v>
      </c>
      <c r="Q515" t="s">
        <v>196</v>
      </c>
      <c r="S515" t="s">
        <v>222</v>
      </c>
      <c r="T515" t="s">
        <v>200</v>
      </c>
      <c r="X515" t="s">
        <v>179</v>
      </c>
      <c r="AC515" t="s">
        <v>180</v>
      </c>
      <c r="AD515" t="s">
        <v>175</v>
      </c>
      <c r="AE515" t="s">
        <v>175</v>
      </c>
      <c r="AF515" t="s">
        <v>181</v>
      </c>
      <c r="AG515" t="s">
        <v>175</v>
      </c>
      <c r="AH515" t="s">
        <v>200</v>
      </c>
      <c r="AI515" t="s">
        <v>175</v>
      </c>
      <c r="AJ515" t="s">
        <v>175</v>
      </c>
      <c r="AK515" t="s">
        <v>175</v>
      </c>
      <c r="AL515" t="s">
        <v>42</v>
      </c>
      <c r="AM515" t="s">
        <v>205</v>
      </c>
      <c r="AN515" t="s">
        <v>204</v>
      </c>
      <c r="AO515" t="s">
        <v>201</v>
      </c>
      <c r="AP515" t="s">
        <v>185</v>
      </c>
      <c r="AQ515" t="s">
        <v>182</v>
      </c>
      <c r="AR515" t="s">
        <v>183</v>
      </c>
      <c r="AS515" t="s">
        <v>184</v>
      </c>
      <c r="AT515" t="s">
        <v>202</v>
      </c>
      <c r="AU515" t="s">
        <v>203</v>
      </c>
      <c r="AV515" t="s">
        <v>206</v>
      </c>
      <c r="AX515" t="s">
        <v>186</v>
      </c>
      <c r="AY515" t="s">
        <v>187</v>
      </c>
      <c r="AZ515" t="s">
        <v>207</v>
      </c>
      <c r="BA515" t="s">
        <v>188</v>
      </c>
      <c r="BC515" t="s">
        <v>209</v>
      </c>
      <c r="BF515" t="s">
        <v>232</v>
      </c>
      <c r="BG515" t="s">
        <v>276</v>
      </c>
      <c r="BH515" t="s">
        <v>211</v>
      </c>
      <c r="BK515" t="s">
        <v>191</v>
      </c>
      <c r="BL515" t="s">
        <v>3329</v>
      </c>
      <c r="BM515" t="s">
        <v>191</v>
      </c>
      <c r="BN515" t="s">
        <v>3330</v>
      </c>
      <c r="BO515" t="s">
        <v>218</v>
      </c>
      <c r="BP515" t="s">
        <v>3331</v>
      </c>
    </row>
    <row r="516" spans="1:69" x14ac:dyDescent="0.25">
      <c r="A516" s="1">
        <v>30449123</v>
      </c>
      <c r="B516" t="s">
        <v>1174</v>
      </c>
      <c r="C516" t="s">
        <v>39</v>
      </c>
      <c r="D516" t="s">
        <v>942</v>
      </c>
      <c r="E516" t="s">
        <v>216</v>
      </c>
      <c r="L516" t="s">
        <v>52</v>
      </c>
      <c r="M516" s="1">
        <v>0</v>
      </c>
      <c r="N516" s="1">
        <v>0</v>
      </c>
      <c r="O516" t="s">
        <v>942</v>
      </c>
      <c r="P516" t="s">
        <v>216</v>
      </c>
      <c r="Q516" t="s">
        <v>258</v>
      </c>
      <c r="S516" s="1">
        <v>0</v>
      </c>
      <c r="T516" t="s">
        <v>197</v>
      </c>
      <c r="U516" t="s">
        <v>1175</v>
      </c>
      <c r="W516" t="s">
        <v>262</v>
      </c>
      <c r="X516" t="s">
        <v>179</v>
      </c>
      <c r="Y516" t="s">
        <v>224</v>
      </c>
      <c r="AC516" t="s">
        <v>180</v>
      </c>
      <c r="AD516" t="s">
        <v>230</v>
      </c>
      <c r="AE516" t="s">
        <v>230</v>
      </c>
      <c r="AF516" t="s">
        <v>230</v>
      </c>
      <c r="AG516" t="s">
        <v>230</v>
      </c>
      <c r="AH516" t="s">
        <v>200</v>
      </c>
      <c r="AI516" t="s">
        <v>200</v>
      </c>
      <c r="AJ516" t="s">
        <v>175</v>
      </c>
      <c r="AK516" t="s">
        <v>230</v>
      </c>
      <c r="AL516" t="s">
        <v>42</v>
      </c>
      <c r="AM516" t="s">
        <v>202</v>
      </c>
      <c r="AN516" t="s">
        <v>204</v>
      </c>
      <c r="AO516" t="s">
        <v>182</v>
      </c>
      <c r="AP516" t="s">
        <v>184</v>
      </c>
      <c r="AQ516" t="s">
        <v>183</v>
      </c>
      <c r="AR516" t="s">
        <v>201</v>
      </c>
      <c r="AS516" t="s">
        <v>185</v>
      </c>
      <c r="AT516" t="s">
        <v>205</v>
      </c>
      <c r="AU516" t="s">
        <v>206</v>
      </c>
      <c r="AV516" t="s">
        <v>203</v>
      </c>
      <c r="AX516" t="s">
        <v>186</v>
      </c>
      <c r="AY516" t="s">
        <v>187</v>
      </c>
      <c r="BA516" t="s">
        <v>188</v>
      </c>
      <c r="BC516" t="s">
        <v>209</v>
      </c>
      <c r="BF516" t="s">
        <v>232</v>
      </c>
      <c r="BG516" t="s">
        <v>233</v>
      </c>
      <c r="BH516" t="s">
        <v>211</v>
      </c>
      <c r="BK516" t="s">
        <v>191</v>
      </c>
      <c r="BL516" t="s">
        <v>1176</v>
      </c>
      <c r="BM516" t="s">
        <v>191</v>
      </c>
      <c r="BN516" t="s">
        <v>1177</v>
      </c>
      <c r="BO516" t="s">
        <v>191</v>
      </c>
      <c r="BP516" t="s">
        <v>1178</v>
      </c>
      <c r="BQ516" t="s">
        <v>1179</v>
      </c>
    </row>
    <row r="517" spans="1:69" x14ac:dyDescent="0.25">
      <c r="A517" s="1">
        <v>30449124</v>
      </c>
      <c r="B517" t="s">
        <v>2695</v>
      </c>
      <c r="C517" t="s">
        <v>39</v>
      </c>
      <c r="D517" t="s">
        <v>2512</v>
      </c>
      <c r="E517" t="s">
        <v>175</v>
      </c>
      <c r="L517" t="s">
        <v>52</v>
      </c>
      <c r="M517" s="1">
        <v>0</v>
      </c>
      <c r="N517" s="1">
        <v>0</v>
      </c>
      <c r="O517" t="s">
        <v>2512</v>
      </c>
      <c r="P517" t="s">
        <v>216</v>
      </c>
      <c r="Q517" t="s">
        <v>322</v>
      </c>
      <c r="S517" s="1">
        <v>0</v>
      </c>
      <c r="T517" t="s">
        <v>175</v>
      </c>
      <c r="Z517" t="s">
        <v>244</v>
      </c>
      <c r="AC517" t="s">
        <v>180</v>
      </c>
      <c r="AD517" t="s">
        <v>230</v>
      </c>
      <c r="AE517" t="s">
        <v>230</v>
      </c>
      <c r="AF517" t="s">
        <v>230</v>
      </c>
      <c r="AG517" t="s">
        <v>230</v>
      </c>
      <c r="AH517" t="s">
        <v>230</v>
      </c>
      <c r="AI517" t="s">
        <v>230</v>
      </c>
      <c r="AJ517" t="s">
        <v>230</v>
      </c>
      <c r="AK517" t="s">
        <v>230</v>
      </c>
      <c r="AL517" t="s">
        <v>42</v>
      </c>
      <c r="AM517" t="s">
        <v>201</v>
      </c>
      <c r="AN517" t="s">
        <v>184</v>
      </c>
      <c r="AO517" t="s">
        <v>182</v>
      </c>
      <c r="AP517" s="1">
        <v>0</v>
      </c>
      <c r="AQ517" s="1">
        <v>0</v>
      </c>
      <c r="AR517" s="1">
        <v>0</v>
      </c>
      <c r="AS517" s="1">
        <v>0</v>
      </c>
      <c r="AT517" s="1">
        <v>0</v>
      </c>
      <c r="AU517" t="s">
        <v>185</v>
      </c>
      <c r="AV517" t="s">
        <v>183</v>
      </c>
      <c r="AZ517" t="s">
        <v>207</v>
      </c>
      <c r="BF517" t="s">
        <v>210</v>
      </c>
      <c r="BG517" s="1">
        <v>0</v>
      </c>
      <c r="BH517" t="s">
        <v>211</v>
      </c>
      <c r="BK517" t="s">
        <v>191</v>
      </c>
      <c r="BL517" t="s">
        <v>367</v>
      </c>
      <c r="BM517" t="s">
        <v>191</v>
      </c>
      <c r="BN517" t="s">
        <v>367</v>
      </c>
      <c r="BO517" t="s">
        <v>218</v>
      </c>
      <c r="BP517" t="s">
        <v>1019</v>
      </c>
    </row>
    <row r="518" spans="1:69" x14ac:dyDescent="0.25">
      <c r="A518" s="1">
        <v>30449126</v>
      </c>
      <c r="B518" t="s">
        <v>3332</v>
      </c>
      <c r="C518" t="s">
        <v>39</v>
      </c>
      <c r="D518" t="s">
        <v>3138</v>
      </c>
      <c r="E518" t="s">
        <v>200</v>
      </c>
      <c r="L518" t="s">
        <v>52</v>
      </c>
      <c r="M518" s="1">
        <v>0</v>
      </c>
      <c r="N518" s="1">
        <v>0</v>
      </c>
      <c r="O518" t="s">
        <v>3139</v>
      </c>
      <c r="P518" t="s">
        <v>176</v>
      </c>
      <c r="Q518" t="s">
        <v>238</v>
      </c>
      <c r="S518" t="s">
        <v>178</v>
      </c>
      <c r="T518" t="s">
        <v>200</v>
      </c>
      <c r="Y518" t="s">
        <v>224</v>
      </c>
      <c r="AC518" t="s">
        <v>180</v>
      </c>
      <c r="AD518" t="s">
        <v>175</v>
      </c>
      <c r="AE518" t="s">
        <v>175</v>
      </c>
      <c r="AF518" t="s">
        <v>175</v>
      </c>
      <c r="AG518" t="s">
        <v>181</v>
      </c>
      <c r="AH518" t="s">
        <v>175</v>
      </c>
      <c r="AI518" t="s">
        <v>175</v>
      </c>
      <c r="AJ518" t="s">
        <v>175</v>
      </c>
      <c r="AK518" t="s">
        <v>175</v>
      </c>
      <c r="AL518" t="s">
        <v>42</v>
      </c>
      <c r="AM518" t="s">
        <v>182</v>
      </c>
      <c r="AN518" t="s">
        <v>201</v>
      </c>
      <c r="AO518" t="s">
        <v>202</v>
      </c>
      <c r="AP518" t="s">
        <v>183</v>
      </c>
      <c r="AQ518" t="s">
        <v>185</v>
      </c>
      <c r="AR518" t="s">
        <v>184</v>
      </c>
      <c r="AS518" t="s">
        <v>203</v>
      </c>
      <c r="AT518" t="s">
        <v>205</v>
      </c>
      <c r="AU518" t="s">
        <v>206</v>
      </c>
      <c r="AV518" t="s">
        <v>204</v>
      </c>
      <c r="AX518" t="s">
        <v>186</v>
      </c>
      <c r="BB518" t="s">
        <v>208</v>
      </c>
      <c r="BF518" t="s">
        <v>292</v>
      </c>
      <c r="BG518" t="s">
        <v>301</v>
      </c>
      <c r="BH518" t="s">
        <v>464</v>
      </c>
      <c r="BK518" t="s">
        <v>191</v>
      </c>
      <c r="BL518" t="s">
        <v>3333</v>
      </c>
      <c r="BM518" t="s">
        <v>218</v>
      </c>
      <c r="BO518" t="s">
        <v>191</v>
      </c>
    </row>
    <row r="519" spans="1:69" x14ac:dyDescent="0.25">
      <c r="A519" s="1">
        <v>30449127</v>
      </c>
      <c r="B519" t="s">
        <v>4004</v>
      </c>
      <c r="C519" t="s">
        <v>39</v>
      </c>
      <c r="D519" t="s">
        <v>3727</v>
      </c>
      <c r="E519" t="s">
        <v>195</v>
      </c>
      <c r="L519" t="s">
        <v>52</v>
      </c>
      <c r="M519" s="1">
        <v>0</v>
      </c>
      <c r="N519" s="1">
        <v>0</v>
      </c>
      <c r="O519" t="s">
        <v>3728</v>
      </c>
      <c r="P519" t="s">
        <v>176</v>
      </c>
      <c r="Q519" t="s">
        <v>177</v>
      </c>
      <c r="S519" t="s">
        <v>178</v>
      </c>
      <c r="T519" t="s">
        <v>197</v>
      </c>
      <c r="U519" t="s">
        <v>4005</v>
      </c>
      <c r="AC519" t="s">
        <v>180</v>
      </c>
      <c r="AD519" t="s">
        <v>200</v>
      </c>
      <c r="AE519" t="s">
        <v>200</v>
      </c>
      <c r="AF519" t="s">
        <v>175</v>
      </c>
      <c r="AG519" t="s">
        <v>175</v>
      </c>
      <c r="AH519" t="s">
        <v>200</v>
      </c>
      <c r="AI519" t="s">
        <v>200</v>
      </c>
      <c r="AJ519" t="s">
        <v>200</v>
      </c>
      <c r="AK519" t="s">
        <v>175</v>
      </c>
      <c r="AL519" t="s">
        <v>42</v>
      </c>
      <c r="AM519" t="s">
        <v>202</v>
      </c>
      <c r="AN519" t="s">
        <v>201</v>
      </c>
      <c r="AO519" t="s">
        <v>182</v>
      </c>
      <c r="AP519" t="s">
        <v>204</v>
      </c>
      <c r="AQ519" t="s">
        <v>185</v>
      </c>
      <c r="AR519" t="s">
        <v>184</v>
      </c>
      <c r="AS519" t="s">
        <v>203</v>
      </c>
      <c r="AT519" t="s">
        <v>206</v>
      </c>
      <c r="AU519" t="s">
        <v>205</v>
      </c>
      <c r="AV519" t="s">
        <v>183</v>
      </c>
      <c r="AX519" t="s">
        <v>186</v>
      </c>
      <c r="AY519" t="s">
        <v>187</v>
      </c>
      <c r="AZ519" t="s">
        <v>207</v>
      </c>
      <c r="BF519" t="s">
        <v>210</v>
      </c>
      <c r="BG519" s="1">
        <v>0</v>
      </c>
      <c r="BH519" t="s">
        <v>211</v>
      </c>
      <c r="BK519" t="s">
        <v>191</v>
      </c>
      <c r="BL519" t="s">
        <v>4006</v>
      </c>
      <c r="BM519" t="s">
        <v>218</v>
      </c>
      <c r="BN519" t="s">
        <v>4007</v>
      </c>
      <c r="BO519" t="s">
        <v>218</v>
      </c>
      <c r="BP519" t="s">
        <v>4008</v>
      </c>
    </row>
    <row r="520" spans="1:69" x14ac:dyDescent="0.25">
      <c r="A520" s="1">
        <v>30449128</v>
      </c>
      <c r="B520" t="s">
        <v>1910</v>
      </c>
      <c r="C520" t="s">
        <v>39</v>
      </c>
      <c r="D520" t="s">
        <v>1616</v>
      </c>
      <c r="E520" t="s">
        <v>200</v>
      </c>
      <c r="L520" t="s">
        <v>52</v>
      </c>
      <c r="M520" s="1">
        <v>0</v>
      </c>
      <c r="N520" s="1">
        <v>0</v>
      </c>
      <c r="O520" t="s">
        <v>1616</v>
      </c>
      <c r="P520" t="s">
        <v>216</v>
      </c>
      <c r="Q520" t="s">
        <v>196</v>
      </c>
      <c r="S520" s="1">
        <v>0</v>
      </c>
      <c r="T520" t="s">
        <v>200</v>
      </c>
      <c r="Z520" t="s">
        <v>244</v>
      </c>
      <c r="AC520" t="s">
        <v>266</v>
      </c>
      <c r="AD520" t="s">
        <v>175</v>
      </c>
      <c r="AE520" t="s">
        <v>175</v>
      </c>
      <c r="AF520" t="s">
        <v>175</v>
      </c>
      <c r="AG520" t="s">
        <v>175</v>
      </c>
      <c r="AH520" t="s">
        <v>175</v>
      </c>
      <c r="AI520" t="s">
        <v>175</v>
      </c>
      <c r="AJ520" t="s">
        <v>175</v>
      </c>
      <c r="AK520" t="s">
        <v>175</v>
      </c>
      <c r="AL520" t="s">
        <v>42</v>
      </c>
      <c r="AM520" t="s">
        <v>182</v>
      </c>
      <c r="AN520" t="s">
        <v>201</v>
      </c>
      <c r="AO520" t="s">
        <v>183</v>
      </c>
      <c r="AP520" s="1">
        <v>0</v>
      </c>
      <c r="AQ520" s="1">
        <v>0</v>
      </c>
      <c r="AR520" s="1">
        <v>0</v>
      </c>
      <c r="AS520" s="1">
        <v>0</v>
      </c>
      <c r="AT520" t="s">
        <v>185</v>
      </c>
      <c r="AU520" s="1">
        <v>0</v>
      </c>
      <c r="AV520" t="s">
        <v>184</v>
      </c>
      <c r="BF520" t="s">
        <v>210</v>
      </c>
      <c r="BG520" s="1">
        <v>0</v>
      </c>
      <c r="BH520" t="s">
        <v>211</v>
      </c>
      <c r="BK520" s="1">
        <v>0</v>
      </c>
      <c r="BM520" s="1">
        <v>0</v>
      </c>
      <c r="BO520" s="1">
        <v>0</v>
      </c>
    </row>
    <row r="521" spans="1:69" x14ac:dyDescent="0.25">
      <c r="A521" s="1">
        <v>30449129</v>
      </c>
      <c r="B521" t="s">
        <v>1911</v>
      </c>
      <c r="C521" t="s">
        <v>39</v>
      </c>
      <c r="D521" t="s">
        <v>1616</v>
      </c>
      <c r="E521" t="s">
        <v>200</v>
      </c>
      <c r="L521" t="s">
        <v>52</v>
      </c>
      <c r="M521" s="1">
        <v>0</v>
      </c>
      <c r="N521" s="1">
        <v>0</v>
      </c>
      <c r="O521" t="s">
        <v>1616</v>
      </c>
      <c r="P521" t="s">
        <v>176</v>
      </c>
      <c r="Q521" t="s">
        <v>238</v>
      </c>
      <c r="S521" t="s">
        <v>178</v>
      </c>
      <c r="T521" t="s">
        <v>200</v>
      </c>
      <c r="Z521" t="s">
        <v>244</v>
      </c>
      <c r="AC521" t="s">
        <v>180</v>
      </c>
      <c r="AD521" t="s">
        <v>200</v>
      </c>
      <c r="AE521" t="s">
        <v>200</v>
      </c>
      <c r="AF521" t="s">
        <v>200</v>
      </c>
      <c r="AG521" t="s">
        <v>200</v>
      </c>
      <c r="AH521" t="s">
        <v>200</v>
      </c>
      <c r="AI521" t="s">
        <v>200</v>
      </c>
      <c r="AJ521" t="s">
        <v>200</v>
      </c>
      <c r="AK521" t="s">
        <v>200</v>
      </c>
      <c r="AL521" t="s">
        <v>52</v>
      </c>
      <c r="AM521" s="1">
        <v>0</v>
      </c>
      <c r="AN521" s="1">
        <v>0</v>
      </c>
      <c r="AO521" s="1">
        <v>0</v>
      </c>
      <c r="AP521" s="1">
        <v>0</v>
      </c>
      <c r="AQ521" s="1">
        <v>0</v>
      </c>
      <c r="AR521" s="1">
        <v>0</v>
      </c>
      <c r="AS521" t="s">
        <v>185</v>
      </c>
      <c r="AT521" s="1">
        <v>0</v>
      </c>
      <c r="AU521" s="1">
        <v>0</v>
      </c>
      <c r="AV521" s="1">
        <v>0</v>
      </c>
      <c r="AZ521" t="s">
        <v>207</v>
      </c>
      <c r="BC521" t="s">
        <v>209</v>
      </c>
      <c r="BF521" t="s">
        <v>210</v>
      </c>
      <c r="BG521" s="1">
        <v>0</v>
      </c>
      <c r="BH521" t="s">
        <v>211</v>
      </c>
      <c r="BK521" t="s">
        <v>191</v>
      </c>
      <c r="BM521" t="s">
        <v>191</v>
      </c>
      <c r="BO521" t="s">
        <v>191</v>
      </c>
    </row>
    <row r="522" spans="1:69" x14ac:dyDescent="0.25">
      <c r="A522" s="1">
        <v>30449133</v>
      </c>
      <c r="B522" t="s">
        <v>3334</v>
      </c>
      <c r="C522" t="s">
        <v>39</v>
      </c>
      <c r="D522" t="s">
        <v>3138</v>
      </c>
      <c r="E522" t="s">
        <v>200</v>
      </c>
      <c r="L522" t="s">
        <v>52</v>
      </c>
      <c r="M522" s="1">
        <v>0</v>
      </c>
      <c r="N522" s="1">
        <v>0</v>
      </c>
      <c r="O522" t="s">
        <v>3139</v>
      </c>
      <c r="P522" t="s">
        <v>216</v>
      </c>
      <c r="Q522" t="s">
        <v>196</v>
      </c>
      <c r="S522" s="1">
        <v>0</v>
      </c>
      <c r="T522" t="s">
        <v>200</v>
      </c>
      <c r="Y522" t="s">
        <v>224</v>
      </c>
      <c r="AC522" t="s">
        <v>180</v>
      </c>
      <c r="AD522" t="s">
        <v>200</v>
      </c>
      <c r="AE522" t="s">
        <v>200</v>
      </c>
      <c r="AF522" t="s">
        <v>200</v>
      </c>
      <c r="AG522" t="s">
        <v>200</v>
      </c>
      <c r="AH522" t="s">
        <v>200</v>
      </c>
      <c r="AI522" t="s">
        <v>175</v>
      </c>
      <c r="AJ522" t="s">
        <v>200</v>
      </c>
      <c r="AK522" t="s">
        <v>200</v>
      </c>
      <c r="AL522" t="s">
        <v>52</v>
      </c>
      <c r="AM522" t="s">
        <v>184</v>
      </c>
      <c r="AN522" t="s">
        <v>183</v>
      </c>
      <c r="AO522" t="s">
        <v>182</v>
      </c>
      <c r="AP522" t="s">
        <v>202</v>
      </c>
      <c r="AQ522" t="s">
        <v>206</v>
      </c>
      <c r="AR522" t="s">
        <v>201</v>
      </c>
      <c r="AS522" t="s">
        <v>203</v>
      </c>
      <c r="AT522" t="s">
        <v>205</v>
      </c>
      <c r="AU522" t="s">
        <v>204</v>
      </c>
      <c r="AV522" t="s">
        <v>185</v>
      </c>
      <c r="AZ522" t="s">
        <v>207</v>
      </c>
      <c r="BF522" t="s">
        <v>210</v>
      </c>
      <c r="BG522" s="1">
        <v>0</v>
      </c>
      <c r="BH522" t="s">
        <v>211</v>
      </c>
      <c r="BK522" t="s">
        <v>191</v>
      </c>
      <c r="BL522" t="s">
        <v>3335</v>
      </c>
      <c r="BM522" t="s">
        <v>218</v>
      </c>
      <c r="BO522" t="s">
        <v>191</v>
      </c>
    </row>
    <row r="523" spans="1:69" x14ac:dyDescent="0.25">
      <c r="A523" s="1">
        <v>30449134</v>
      </c>
      <c r="B523" t="s">
        <v>2696</v>
      </c>
      <c r="C523" t="s">
        <v>39</v>
      </c>
      <c r="D523" t="s">
        <v>2512</v>
      </c>
      <c r="E523" t="s">
        <v>200</v>
      </c>
      <c r="L523" t="s">
        <v>52</v>
      </c>
      <c r="M523" s="1">
        <v>0</v>
      </c>
      <c r="N523" s="1">
        <v>0</v>
      </c>
      <c r="O523" t="s">
        <v>2512</v>
      </c>
      <c r="P523" t="s">
        <v>176</v>
      </c>
      <c r="Q523" t="s">
        <v>238</v>
      </c>
      <c r="S523" t="s">
        <v>178</v>
      </c>
      <c r="T523" t="s">
        <v>200</v>
      </c>
      <c r="Y523" t="s">
        <v>224</v>
      </c>
      <c r="AC523" t="s">
        <v>180</v>
      </c>
      <c r="AD523" t="s">
        <v>175</v>
      </c>
      <c r="AE523" t="s">
        <v>175</v>
      </c>
      <c r="AF523" t="s">
        <v>175</v>
      </c>
      <c r="AG523" t="s">
        <v>200</v>
      </c>
      <c r="AH523" t="s">
        <v>200</v>
      </c>
      <c r="AI523" t="s">
        <v>200</v>
      </c>
      <c r="AJ523" t="s">
        <v>200</v>
      </c>
      <c r="AK523" t="s">
        <v>175</v>
      </c>
      <c r="AL523" t="s">
        <v>42</v>
      </c>
      <c r="AM523" t="s">
        <v>202</v>
      </c>
      <c r="AN523" t="s">
        <v>201</v>
      </c>
      <c r="AO523" t="s">
        <v>182</v>
      </c>
      <c r="AP523" t="s">
        <v>204</v>
      </c>
      <c r="AQ523" t="s">
        <v>184</v>
      </c>
      <c r="AR523" t="s">
        <v>185</v>
      </c>
      <c r="AS523" t="s">
        <v>203</v>
      </c>
      <c r="AT523" t="s">
        <v>183</v>
      </c>
      <c r="AU523" t="s">
        <v>206</v>
      </c>
      <c r="AV523" t="s">
        <v>205</v>
      </c>
      <c r="AW523" t="s">
        <v>2697</v>
      </c>
      <c r="AX523" t="s">
        <v>186</v>
      </c>
      <c r="BA523" t="s">
        <v>188</v>
      </c>
      <c r="BB523" t="s">
        <v>208</v>
      </c>
      <c r="BC523" t="s">
        <v>209</v>
      </c>
      <c r="BF523" t="s">
        <v>210</v>
      </c>
      <c r="BG523" s="1">
        <v>0</v>
      </c>
      <c r="BH523" t="s">
        <v>247</v>
      </c>
      <c r="BK523" t="s">
        <v>191</v>
      </c>
      <c r="BL523" t="s">
        <v>2698</v>
      </c>
      <c r="BM523" t="s">
        <v>191</v>
      </c>
      <c r="BN523" t="s">
        <v>2699</v>
      </c>
      <c r="BO523" t="s">
        <v>191</v>
      </c>
      <c r="BP523" t="s">
        <v>2700</v>
      </c>
    </row>
    <row r="524" spans="1:69" x14ac:dyDescent="0.25">
      <c r="A524" s="1">
        <v>30449135</v>
      </c>
      <c r="B524" t="s">
        <v>437</v>
      </c>
      <c r="C524" t="s">
        <v>39</v>
      </c>
      <c r="D524" t="s">
        <v>174</v>
      </c>
      <c r="E524" t="s">
        <v>175</v>
      </c>
      <c r="L524" t="s">
        <v>52</v>
      </c>
      <c r="M524" s="1">
        <v>0</v>
      </c>
      <c r="N524" s="1">
        <v>0</v>
      </c>
      <c r="O524" t="s">
        <v>174</v>
      </c>
      <c r="P524" t="s">
        <v>176</v>
      </c>
      <c r="Q524" t="s">
        <v>238</v>
      </c>
      <c r="S524" t="s">
        <v>178</v>
      </c>
      <c r="T524" t="s">
        <v>175</v>
      </c>
      <c r="AC524" s="1">
        <v>0</v>
      </c>
      <c r="AD524" s="1">
        <v>0</v>
      </c>
      <c r="AE524" s="1">
        <v>0</v>
      </c>
      <c r="AF524" s="1">
        <v>0</v>
      </c>
      <c r="AG524" s="1">
        <v>0</v>
      </c>
      <c r="AH524" s="1">
        <v>0</v>
      </c>
      <c r="AI524" s="1">
        <v>0</v>
      </c>
      <c r="AJ524" s="1">
        <v>0</v>
      </c>
      <c r="AK524" s="1">
        <v>0</v>
      </c>
      <c r="AL524" s="1">
        <v>0</v>
      </c>
      <c r="AM524" s="1">
        <v>0</v>
      </c>
      <c r="AN524" s="1">
        <v>0</v>
      </c>
      <c r="AO524" s="1">
        <v>0</v>
      </c>
      <c r="AP524" s="1">
        <v>0</v>
      </c>
      <c r="AQ524" s="1">
        <v>0</v>
      </c>
      <c r="AR524" s="1">
        <v>0</v>
      </c>
      <c r="AS524" s="1">
        <v>0</v>
      </c>
      <c r="AT524" s="1">
        <v>0</v>
      </c>
      <c r="AU524" s="1">
        <v>0</v>
      </c>
      <c r="AV524" s="1">
        <v>0</v>
      </c>
      <c r="BF524" s="1">
        <v>0</v>
      </c>
      <c r="BG524" s="1">
        <v>0</v>
      </c>
      <c r="BH524" s="1">
        <v>0</v>
      </c>
      <c r="BK524" s="1">
        <v>0</v>
      </c>
      <c r="BM524" s="1">
        <v>0</v>
      </c>
      <c r="BO524" s="1">
        <v>0</v>
      </c>
    </row>
    <row r="525" spans="1:69" x14ac:dyDescent="0.25">
      <c r="A525" s="1">
        <v>30449137</v>
      </c>
      <c r="B525" t="s">
        <v>438</v>
      </c>
      <c r="C525" t="s">
        <v>39</v>
      </c>
      <c r="D525" t="s">
        <v>174</v>
      </c>
      <c r="E525" t="s">
        <v>175</v>
      </c>
      <c r="L525" t="s">
        <v>52</v>
      </c>
      <c r="M525" s="1">
        <v>0</v>
      </c>
      <c r="N525" s="1">
        <v>0</v>
      </c>
      <c r="O525" t="s">
        <v>174</v>
      </c>
      <c r="P525" t="s">
        <v>216</v>
      </c>
      <c r="Q525" t="s">
        <v>177</v>
      </c>
      <c r="S525" s="1">
        <v>0</v>
      </c>
      <c r="T525" t="s">
        <v>175</v>
      </c>
      <c r="AC525" t="s">
        <v>180</v>
      </c>
      <c r="AD525" t="s">
        <v>175</v>
      </c>
      <c r="AE525" t="s">
        <v>175</v>
      </c>
      <c r="AF525" t="s">
        <v>175</v>
      </c>
      <c r="AG525" t="s">
        <v>175</v>
      </c>
      <c r="AH525" t="s">
        <v>175</v>
      </c>
      <c r="AI525" t="s">
        <v>175</v>
      </c>
      <c r="AJ525" t="s">
        <v>175</v>
      </c>
      <c r="AK525" t="s">
        <v>175</v>
      </c>
      <c r="AL525" t="s">
        <v>52</v>
      </c>
      <c r="AM525" t="s">
        <v>184</v>
      </c>
      <c r="AN525" s="1">
        <v>0</v>
      </c>
      <c r="AO525" t="s">
        <v>182</v>
      </c>
      <c r="AP525" t="s">
        <v>185</v>
      </c>
      <c r="AQ525" s="1">
        <v>0</v>
      </c>
      <c r="AR525" s="1">
        <v>0</v>
      </c>
      <c r="AS525" s="1">
        <v>0</v>
      </c>
      <c r="AT525" t="s">
        <v>201</v>
      </c>
      <c r="AU525" t="s">
        <v>183</v>
      </c>
      <c r="AV525" s="1">
        <v>0</v>
      </c>
      <c r="AZ525" t="s">
        <v>207</v>
      </c>
      <c r="BF525" t="s">
        <v>210</v>
      </c>
      <c r="BG525" s="1">
        <v>0</v>
      </c>
      <c r="BH525" t="s">
        <v>211</v>
      </c>
      <c r="BK525" t="s">
        <v>191</v>
      </c>
      <c r="BM525" t="s">
        <v>191</v>
      </c>
      <c r="BO525" t="s">
        <v>191</v>
      </c>
    </row>
    <row r="526" spans="1:69" x14ac:dyDescent="0.25">
      <c r="A526" s="1">
        <v>30449138</v>
      </c>
      <c r="B526" t="s">
        <v>4009</v>
      </c>
      <c r="C526" t="s">
        <v>39</v>
      </c>
      <c r="D526" t="s">
        <v>3727</v>
      </c>
      <c r="E526" t="s">
        <v>200</v>
      </c>
      <c r="L526" t="s">
        <v>52</v>
      </c>
      <c r="M526" s="1">
        <v>0</v>
      </c>
      <c r="N526" s="1">
        <v>0</v>
      </c>
      <c r="O526" t="s">
        <v>3728</v>
      </c>
      <c r="P526" t="s">
        <v>176</v>
      </c>
      <c r="Q526" t="s">
        <v>238</v>
      </c>
      <c r="S526" t="s">
        <v>178</v>
      </c>
      <c r="T526" t="s">
        <v>200</v>
      </c>
      <c r="X526" t="s">
        <v>179</v>
      </c>
      <c r="AC526" t="s">
        <v>199</v>
      </c>
      <c r="AD526" t="s">
        <v>200</v>
      </c>
      <c r="AE526" t="s">
        <v>200</v>
      </c>
      <c r="AF526" t="s">
        <v>200</v>
      </c>
      <c r="AG526" t="s">
        <v>200</v>
      </c>
      <c r="AH526" t="s">
        <v>200</v>
      </c>
      <c r="AI526" t="s">
        <v>200</v>
      </c>
      <c r="AJ526" t="s">
        <v>200</v>
      </c>
      <c r="AK526" t="s">
        <v>200</v>
      </c>
      <c r="AL526" t="s">
        <v>42</v>
      </c>
      <c r="AM526" s="1">
        <v>0</v>
      </c>
      <c r="AN526" t="s">
        <v>182</v>
      </c>
      <c r="AO526" s="1">
        <v>0</v>
      </c>
      <c r="AP526" t="s">
        <v>184</v>
      </c>
      <c r="AQ526" s="1">
        <v>0</v>
      </c>
      <c r="AR526" s="1">
        <v>0</v>
      </c>
      <c r="AS526" s="1">
        <v>0</v>
      </c>
      <c r="AT526" s="1">
        <v>0</v>
      </c>
      <c r="AU526" t="s">
        <v>185</v>
      </c>
      <c r="AV526" s="1">
        <v>0</v>
      </c>
      <c r="AX526" t="s">
        <v>186</v>
      </c>
      <c r="AZ526" t="s">
        <v>207</v>
      </c>
      <c r="BF526" t="s">
        <v>232</v>
      </c>
      <c r="BG526" t="s">
        <v>301</v>
      </c>
      <c r="BH526" t="s">
        <v>247</v>
      </c>
      <c r="BK526" t="s">
        <v>191</v>
      </c>
      <c r="BL526" t="s">
        <v>4010</v>
      </c>
      <c r="BM526" t="s">
        <v>191</v>
      </c>
      <c r="BN526" t="s">
        <v>2159</v>
      </c>
      <c r="BO526" t="s">
        <v>191</v>
      </c>
      <c r="BP526" t="s">
        <v>4011</v>
      </c>
    </row>
    <row r="527" spans="1:69" x14ac:dyDescent="0.25">
      <c r="A527" s="1">
        <v>30449142</v>
      </c>
      <c r="B527" t="s">
        <v>2701</v>
      </c>
      <c r="C527" t="s">
        <v>39</v>
      </c>
      <c r="D527" t="s">
        <v>2512</v>
      </c>
      <c r="E527" t="s">
        <v>195</v>
      </c>
      <c r="L527" t="s">
        <v>52</v>
      </c>
      <c r="M527" s="1">
        <v>0</v>
      </c>
      <c r="N527" s="1">
        <v>0</v>
      </c>
      <c r="O527" t="s">
        <v>2512</v>
      </c>
      <c r="P527" t="s">
        <v>176</v>
      </c>
      <c r="Q527" t="s">
        <v>238</v>
      </c>
      <c r="S527" t="s">
        <v>222</v>
      </c>
      <c r="T527" t="s">
        <v>197</v>
      </c>
      <c r="U527" t="s">
        <v>2702</v>
      </c>
      <c r="Y527" t="s">
        <v>224</v>
      </c>
      <c r="AC527" t="s">
        <v>199</v>
      </c>
      <c r="AD527" t="s">
        <v>175</v>
      </c>
      <c r="AE527" t="s">
        <v>175</v>
      </c>
      <c r="AF527" t="s">
        <v>181</v>
      </c>
      <c r="AG527" t="s">
        <v>181</v>
      </c>
      <c r="AH527" t="s">
        <v>200</v>
      </c>
      <c r="AI527" t="s">
        <v>175</v>
      </c>
      <c r="AJ527" t="s">
        <v>181</v>
      </c>
      <c r="AK527" t="s">
        <v>181</v>
      </c>
      <c r="AL527" t="s">
        <v>52</v>
      </c>
      <c r="AM527" t="s">
        <v>204</v>
      </c>
      <c r="AN527" t="s">
        <v>183</v>
      </c>
      <c r="AO527" t="s">
        <v>185</v>
      </c>
      <c r="AP527" t="s">
        <v>205</v>
      </c>
      <c r="AQ527" t="s">
        <v>202</v>
      </c>
      <c r="AR527" t="s">
        <v>203</v>
      </c>
      <c r="AS527" t="s">
        <v>201</v>
      </c>
      <c r="AT527" t="s">
        <v>184</v>
      </c>
      <c r="AU527" t="s">
        <v>182</v>
      </c>
      <c r="AV527" t="s">
        <v>206</v>
      </c>
      <c r="AX527" t="s">
        <v>186</v>
      </c>
      <c r="AZ527" t="s">
        <v>207</v>
      </c>
      <c r="BA527" t="s">
        <v>188</v>
      </c>
      <c r="BF527" t="s">
        <v>232</v>
      </c>
      <c r="BG527" t="s">
        <v>233</v>
      </c>
      <c r="BH527" t="s">
        <v>211</v>
      </c>
      <c r="BK527" t="s">
        <v>191</v>
      </c>
      <c r="BL527" t="s">
        <v>518</v>
      </c>
      <c r="BM527" t="s">
        <v>218</v>
      </c>
      <c r="BN527" t="s">
        <v>2703</v>
      </c>
      <c r="BO527" t="s">
        <v>191</v>
      </c>
      <c r="BP527" t="s">
        <v>2704</v>
      </c>
      <c r="BQ527" t="s">
        <v>2705</v>
      </c>
    </row>
    <row r="528" spans="1:69" x14ac:dyDescent="0.25">
      <c r="A528" s="1">
        <v>30449145</v>
      </c>
      <c r="B528" t="s">
        <v>439</v>
      </c>
      <c r="C528" t="s">
        <v>39</v>
      </c>
      <c r="D528" t="s">
        <v>174</v>
      </c>
      <c r="E528" t="s">
        <v>175</v>
      </c>
      <c r="L528" t="s">
        <v>52</v>
      </c>
      <c r="M528" s="1">
        <v>0</v>
      </c>
      <c r="N528" s="1">
        <v>0</v>
      </c>
      <c r="O528" t="s">
        <v>174</v>
      </c>
      <c r="P528" t="s">
        <v>176</v>
      </c>
      <c r="Q528" t="s">
        <v>196</v>
      </c>
      <c r="S528" t="s">
        <v>178</v>
      </c>
      <c r="T528" t="s">
        <v>175</v>
      </c>
      <c r="Z528" t="s">
        <v>244</v>
      </c>
      <c r="AC528" t="s">
        <v>199</v>
      </c>
      <c r="AD528" t="s">
        <v>175</v>
      </c>
      <c r="AE528" t="s">
        <v>175</v>
      </c>
      <c r="AF528" t="s">
        <v>175</v>
      </c>
      <c r="AG528" t="s">
        <v>175</v>
      </c>
      <c r="AH528" t="s">
        <v>175</v>
      </c>
      <c r="AI528" t="s">
        <v>175</v>
      </c>
      <c r="AJ528" t="s">
        <v>175</v>
      </c>
      <c r="AK528" t="s">
        <v>175</v>
      </c>
      <c r="AL528" t="s">
        <v>42</v>
      </c>
      <c r="AM528" t="s">
        <v>183</v>
      </c>
      <c r="AN528" t="s">
        <v>202</v>
      </c>
      <c r="AO528" t="s">
        <v>182</v>
      </c>
      <c r="AP528" t="s">
        <v>201</v>
      </c>
      <c r="AQ528" t="s">
        <v>185</v>
      </c>
      <c r="AR528" t="s">
        <v>206</v>
      </c>
      <c r="AS528" t="s">
        <v>203</v>
      </c>
      <c r="AT528" t="s">
        <v>205</v>
      </c>
      <c r="AU528" t="s">
        <v>204</v>
      </c>
      <c r="AV528" t="s">
        <v>184</v>
      </c>
      <c r="AY528" t="s">
        <v>187</v>
      </c>
      <c r="AZ528" t="s">
        <v>207</v>
      </c>
      <c r="BA528" t="s">
        <v>188</v>
      </c>
      <c r="BB528" t="s">
        <v>208</v>
      </c>
      <c r="BF528" t="s">
        <v>210</v>
      </c>
      <c r="BG528" s="1">
        <v>0</v>
      </c>
      <c r="BH528" t="s">
        <v>211</v>
      </c>
      <c r="BK528" t="s">
        <v>191</v>
      </c>
      <c r="BL528" t="s">
        <v>440</v>
      </c>
      <c r="BM528" t="s">
        <v>191</v>
      </c>
      <c r="BN528" t="s">
        <v>441</v>
      </c>
      <c r="BO528" t="s">
        <v>218</v>
      </c>
    </row>
    <row r="529" spans="1:69" x14ac:dyDescent="0.25">
      <c r="A529" s="1">
        <v>30449150</v>
      </c>
      <c r="B529" t="s">
        <v>4012</v>
      </c>
      <c r="C529" t="s">
        <v>39</v>
      </c>
      <c r="D529" t="s">
        <v>3727</v>
      </c>
      <c r="E529" t="s">
        <v>175</v>
      </c>
      <c r="L529" t="s">
        <v>52</v>
      </c>
      <c r="M529" s="1">
        <v>0</v>
      </c>
      <c r="N529" s="1">
        <v>0</v>
      </c>
      <c r="O529" t="s">
        <v>3728</v>
      </c>
      <c r="P529" t="s">
        <v>216</v>
      </c>
      <c r="Q529" t="s">
        <v>196</v>
      </c>
      <c r="S529" s="1">
        <v>0</v>
      </c>
      <c r="T529" t="s">
        <v>175</v>
      </c>
      <c r="AA529" t="s">
        <v>273</v>
      </c>
      <c r="AB529" t="s">
        <v>4013</v>
      </c>
      <c r="AC529" t="s">
        <v>199</v>
      </c>
      <c r="AD529" t="s">
        <v>200</v>
      </c>
      <c r="AE529" t="s">
        <v>200</v>
      </c>
      <c r="AF529" t="s">
        <v>200</v>
      </c>
      <c r="AG529" t="s">
        <v>200</v>
      </c>
      <c r="AH529" t="s">
        <v>200</v>
      </c>
      <c r="AI529" t="s">
        <v>200</v>
      </c>
      <c r="AJ529" t="s">
        <v>200</v>
      </c>
      <c r="AK529" t="s">
        <v>200</v>
      </c>
      <c r="AL529" t="s">
        <v>52</v>
      </c>
      <c r="AM529" t="s">
        <v>182</v>
      </c>
      <c r="AN529" t="s">
        <v>201</v>
      </c>
      <c r="AO529" t="s">
        <v>185</v>
      </c>
      <c r="AP529" t="s">
        <v>183</v>
      </c>
      <c r="AQ529" t="s">
        <v>205</v>
      </c>
      <c r="AR529" t="s">
        <v>204</v>
      </c>
      <c r="AS529" t="s">
        <v>203</v>
      </c>
      <c r="AT529" t="s">
        <v>184</v>
      </c>
      <c r="AU529" t="s">
        <v>206</v>
      </c>
      <c r="AV529" t="s">
        <v>202</v>
      </c>
      <c r="AW529" t="s">
        <v>4014</v>
      </c>
      <c r="AX529" t="s">
        <v>186</v>
      </c>
      <c r="AY529" t="s">
        <v>187</v>
      </c>
      <c r="AZ529" t="s">
        <v>207</v>
      </c>
      <c r="BA529" t="s">
        <v>188</v>
      </c>
      <c r="BB529" t="s">
        <v>208</v>
      </c>
      <c r="BF529" t="s">
        <v>210</v>
      </c>
      <c r="BG529" s="1">
        <v>0</v>
      </c>
      <c r="BH529" t="s">
        <v>247</v>
      </c>
      <c r="BK529" t="s">
        <v>191</v>
      </c>
      <c r="BL529" t="s">
        <v>4015</v>
      </c>
      <c r="BM529" s="1">
        <v>0</v>
      </c>
      <c r="BN529" t="s">
        <v>4016</v>
      </c>
      <c r="BO529" t="s">
        <v>191</v>
      </c>
      <c r="BP529" t="s">
        <v>4017</v>
      </c>
      <c r="BQ529" t="s">
        <v>4018</v>
      </c>
    </row>
    <row r="530" spans="1:69" x14ac:dyDescent="0.25">
      <c r="A530" s="1">
        <v>30449152</v>
      </c>
      <c r="B530" t="s">
        <v>4019</v>
      </c>
      <c r="C530" t="s">
        <v>39</v>
      </c>
      <c r="D530" t="s">
        <v>3727</v>
      </c>
      <c r="E530" t="s">
        <v>200</v>
      </c>
      <c r="L530" t="s">
        <v>52</v>
      </c>
      <c r="M530" s="1">
        <v>0</v>
      </c>
      <c r="N530" s="1">
        <v>0</v>
      </c>
      <c r="O530" t="s">
        <v>3728</v>
      </c>
      <c r="P530" t="s">
        <v>216</v>
      </c>
      <c r="Q530" t="s">
        <v>177</v>
      </c>
      <c r="S530" s="1">
        <v>0</v>
      </c>
      <c r="T530" t="s">
        <v>200</v>
      </c>
      <c r="X530" t="s">
        <v>179</v>
      </c>
      <c r="AC530" t="s">
        <v>180</v>
      </c>
      <c r="AD530" t="s">
        <v>200</v>
      </c>
      <c r="AE530" t="s">
        <v>181</v>
      </c>
      <c r="AF530" t="s">
        <v>181</v>
      </c>
      <c r="AG530" t="s">
        <v>181</v>
      </c>
      <c r="AH530" t="s">
        <v>181</v>
      </c>
      <c r="AI530" t="s">
        <v>175</v>
      </c>
      <c r="AJ530" t="s">
        <v>181</v>
      </c>
      <c r="AK530" t="s">
        <v>200</v>
      </c>
      <c r="AL530" t="s">
        <v>52</v>
      </c>
      <c r="AM530" s="1">
        <v>0</v>
      </c>
      <c r="AN530" s="1">
        <v>0</v>
      </c>
      <c r="AO530" s="1">
        <v>0</v>
      </c>
      <c r="AP530" s="1">
        <v>0</v>
      </c>
      <c r="AQ530" s="1">
        <v>0</v>
      </c>
      <c r="AR530" s="1">
        <v>0</v>
      </c>
      <c r="AS530" s="1">
        <v>0</v>
      </c>
      <c r="AT530" s="1">
        <v>0</v>
      </c>
      <c r="AU530" s="1">
        <v>0</v>
      </c>
      <c r="AV530" s="1">
        <v>0</v>
      </c>
      <c r="AZ530" t="s">
        <v>207</v>
      </c>
      <c r="BF530" t="s">
        <v>232</v>
      </c>
      <c r="BG530" t="s">
        <v>315</v>
      </c>
      <c r="BH530" t="s">
        <v>247</v>
      </c>
      <c r="BK530" t="s">
        <v>191</v>
      </c>
      <c r="BL530" t="s">
        <v>4020</v>
      </c>
      <c r="BM530" s="1">
        <v>0</v>
      </c>
      <c r="BN530" t="s">
        <v>518</v>
      </c>
      <c r="BO530" t="s">
        <v>218</v>
      </c>
      <c r="BP530" t="s">
        <v>518</v>
      </c>
    </row>
    <row r="531" spans="1:69" x14ac:dyDescent="0.25">
      <c r="A531" s="1">
        <v>30449153</v>
      </c>
      <c r="B531" t="s">
        <v>4021</v>
      </c>
      <c r="C531" t="s">
        <v>39</v>
      </c>
      <c r="D531" t="s">
        <v>3727</v>
      </c>
      <c r="E531" t="s">
        <v>200</v>
      </c>
      <c r="L531" t="s">
        <v>52</v>
      </c>
      <c r="M531" s="1">
        <v>0</v>
      </c>
      <c r="N531" s="1">
        <v>0</v>
      </c>
      <c r="O531" t="s">
        <v>3728</v>
      </c>
      <c r="P531" t="s">
        <v>216</v>
      </c>
      <c r="Q531" t="s">
        <v>177</v>
      </c>
      <c r="S531" s="1">
        <v>0</v>
      </c>
      <c r="T531" t="s">
        <v>200</v>
      </c>
      <c r="X531" t="s">
        <v>179</v>
      </c>
      <c r="AC531" t="s">
        <v>180</v>
      </c>
      <c r="AD531" t="s">
        <v>200</v>
      </c>
      <c r="AE531" t="s">
        <v>200</v>
      </c>
      <c r="AF531" t="s">
        <v>200</v>
      </c>
      <c r="AG531" t="s">
        <v>175</v>
      </c>
      <c r="AH531" t="s">
        <v>175</v>
      </c>
      <c r="AI531" t="s">
        <v>200</v>
      </c>
      <c r="AJ531" t="s">
        <v>200</v>
      </c>
      <c r="AK531" t="s">
        <v>200</v>
      </c>
      <c r="AL531" t="s">
        <v>52</v>
      </c>
      <c r="AM531" t="s">
        <v>183</v>
      </c>
      <c r="AN531" t="s">
        <v>184</v>
      </c>
      <c r="AO531" t="s">
        <v>205</v>
      </c>
      <c r="AP531" t="s">
        <v>201</v>
      </c>
      <c r="AQ531" t="s">
        <v>202</v>
      </c>
      <c r="AR531" t="s">
        <v>203</v>
      </c>
      <c r="AS531" t="s">
        <v>182</v>
      </c>
      <c r="AT531" t="s">
        <v>206</v>
      </c>
      <c r="AU531" t="s">
        <v>204</v>
      </c>
      <c r="AV531" t="s">
        <v>185</v>
      </c>
      <c r="AX531" t="s">
        <v>186</v>
      </c>
      <c r="AY531" t="s">
        <v>187</v>
      </c>
      <c r="BA531" t="s">
        <v>188</v>
      </c>
      <c r="BB531" t="s">
        <v>208</v>
      </c>
      <c r="BF531" t="s">
        <v>210</v>
      </c>
      <c r="BG531" s="1">
        <v>0</v>
      </c>
      <c r="BH531" t="s">
        <v>211</v>
      </c>
      <c r="BK531" s="1">
        <v>0</v>
      </c>
      <c r="BM531" t="s">
        <v>218</v>
      </c>
      <c r="BO531" t="s">
        <v>218</v>
      </c>
    </row>
    <row r="532" spans="1:69" x14ac:dyDescent="0.25">
      <c r="A532" s="1">
        <v>30449154</v>
      </c>
      <c r="B532" t="s">
        <v>1912</v>
      </c>
      <c r="C532" t="s">
        <v>39</v>
      </c>
      <c r="D532" t="s">
        <v>1616</v>
      </c>
      <c r="E532" t="s">
        <v>216</v>
      </c>
      <c r="L532" t="s">
        <v>52</v>
      </c>
      <c r="M532" s="1">
        <v>0</v>
      </c>
      <c r="N532" s="1">
        <v>0</v>
      </c>
      <c r="O532" t="s">
        <v>1616</v>
      </c>
      <c r="P532" t="s">
        <v>216</v>
      </c>
      <c r="Q532" t="s">
        <v>196</v>
      </c>
      <c r="S532" s="1">
        <v>0</v>
      </c>
      <c r="T532" t="s">
        <v>197</v>
      </c>
      <c r="AA532" t="s">
        <v>273</v>
      </c>
      <c r="AB532" t="s">
        <v>1913</v>
      </c>
      <c r="AC532" t="s">
        <v>180</v>
      </c>
      <c r="AD532" t="s">
        <v>175</v>
      </c>
      <c r="AE532" t="s">
        <v>175</v>
      </c>
      <c r="AF532" t="s">
        <v>175</v>
      </c>
      <c r="AG532" t="s">
        <v>175</v>
      </c>
      <c r="AH532" t="s">
        <v>175</v>
      </c>
      <c r="AI532" t="s">
        <v>175</v>
      </c>
      <c r="AJ532" t="s">
        <v>175</v>
      </c>
      <c r="AK532" t="s">
        <v>181</v>
      </c>
      <c r="AL532" t="s">
        <v>52</v>
      </c>
      <c r="AM532" t="s">
        <v>184</v>
      </c>
      <c r="AN532" t="s">
        <v>201</v>
      </c>
      <c r="AO532" t="s">
        <v>182</v>
      </c>
      <c r="AP532" t="s">
        <v>185</v>
      </c>
      <c r="AQ532" t="s">
        <v>202</v>
      </c>
      <c r="AR532" t="s">
        <v>203</v>
      </c>
      <c r="AS532" t="s">
        <v>183</v>
      </c>
      <c r="AT532" t="s">
        <v>206</v>
      </c>
      <c r="AU532" t="s">
        <v>205</v>
      </c>
      <c r="AV532" t="s">
        <v>204</v>
      </c>
      <c r="AZ532" t="s">
        <v>207</v>
      </c>
      <c r="BA532" t="s">
        <v>188</v>
      </c>
      <c r="BB532" t="s">
        <v>208</v>
      </c>
      <c r="BF532" t="s">
        <v>49</v>
      </c>
      <c r="BG532" s="1">
        <v>0</v>
      </c>
      <c r="BH532" t="s">
        <v>211</v>
      </c>
      <c r="BK532" t="s">
        <v>191</v>
      </c>
      <c r="BL532" t="s">
        <v>488</v>
      </c>
      <c r="BM532" t="s">
        <v>191</v>
      </c>
      <c r="BN532" t="s">
        <v>1914</v>
      </c>
      <c r="BO532" t="s">
        <v>218</v>
      </c>
      <c r="BP532" t="s">
        <v>1915</v>
      </c>
    </row>
    <row r="533" spans="1:69" x14ac:dyDescent="0.25">
      <c r="A533" s="1">
        <v>30449156</v>
      </c>
      <c r="B533" t="s">
        <v>58</v>
      </c>
      <c r="C533" t="s">
        <v>39</v>
      </c>
      <c r="L533" t="s">
        <v>52</v>
      </c>
      <c r="M533" s="1">
        <v>0</v>
      </c>
      <c r="N533" s="1">
        <v>0</v>
      </c>
      <c r="O533" s="1">
        <v>0</v>
      </c>
      <c r="P533" s="1">
        <v>0</v>
      </c>
      <c r="Q533" s="1">
        <v>0</v>
      </c>
      <c r="S533" s="1">
        <v>0</v>
      </c>
      <c r="T533" s="1">
        <v>0</v>
      </c>
      <c r="AC533" s="1">
        <v>0</v>
      </c>
      <c r="AD533" s="1">
        <v>0</v>
      </c>
      <c r="AE533" s="1">
        <v>0</v>
      </c>
      <c r="AF533" s="1">
        <v>0</v>
      </c>
      <c r="AG533" s="1">
        <v>0</v>
      </c>
      <c r="AH533" s="1">
        <v>0</v>
      </c>
      <c r="AI533" s="1">
        <v>0</v>
      </c>
      <c r="AJ533" s="1">
        <v>0</v>
      </c>
      <c r="AK533" s="1">
        <v>0</v>
      </c>
      <c r="AL533" s="1">
        <v>0</v>
      </c>
      <c r="AM533" s="1">
        <v>0</v>
      </c>
      <c r="AN533" s="1">
        <v>0</v>
      </c>
      <c r="AO533" s="1">
        <v>0</v>
      </c>
      <c r="AP533" s="1">
        <v>0</v>
      </c>
      <c r="AQ533" s="1">
        <v>0</v>
      </c>
      <c r="AR533" s="1">
        <v>0</v>
      </c>
      <c r="AS533" s="1">
        <v>0</v>
      </c>
      <c r="AT533" s="1">
        <v>0</v>
      </c>
      <c r="AU533" s="1">
        <v>0</v>
      </c>
      <c r="AV533" s="1">
        <v>0</v>
      </c>
      <c r="BF533" s="1">
        <v>0</v>
      </c>
      <c r="BG533" s="1">
        <v>0</v>
      </c>
      <c r="BH533" s="1">
        <v>0</v>
      </c>
      <c r="BK533" s="1">
        <v>0</v>
      </c>
      <c r="BM533" s="1">
        <v>0</v>
      </c>
      <c r="BO533" s="1">
        <v>0</v>
      </c>
    </row>
    <row r="534" spans="1:69" x14ac:dyDescent="0.25">
      <c r="A534" s="1">
        <v>30449158</v>
      </c>
      <c r="B534" t="s">
        <v>442</v>
      </c>
      <c r="C534" t="s">
        <v>39</v>
      </c>
      <c r="D534" t="s">
        <v>174</v>
      </c>
      <c r="E534" t="s">
        <v>175</v>
      </c>
      <c r="L534" t="s">
        <v>52</v>
      </c>
      <c r="M534" s="1">
        <v>0</v>
      </c>
      <c r="N534" s="1">
        <v>0</v>
      </c>
      <c r="O534" t="s">
        <v>174</v>
      </c>
      <c r="P534" t="s">
        <v>216</v>
      </c>
      <c r="Q534" t="s">
        <v>177</v>
      </c>
      <c r="S534" s="1">
        <v>0</v>
      </c>
      <c r="T534" t="s">
        <v>175</v>
      </c>
      <c r="W534" t="s">
        <v>262</v>
      </c>
      <c r="X534" t="s">
        <v>179</v>
      </c>
      <c r="AC534" t="s">
        <v>266</v>
      </c>
      <c r="AD534" t="s">
        <v>175</v>
      </c>
      <c r="AE534" t="s">
        <v>175</v>
      </c>
      <c r="AF534" t="s">
        <v>175</v>
      </c>
      <c r="AG534" t="s">
        <v>175</v>
      </c>
      <c r="AH534" t="s">
        <v>175</v>
      </c>
      <c r="AI534" t="s">
        <v>175</v>
      </c>
      <c r="AJ534" t="s">
        <v>175</v>
      </c>
      <c r="AK534" t="s">
        <v>175</v>
      </c>
      <c r="AL534" t="s">
        <v>42</v>
      </c>
      <c r="AM534" t="s">
        <v>184</v>
      </c>
      <c r="AN534" t="s">
        <v>204</v>
      </c>
      <c r="AO534" t="s">
        <v>206</v>
      </c>
      <c r="AP534" t="s">
        <v>185</v>
      </c>
      <c r="AQ534" t="s">
        <v>183</v>
      </c>
      <c r="AR534" t="s">
        <v>182</v>
      </c>
      <c r="AS534" t="s">
        <v>205</v>
      </c>
      <c r="AT534" t="s">
        <v>203</v>
      </c>
      <c r="AU534" t="s">
        <v>202</v>
      </c>
      <c r="AV534" t="s">
        <v>201</v>
      </c>
      <c r="AW534" t="s">
        <v>443</v>
      </c>
      <c r="AX534" t="s">
        <v>186</v>
      </c>
      <c r="AY534" t="s">
        <v>187</v>
      </c>
      <c r="AZ534" t="s">
        <v>207</v>
      </c>
      <c r="BA534" t="s">
        <v>188</v>
      </c>
      <c r="BF534" t="s">
        <v>189</v>
      </c>
      <c r="BG534" s="1">
        <v>0</v>
      </c>
      <c r="BH534" t="s">
        <v>211</v>
      </c>
      <c r="BK534" s="1">
        <v>0</v>
      </c>
      <c r="BM534" s="1">
        <v>0</v>
      </c>
      <c r="BO534" s="1">
        <v>0</v>
      </c>
    </row>
    <row r="535" spans="1:69" x14ac:dyDescent="0.25">
      <c r="A535" s="1">
        <v>30449163</v>
      </c>
      <c r="B535" t="s">
        <v>444</v>
      </c>
      <c r="C535" t="s">
        <v>39</v>
      </c>
      <c r="D535" t="s">
        <v>174</v>
      </c>
      <c r="E535" t="s">
        <v>216</v>
      </c>
      <c r="L535" t="s">
        <v>52</v>
      </c>
      <c r="M535" s="1">
        <v>0</v>
      </c>
      <c r="N535" s="1">
        <v>0</v>
      </c>
      <c r="O535" t="s">
        <v>174</v>
      </c>
      <c r="P535" t="s">
        <v>216</v>
      </c>
      <c r="Q535" t="s">
        <v>196</v>
      </c>
      <c r="S535" s="1">
        <v>0</v>
      </c>
      <c r="T535" t="s">
        <v>197</v>
      </c>
      <c r="U535" t="s">
        <v>445</v>
      </c>
      <c r="X535" t="s">
        <v>179</v>
      </c>
      <c r="Y535" t="s">
        <v>224</v>
      </c>
      <c r="AC535" t="s">
        <v>266</v>
      </c>
      <c r="AD535" t="s">
        <v>181</v>
      </c>
      <c r="AE535" t="s">
        <v>230</v>
      </c>
      <c r="AF535" t="s">
        <v>230</v>
      </c>
      <c r="AG535" t="s">
        <v>181</v>
      </c>
      <c r="AH535" t="s">
        <v>181</v>
      </c>
      <c r="AI535" t="s">
        <v>181</v>
      </c>
      <c r="AJ535" t="s">
        <v>181</v>
      </c>
      <c r="AK535" t="s">
        <v>230</v>
      </c>
      <c r="AL535" t="s">
        <v>49</v>
      </c>
      <c r="AM535" t="s">
        <v>185</v>
      </c>
      <c r="AN535" t="s">
        <v>205</v>
      </c>
      <c r="AO535" t="s">
        <v>182</v>
      </c>
      <c r="AP535" t="s">
        <v>183</v>
      </c>
      <c r="AQ535" t="s">
        <v>202</v>
      </c>
      <c r="AR535" t="s">
        <v>203</v>
      </c>
      <c r="AS535" t="s">
        <v>184</v>
      </c>
      <c r="AT535" t="s">
        <v>204</v>
      </c>
      <c r="AU535" t="s">
        <v>206</v>
      </c>
      <c r="AV535" t="s">
        <v>201</v>
      </c>
      <c r="AW535" t="s">
        <v>446</v>
      </c>
      <c r="AX535" t="s">
        <v>186</v>
      </c>
      <c r="AY535" t="s">
        <v>187</v>
      </c>
      <c r="AZ535" t="s">
        <v>207</v>
      </c>
      <c r="BA535" t="s">
        <v>188</v>
      </c>
      <c r="BC535" t="s">
        <v>209</v>
      </c>
      <c r="BF535" t="s">
        <v>189</v>
      </c>
      <c r="BG535" s="1">
        <v>0</v>
      </c>
      <c r="BH535" t="s">
        <v>211</v>
      </c>
      <c r="BK535" t="s">
        <v>191</v>
      </c>
      <c r="BL535" t="s">
        <v>447</v>
      </c>
      <c r="BM535" t="s">
        <v>191</v>
      </c>
      <c r="BN535" t="s">
        <v>448</v>
      </c>
      <c r="BO535" t="s">
        <v>191</v>
      </c>
      <c r="BP535" t="s">
        <v>449</v>
      </c>
      <c r="BQ535" t="s">
        <v>450</v>
      </c>
    </row>
    <row r="536" spans="1:69" x14ac:dyDescent="0.25">
      <c r="A536" s="1">
        <v>30449165</v>
      </c>
      <c r="B536" t="s">
        <v>1180</v>
      </c>
      <c r="C536" t="s">
        <v>39</v>
      </c>
      <c r="D536" t="s">
        <v>942</v>
      </c>
      <c r="E536" t="s">
        <v>216</v>
      </c>
      <c r="L536" t="s">
        <v>52</v>
      </c>
      <c r="M536" s="1">
        <v>0</v>
      </c>
      <c r="N536" s="1">
        <v>0</v>
      </c>
      <c r="O536" t="s">
        <v>942</v>
      </c>
      <c r="P536" t="s">
        <v>216</v>
      </c>
      <c r="Q536" t="s">
        <v>322</v>
      </c>
      <c r="S536" s="1">
        <v>0</v>
      </c>
      <c r="T536" t="s">
        <v>297</v>
      </c>
      <c r="U536" t="s">
        <v>1181</v>
      </c>
      <c r="W536" t="s">
        <v>262</v>
      </c>
      <c r="AC536" t="s">
        <v>199</v>
      </c>
      <c r="AD536" t="s">
        <v>181</v>
      </c>
      <c r="AE536" t="s">
        <v>175</v>
      </c>
      <c r="AF536" t="s">
        <v>175</v>
      </c>
      <c r="AG536" t="s">
        <v>200</v>
      </c>
      <c r="AH536" t="s">
        <v>200</v>
      </c>
      <c r="AI536" t="s">
        <v>200</v>
      </c>
      <c r="AJ536" t="s">
        <v>230</v>
      </c>
      <c r="AK536" t="s">
        <v>175</v>
      </c>
      <c r="AL536" t="s">
        <v>52</v>
      </c>
      <c r="AM536" t="s">
        <v>182</v>
      </c>
      <c r="AN536" s="1">
        <v>0</v>
      </c>
      <c r="AO536" t="s">
        <v>184</v>
      </c>
      <c r="AP536" t="s">
        <v>185</v>
      </c>
      <c r="AQ536" s="1">
        <v>0</v>
      </c>
      <c r="AR536" s="1">
        <v>0</v>
      </c>
      <c r="AS536" t="s">
        <v>183</v>
      </c>
      <c r="AT536" s="1">
        <v>0</v>
      </c>
      <c r="AU536" s="1">
        <v>0</v>
      </c>
      <c r="AV536" s="1">
        <v>0</v>
      </c>
      <c r="BD536" t="s">
        <v>273</v>
      </c>
      <c r="BE536" t="s">
        <v>1182</v>
      </c>
      <c r="BF536" t="s">
        <v>189</v>
      </c>
      <c r="BG536" s="1">
        <v>0</v>
      </c>
      <c r="BH536" t="s">
        <v>247</v>
      </c>
      <c r="BK536" s="1">
        <v>0</v>
      </c>
      <c r="BM536" s="1">
        <v>0</v>
      </c>
      <c r="BO536" s="1">
        <v>0</v>
      </c>
    </row>
    <row r="537" spans="1:69" x14ac:dyDescent="0.25">
      <c r="A537" s="1">
        <v>30449166</v>
      </c>
      <c r="B537" t="s">
        <v>1916</v>
      </c>
      <c r="C537" t="s">
        <v>39</v>
      </c>
      <c r="D537" t="s">
        <v>1616</v>
      </c>
      <c r="L537" t="s">
        <v>52</v>
      </c>
      <c r="M537" s="1">
        <v>0</v>
      </c>
      <c r="N537" s="1">
        <v>0</v>
      </c>
      <c r="O537" t="s">
        <v>1616</v>
      </c>
      <c r="P537" t="s">
        <v>49</v>
      </c>
      <c r="Q537" s="1">
        <v>0</v>
      </c>
      <c r="S537" s="1">
        <v>0</v>
      </c>
      <c r="T537" s="1">
        <v>0</v>
      </c>
      <c r="Y537" t="s">
        <v>224</v>
      </c>
      <c r="AC537" t="s">
        <v>180</v>
      </c>
      <c r="AD537" t="s">
        <v>175</v>
      </c>
      <c r="AE537" t="s">
        <v>230</v>
      </c>
      <c r="AF537" t="s">
        <v>230</v>
      </c>
      <c r="AG537" t="s">
        <v>230</v>
      </c>
      <c r="AH537" t="s">
        <v>230</v>
      </c>
      <c r="AI537" t="s">
        <v>175</v>
      </c>
      <c r="AJ537" t="s">
        <v>181</v>
      </c>
      <c r="AK537" t="s">
        <v>181</v>
      </c>
      <c r="AL537" t="s">
        <v>52</v>
      </c>
      <c r="AM537" t="s">
        <v>182</v>
      </c>
      <c r="AN537" t="s">
        <v>184</v>
      </c>
      <c r="AO537" t="s">
        <v>201</v>
      </c>
      <c r="AP537" t="s">
        <v>183</v>
      </c>
      <c r="AQ537" t="s">
        <v>205</v>
      </c>
      <c r="AR537" t="s">
        <v>204</v>
      </c>
      <c r="AS537" t="s">
        <v>206</v>
      </c>
      <c r="AT537" t="s">
        <v>185</v>
      </c>
      <c r="AU537" t="s">
        <v>202</v>
      </c>
      <c r="AV537" t="s">
        <v>203</v>
      </c>
      <c r="BA537" t="s">
        <v>188</v>
      </c>
      <c r="BF537" t="s">
        <v>210</v>
      </c>
      <c r="BG537" s="1">
        <v>0</v>
      </c>
      <c r="BH537" t="s">
        <v>247</v>
      </c>
      <c r="BK537" t="s">
        <v>191</v>
      </c>
      <c r="BM537" t="s">
        <v>218</v>
      </c>
      <c r="BO537" t="s">
        <v>191</v>
      </c>
    </row>
    <row r="538" spans="1:69" x14ac:dyDescent="0.25">
      <c r="A538" s="1">
        <v>30449167</v>
      </c>
      <c r="B538" t="s">
        <v>2706</v>
      </c>
      <c r="C538" t="s">
        <v>39</v>
      </c>
      <c r="D538" t="s">
        <v>2512</v>
      </c>
      <c r="E538" t="s">
        <v>216</v>
      </c>
      <c r="L538" t="s">
        <v>52</v>
      </c>
      <c r="M538" s="1">
        <v>0</v>
      </c>
      <c r="N538" s="1">
        <v>0</v>
      </c>
      <c r="O538" t="s">
        <v>2512</v>
      </c>
      <c r="P538" t="s">
        <v>216</v>
      </c>
      <c r="Q538" t="s">
        <v>196</v>
      </c>
      <c r="S538" s="1">
        <v>0</v>
      </c>
      <c r="T538" t="s">
        <v>197</v>
      </c>
      <c r="U538" t="s">
        <v>2707</v>
      </c>
      <c r="Y538" t="s">
        <v>224</v>
      </c>
      <c r="AC538" t="s">
        <v>609</v>
      </c>
      <c r="AD538" t="s">
        <v>181</v>
      </c>
      <c r="AE538" t="s">
        <v>230</v>
      </c>
      <c r="AF538" t="s">
        <v>230</v>
      </c>
      <c r="AG538" t="s">
        <v>175</v>
      </c>
      <c r="AH538" t="s">
        <v>175</v>
      </c>
      <c r="AI538" t="s">
        <v>175</v>
      </c>
      <c r="AJ538" t="s">
        <v>175</v>
      </c>
      <c r="AK538" t="s">
        <v>181</v>
      </c>
      <c r="AL538" t="s">
        <v>42</v>
      </c>
      <c r="AM538" t="s">
        <v>201</v>
      </c>
      <c r="AN538" t="s">
        <v>183</v>
      </c>
      <c r="AO538" t="s">
        <v>182</v>
      </c>
      <c r="AP538" t="s">
        <v>185</v>
      </c>
      <c r="AQ538" t="s">
        <v>202</v>
      </c>
      <c r="AR538" t="s">
        <v>203</v>
      </c>
      <c r="AS538" t="s">
        <v>204</v>
      </c>
      <c r="AT538" t="s">
        <v>205</v>
      </c>
      <c r="AU538" t="s">
        <v>206</v>
      </c>
      <c r="AV538" t="s">
        <v>184</v>
      </c>
      <c r="AW538" t="s">
        <v>2708</v>
      </c>
      <c r="BF538" t="s">
        <v>49</v>
      </c>
      <c r="BG538" s="1">
        <v>0</v>
      </c>
      <c r="BH538" t="s">
        <v>211</v>
      </c>
      <c r="BK538" t="s">
        <v>191</v>
      </c>
      <c r="BL538" t="s">
        <v>192</v>
      </c>
      <c r="BM538" t="s">
        <v>218</v>
      </c>
      <c r="BN538" t="s">
        <v>2709</v>
      </c>
      <c r="BO538" t="s">
        <v>218</v>
      </c>
      <c r="BP538" t="s">
        <v>2710</v>
      </c>
      <c r="BQ538" t="s">
        <v>2711</v>
      </c>
    </row>
    <row r="539" spans="1:69" x14ac:dyDescent="0.25">
      <c r="A539" s="1">
        <v>30449172</v>
      </c>
      <c r="B539" t="s">
        <v>1917</v>
      </c>
      <c r="C539" t="s">
        <v>39</v>
      </c>
      <c r="D539" t="s">
        <v>1616</v>
      </c>
      <c r="E539" t="s">
        <v>175</v>
      </c>
      <c r="L539" t="s">
        <v>52</v>
      </c>
      <c r="M539" s="1">
        <v>0</v>
      </c>
      <c r="N539" s="1">
        <v>0</v>
      </c>
      <c r="O539" t="s">
        <v>1616</v>
      </c>
      <c r="P539" t="s">
        <v>176</v>
      </c>
      <c r="Q539" t="s">
        <v>177</v>
      </c>
      <c r="S539" t="s">
        <v>178</v>
      </c>
      <c r="T539" t="s">
        <v>175</v>
      </c>
      <c r="V539" t="s">
        <v>397</v>
      </c>
      <c r="Y539" t="s">
        <v>224</v>
      </c>
      <c r="Z539" t="s">
        <v>244</v>
      </c>
      <c r="AC539" t="s">
        <v>199</v>
      </c>
      <c r="AD539" t="s">
        <v>181</v>
      </c>
      <c r="AE539" t="s">
        <v>181</v>
      </c>
      <c r="AF539" t="s">
        <v>181</v>
      </c>
      <c r="AG539" t="s">
        <v>230</v>
      </c>
      <c r="AH539" t="s">
        <v>175</v>
      </c>
      <c r="AI539" t="s">
        <v>181</v>
      </c>
      <c r="AJ539" t="s">
        <v>175</v>
      </c>
      <c r="AK539" t="s">
        <v>181</v>
      </c>
      <c r="AL539" t="s">
        <v>52</v>
      </c>
      <c r="AM539" t="s">
        <v>204</v>
      </c>
      <c r="AN539" t="s">
        <v>182</v>
      </c>
      <c r="AO539" t="s">
        <v>201</v>
      </c>
      <c r="AP539" t="s">
        <v>184</v>
      </c>
      <c r="AQ539" t="s">
        <v>202</v>
      </c>
      <c r="AR539" t="s">
        <v>203</v>
      </c>
      <c r="AS539" t="s">
        <v>185</v>
      </c>
      <c r="AT539" t="s">
        <v>206</v>
      </c>
      <c r="AU539" t="s">
        <v>205</v>
      </c>
      <c r="AV539" t="s">
        <v>183</v>
      </c>
      <c r="AW539" t="s">
        <v>1918</v>
      </c>
      <c r="AX539" t="s">
        <v>186</v>
      </c>
      <c r="BA539" t="s">
        <v>188</v>
      </c>
      <c r="BC539" t="s">
        <v>209</v>
      </c>
      <c r="BF539" t="s">
        <v>292</v>
      </c>
      <c r="BG539" t="s">
        <v>301</v>
      </c>
      <c r="BH539" t="s">
        <v>211</v>
      </c>
      <c r="BK539" t="s">
        <v>191</v>
      </c>
      <c r="BL539" t="s">
        <v>1919</v>
      </c>
      <c r="BM539" t="s">
        <v>191</v>
      </c>
      <c r="BN539" t="s">
        <v>1373</v>
      </c>
      <c r="BO539" t="s">
        <v>191</v>
      </c>
      <c r="BP539" t="s">
        <v>1920</v>
      </c>
    </row>
    <row r="540" spans="1:69" x14ac:dyDescent="0.25">
      <c r="A540" s="1">
        <v>30449174</v>
      </c>
      <c r="B540" t="s">
        <v>2712</v>
      </c>
      <c r="C540" t="s">
        <v>39</v>
      </c>
      <c r="D540" t="s">
        <v>2512</v>
      </c>
      <c r="E540" t="s">
        <v>216</v>
      </c>
      <c r="L540" t="s">
        <v>52</v>
      </c>
      <c r="M540" s="1">
        <v>0</v>
      </c>
      <c r="N540" s="1">
        <v>0</v>
      </c>
      <c r="O540" t="s">
        <v>2512</v>
      </c>
      <c r="P540" t="s">
        <v>216</v>
      </c>
      <c r="Q540" t="s">
        <v>328</v>
      </c>
      <c r="S540" s="1">
        <v>0</v>
      </c>
      <c r="T540" t="s">
        <v>197</v>
      </c>
      <c r="U540" t="s">
        <v>2713</v>
      </c>
      <c r="Y540" t="s">
        <v>224</v>
      </c>
      <c r="AC540" t="s">
        <v>199</v>
      </c>
      <c r="AD540" t="s">
        <v>175</v>
      </c>
      <c r="AE540" t="s">
        <v>175</v>
      </c>
      <c r="AF540" t="s">
        <v>175</v>
      </c>
      <c r="AG540" t="s">
        <v>175</v>
      </c>
      <c r="AH540" t="s">
        <v>175</v>
      </c>
      <c r="AI540" t="s">
        <v>175</v>
      </c>
      <c r="AJ540" t="s">
        <v>200</v>
      </c>
      <c r="AK540" t="s">
        <v>200</v>
      </c>
      <c r="AL540" t="s">
        <v>42</v>
      </c>
      <c r="AM540" t="s">
        <v>204</v>
      </c>
      <c r="AN540" t="s">
        <v>183</v>
      </c>
      <c r="AO540" t="s">
        <v>201</v>
      </c>
      <c r="AP540" s="1">
        <v>0</v>
      </c>
      <c r="AQ540" t="s">
        <v>185</v>
      </c>
      <c r="AR540" t="s">
        <v>184</v>
      </c>
      <c r="AS540" s="1">
        <v>0</v>
      </c>
      <c r="AT540" t="s">
        <v>205</v>
      </c>
      <c r="AU540" t="s">
        <v>206</v>
      </c>
      <c r="AV540" t="s">
        <v>182</v>
      </c>
      <c r="AY540" t="s">
        <v>187</v>
      </c>
      <c r="AZ540" t="s">
        <v>207</v>
      </c>
      <c r="BB540" t="s">
        <v>208</v>
      </c>
      <c r="BF540" t="s">
        <v>210</v>
      </c>
      <c r="BG540" s="1">
        <v>0</v>
      </c>
      <c r="BH540" t="s">
        <v>464</v>
      </c>
      <c r="BK540" t="s">
        <v>218</v>
      </c>
      <c r="BM540" t="s">
        <v>218</v>
      </c>
      <c r="BO540" t="s">
        <v>218</v>
      </c>
      <c r="BQ540" t="s">
        <v>2714</v>
      </c>
    </row>
    <row r="541" spans="1:69" x14ac:dyDescent="0.25">
      <c r="A541" s="1">
        <v>30449179</v>
      </c>
      <c r="B541" t="s">
        <v>451</v>
      </c>
      <c r="C541" t="s">
        <v>39</v>
      </c>
      <c r="D541" t="s">
        <v>174</v>
      </c>
      <c r="E541" t="s">
        <v>175</v>
      </c>
      <c r="L541" t="s">
        <v>52</v>
      </c>
      <c r="M541" s="1">
        <v>0</v>
      </c>
      <c r="N541" s="1">
        <v>0</v>
      </c>
      <c r="O541" t="s">
        <v>174</v>
      </c>
      <c r="P541" t="s">
        <v>216</v>
      </c>
      <c r="Q541" t="s">
        <v>177</v>
      </c>
      <c r="S541" s="1">
        <v>0</v>
      </c>
      <c r="T541" t="s">
        <v>175</v>
      </c>
      <c r="Z541" t="s">
        <v>244</v>
      </c>
      <c r="AC541" t="s">
        <v>199</v>
      </c>
      <c r="AD541" t="s">
        <v>200</v>
      </c>
      <c r="AE541" t="s">
        <v>200</v>
      </c>
      <c r="AF541" t="s">
        <v>200</v>
      </c>
      <c r="AG541" t="s">
        <v>200</v>
      </c>
      <c r="AH541" t="s">
        <v>200</v>
      </c>
      <c r="AI541" t="s">
        <v>200</v>
      </c>
      <c r="AJ541" t="s">
        <v>200</v>
      </c>
      <c r="AK541" t="s">
        <v>200</v>
      </c>
      <c r="AL541" t="s">
        <v>42</v>
      </c>
      <c r="AM541" t="s">
        <v>184</v>
      </c>
      <c r="AN541" t="s">
        <v>183</v>
      </c>
      <c r="AO541" t="s">
        <v>185</v>
      </c>
      <c r="AP541" t="s">
        <v>182</v>
      </c>
      <c r="AQ541" t="s">
        <v>204</v>
      </c>
      <c r="AR541" t="s">
        <v>202</v>
      </c>
      <c r="AS541" t="s">
        <v>203</v>
      </c>
      <c r="AT541" t="s">
        <v>206</v>
      </c>
      <c r="AU541" t="s">
        <v>205</v>
      </c>
      <c r="AV541" t="s">
        <v>201</v>
      </c>
      <c r="AY541" t="s">
        <v>187</v>
      </c>
      <c r="AZ541" t="s">
        <v>207</v>
      </c>
      <c r="BF541" t="s">
        <v>49</v>
      </c>
      <c r="BG541" s="1">
        <v>0</v>
      </c>
      <c r="BH541" t="s">
        <v>211</v>
      </c>
      <c r="BK541" t="s">
        <v>191</v>
      </c>
      <c r="BL541" t="s">
        <v>452</v>
      </c>
      <c r="BM541" t="s">
        <v>191</v>
      </c>
      <c r="BN541" t="s">
        <v>367</v>
      </c>
      <c r="BO541" t="s">
        <v>191</v>
      </c>
    </row>
    <row r="542" spans="1:69" x14ac:dyDescent="0.25">
      <c r="A542" s="1">
        <v>30449184</v>
      </c>
      <c r="B542" t="s">
        <v>453</v>
      </c>
      <c r="C542" t="s">
        <v>39</v>
      </c>
      <c r="D542" t="s">
        <v>174</v>
      </c>
      <c r="E542" t="s">
        <v>175</v>
      </c>
      <c r="L542" t="s">
        <v>52</v>
      </c>
      <c r="M542" s="1">
        <v>0</v>
      </c>
      <c r="N542" s="1">
        <v>0</v>
      </c>
      <c r="O542" t="s">
        <v>174</v>
      </c>
      <c r="P542" t="s">
        <v>216</v>
      </c>
      <c r="Q542" t="s">
        <v>322</v>
      </c>
      <c r="S542" s="1">
        <v>0</v>
      </c>
      <c r="T542" t="s">
        <v>175</v>
      </c>
      <c r="Y542" t="s">
        <v>224</v>
      </c>
      <c r="AC542" t="s">
        <v>180</v>
      </c>
      <c r="AD542" s="1">
        <v>0</v>
      </c>
      <c r="AE542" s="1">
        <v>0</v>
      </c>
      <c r="AF542" s="1">
        <v>0</v>
      </c>
      <c r="AG542" s="1">
        <v>0</v>
      </c>
      <c r="AH542" s="1">
        <v>0</v>
      </c>
      <c r="AI542" s="1">
        <v>0</v>
      </c>
      <c r="AJ542" s="1">
        <v>0</v>
      </c>
      <c r="AK542" s="1">
        <v>0</v>
      </c>
      <c r="AL542" t="s">
        <v>42</v>
      </c>
      <c r="AM542" t="s">
        <v>206</v>
      </c>
      <c r="AN542" s="1">
        <v>0</v>
      </c>
      <c r="AO542" t="s">
        <v>182</v>
      </c>
      <c r="AP542" t="s">
        <v>185</v>
      </c>
      <c r="AQ542" s="1">
        <v>0</v>
      </c>
      <c r="AR542" s="1">
        <v>0</v>
      </c>
      <c r="AS542" s="1">
        <v>0</v>
      </c>
      <c r="AT542" t="s">
        <v>201</v>
      </c>
      <c r="AU542" t="s">
        <v>183</v>
      </c>
      <c r="AV542" t="s">
        <v>184</v>
      </c>
      <c r="AX542" t="s">
        <v>186</v>
      </c>
      <c r="AY542" t="s">
        <v>187</v>
      </c>
      <c r="AZ542" t="s">
        <v>207</v>
      </c>
      <c r="BF542" t="s">
        <v>232</v>
      </c>
      <c r="BG542" t="s">
        <v>233</v>
      </c>
      <c r="BH542" t="s">
        <v>190</v>
      </c>
      <c r="BK542" t="s">
        <v>191</v>
      </c>
      <c r="BL542" t="s">
        <v>454</v>
      </c>
      <c r="BM542" t="s">
        <v>191</v>
      </c>
      <c r="BN542" t="s">
        <v>455</v>
      </c>
      <c r="BO542" t="s">
        <v>191</v>
      </c>
      <c r="BP542" t="s">
        <v>456</v>
      </c>
    </row>
    <row r="543" spans="1:69" x14ac:dyDescent="0.25">
      <c r="A543" s="1">
        <v>30449185</v>
      </c>
      <c r="B543" t="s">
        <v>2715</v>
      </c>
      <c r="C543" t="s">
        <v>39</v>
      </c>
      <c r="D543" t="s">
        <v>2512</v>
      </c>
      <c r="E543" t="s">
        <v>175</v>
      </c>
      <c r="L543" t="s">
        <v>52</v>
      </c>
      <c r="M543" s="1">
        <v>0</v>
      </c>
      <c r="N543" s="1">
        <v>0</v>
      </c>
      <c r="O543" t="s">
        <v>2512</v>
      </c>
      <c r="P543" t="s">
        <v>216</v>
      </c>
      <c r="Q543" t="s">
        <v>322</v>
      </c>
      <c r="S543" s="1">
        <v>0</v>
      </c>
      <c r="T543" t="s">
        <v>175</v>
      </c>
      <c r="AC543" t="s">
        <v>180</v>
      </c>
      <c r="AD543" t="s">
        <v>181</v>
      </c>
      <c r="AE543" t="s">
        <v>181</v>
      </c>
      <c r="AF543" t="s">
        <v>181</v>
      </c>
      <c r="AG543" t="s">
        <v>200</v>
      </c>
      <c r="AH543" t="s">
        <v>200</v>
      </c>
      <c r="AI543" t="s">
        <v>175</v>
      </c>
      <c r="AJ543" t="s">
        <v>200</v>
      </c>
      <c r="AK543" t="s">
        <v>175</v>
      </c>
      <c r="AL543" t="s">
        <v>52</v>
      </c>
      <c r="AM543" t="s">
        <v>206</v>
      </c>
      <c r="AN543" t="s">
        <v>183</v>
      </c>
      <c r="AO543" t="s">
        <v>184</v>
      </c>
      <c r="AP543" t="s">
        <v>201</v>
      </c>
      <c r="AQ543" t="s">
        <v>202</v>
      </c>
      <c r="AR543" t="s">
        <v>203</v>
      </c>
      <c r="AS543" t="s">
        <v>182</v>
      </c>
      <c r="AT543" t="s">
        <v>204</v>
      </c>
      <c r="AU543" t="s">
        <v>205</v>
      </c>
      <c r="AV543" t="s">
        <v>185</v>
      </c>
      <c r="AX543" t="s">
        <v>186</v>
      </c>
      <c r="AZ543" t="s">
        <v>207</v>
      </c>
      <c r="BA543" t="s">
        <v>188</v>
      </c>
      <c r="BC543" t="s">
        <v>209</v>
      </c>
      <c r="BF543" t="s">
        <v>210</v>
      </c>
      <c r="BG543" s="1">
        <v>0</v>
      </c>
      <c r="BH543" t="s">
        <v>211</v>
      </c>
      <c r="BK543" t="s">
        <v>191</v>
      </c>
      <c r="BL543" t="s">
        <v>2589</v>
      </c>
      <c r="BM543" t="s">
        <v>218</v>
      </c>
      <c r="BN543" t="s">
        <v>2716</v>
      </c>
      <c r="BO543" t="s">
        <v>218</v>
      </c>
      <c r="BP543" t="s">
        <v>2717</v>
      </c>
    </row>
    <row r="544" spans="1:69" x14ac:dyDescent="0.25">
      <c r="A544" s="1">
        <v>30449186</v>
      </c>
      <c r="B544" t="s">
        <v>457</v>
      </c>
      <c r="C544" t="s">
        <v>39</v>
      </c>
      <c r="D544" t="s">
        <v>174</v>
      </c>
      <c r="E544" t="s">
        <v>200</v>
      </c>
      <c r="L544" t="s">
        <v>52</v>
      </c>
      <c r="M544" s="1">
        <v>0</v>
      </c>
      <c r="N544" s="1">
        <v>0</v>
      </c>
      <c r="O544" t="s">
        <v>174</v>
      </c>
      <c r="P544" t="s">
        <v>176</v>
      </c>
      <c r="Q544" t="s">
        <v>238</v>
      </c>
      <c r="S544" t="s">
        <v>178</v>
      </c>
      <c r="T544" t="s">
        <v>200</v>
      </c>
      <c r="W544" t="s">
        <v>262</v>
      </c>
      <c r="AC544" t="s">
        <v>180</v>
      </c>
      <c r="AD544" t="s">
        <v>175</v>
      </c>
      <c r="AE544" t="s">
        <v>200</v>
      </c>
      <c r="AF544" t="s">
        <v>175</v>
      </c>
      <c r="AG544" t="s">
        <v>200</v>
      </c>
      <c r="AH544" t="s">
        <v>200</v>
      </c>
      <c r="AI544" t="s">
        <v>200</v>
      </c>
      <c r="AJ544" t="s">
        <v>200</v>
      </c>
      <c r="AK544" t="s">
        <v>200</v>
      </c>
      <c r="AL544" t="s">
        <v>52</v>
      </c>
      <c r="AM544" t="s">
        <v>185</v>
      </c>
      <c r="AN544" t="s">
        <v>183</v>
      </c>
      <c r="AO544" t="s">
        <v>182</v>
      </c>
      <c r="AP544" t="s">
        <v>184</v>
      </c>
      <c r="AQ544" t="s">
        <v>202</v>
      </c>
      <c r="AR544" t="s">
        <v>201</v>
      </c>
      <c r="AS544" t="s">
        <v>203</v>
      </c>
      <c r="AT544" t="s">
        <v>205</v>
      </c>
      <c r="AU544" t="s">
        <v>204</v>
      </c>
      <c r="AV544" t="s">
        <v>206</v>
      </c>
      <c r="AX544" t="s">
        <v>186</v>
      </c>
      <c r="AZ544" t="s">
        <v>207</v>
      </c>
      <c r="BF544" t="s">
        <v>210</v>
      </c>
      <c r="BG544" s="1">
        <v>0</v>
      </c>
      <c r="BH544" t="s">
        <v>190</v>
      </c>
      <c r="BK544" t="s">
        <v>191</v>
      </c>
      <c r="BL544" t="s">
        <v>458</v>
      </c>
      <c r="BM544" t="s">
        <v>191</v>
      </c>
      <c r="BN544" t="s">
        <v>459</v>
      </c>
      <c r="BO544" t="s">
        <v>191</v>
      </c>
      <c r="BP544" t="s">
        <v>460</v>
      </c>
    </row>
    <row r="545" spans="1:69" x14ac:dyDescent="0.25">
      <c r="A545" s="1">
        <v>30449190</v>
      </c>
      <c r="B545" t="s">
        <v>1183</v>
      </c>
      <c r="C545" t="s">
        <v>39</v>
      </c>
      <c r="D545" t="s">
        <v>942</v>
      </c>
      <c r="E545" t="s">
        <v>216</v>
      </c>
      <c r="L545" t="s">
        <v>52</v>
      </c>
      <c r="M545" s="1">
        <v>0</v>
      </c>
      <c r="N545" s="1">
        <v>0</v>
      </c>
      <c r="O545" t="s">
        <v>942</v>
      </c>
      <c r="P545" t="s">
        <v>216</v>
      </c>
      <c r="Q545" t="s">
        <v>258</v>
      </c>
      <c r="S545" s="1">
        <v>0</v>
      </c>
      <c r="T545" t="s">
        <v>197</v>
      </c>
      <c r="U545" t="s">
        <v>1184</v>
      </c>
      <c r="Y545" t="s">
        <v>224</v>
      </c>
      <c r="AC545" t="s">
        <v>180</v>
      </c>
      <c r="AD545" t="s">
        <v>175</v>
      </c>
      <c r="AE545" t="s">
        <v>175</v>
      </c>
      <c r="AF545" t="s">
        <v>299</v>
      </c>
      <c r="AG545" t="s">
        <v>181</v>
      </c>
      <c r="AH545" t="s">
        <v>200</v>
      </c>
      <c r="AI545" t="s">
        <v>200</v>
      </c>
      <c r="AJ545" t="s">
        <v>200</v>
      </c>
      <c r="AK545" t="s">
        <v>175</v>
      </c>
      <c r="AL545" t="s">
        <v>42</v>
      </c>
      <c r="AM545" t="s">
        <v>201</v>
      </c>
      <c r="AN545" t="s">
        <v>183</v>
      </c>
      <c r="AO545" t="s">
        <v>205</v>
      </c>
      <c r="AP545" t="s">
        <v>204</v>
      </c>
      <c r="AQ545" t="s">
        <v>203</v>
      </c>
      <c r="AR545" t="s">
        <v>185</v>
      </c>
      <c r="AS545" t="s">
        <v>202</v>
      </c>
      <c r="AT545" t="s">
        <v>184</v>
      </c>
      <c r="AU545" t="s">
        <v>206</v>
      </c>
      <c r="AV545" t="s">
        <v>182</v>
      </c>
      <c r="AW545" t="s">
        <v>1185</v>
      </c>
      <c r="AX545" t="s">
        <v>186</v>
      </c>
      <c r="AY545" t="s">
        <v>187</v>
      </c>
      <c r="AZ545" t="s">
        <v>207</v>
      </c>
      <c r="BA545" t="s">
        <v>188</v>
      </c>
      <c r="BB545" t="s">
        <v>208</v>
      </c>
      <c r="BC545" t="s">
        <v>209</v>
      </c>
      <c r="BF545" t="s">
        <v>210</v>
      </c>
      <c r="BG545" s="1">
        <v>0</v>
      </c>
      <c r="BH545" t="s">
        <v>190</v>
      </c>
      <c r="BK545" t="s">
        <v>191</v>
      </c>
      <c r="BL545" t="s">
        <v>1186</v>
      </c>
      <c r="BM545" s="1">
        <v>0</v>
      </c>
      <c r="BO545" t="s">
        <v>191</v>
      </c>
      <c r="BP545" t="s">
        <v>1187</v>
      </c>
      <c r="BQ545" t="s">
        <v>1122</v>
      </c>
    </row>
    <row r="546" spans="1:69" x14ac:dyDescent="0.25">
      <c r="A546" s="1">
        <v>30449191</v>
      </c>
      <c r="B546" t="s">
        <v>59</v>
      </c>
      <c r="C546" t="s">
        <v>39</v>
      </c>
      <c r="L546" t="s">
        <v>52</v>
      </c>
      <c r="M546" s="1">
        <v>0</v>
      </c>
      <c r="N546" s="1">
        <v>0</v>
      </c>
      <c r="O546" s="1">
        <v>0</v>
      </c>
      <c r="P546" s="1">
        <v>0</v>
      </c>
      <c r="Q546" s="1">
        <v>0</v>
      </c>
      <c r="S546" s="1">
        <v>0</v>
      </c>
      <c r="T546" s="1">
        <v>0</v>
      </c>
      <c r="AC546" s="1">
        <v>0</v>
      </c>
      <c r="AD546" s="1">
        <v>0</v>
      </c>
      <c r="AE546" s="1">
        <v>0</v>
      </c>
      <c r="AF546" s="1">
        <v>0</v>
      </c>
      <c r="AG546" s="1">
        <v>0</v>
      </c>
      <c r="AH546" s="1">
        <v>0</v>
      </c>
      <c r="AI546" s="1">
        <v>0</v>
      </c>
      <c r="AJ546" s="1">
        <v>0</v>
      </c>
      <c r="AK546" s="1">
        <v>0</v>
      </c>
      <c r="AL546" s="1">
        <v>0</v>
      </c>
      <c r="AM546" s="1">
        <v>0</v>
      </c>
      <c r="AN546" s="1">
        <v>0</v>
      </c>
      <c r="AO546" s="1">
        <v>0</v>
      </c>
      <c r="AP546" s="1">
        <v>0</v>
      </c>
      <c r="AQ546" s="1">
        <v>0</v>
      </c>
      <c r="AR546" s="1">
        <v>0</v>
      </c>
      <c r="AS546" s="1">
        <v>0</v>
      </c>
      <c r="AT546" s="1">
        <v>0</v>
      </c>
      <c r="AU546" s="1">
        <v>0</v>
      </c>
      <c r="AV546" s="1">
        <v>0</v>
      </c>
      <c r="BF546" s="1">
        <v>0</v>
      </c>
      <c r="BG546" s="1">
        <v>0</v>
      </c>
      <c r="BH546" s="1">
        <v>0</v>
      </c>
      <c r="BK546" s="1">
        <v>0</v>
      </c>
      <c r="BM546" s="1">
        <v>0</v>
      </c>
      <c r="BO546" s="1">
        <v>0</v>
      </c>
    </row>
    <row r="547" spans="1:69" x14ac:dyDescent="0.25">
      <c r="A547" s="1">
        <v>30449192</v>
      </c>
      <c r="B547" t="s">
        <v>4022</v>
      </c>
      <c r="C547" t="s">
        <v>39</v>
      </c>
      <c r="D547" t="s">
        <v>3727</v>
      </c>
      <c r="E547" t="s">
        <v>200</v>
      </c>
      <c r="L547" t="s">
        <v>52</v>
      </c>
      <c r="M547" s="1">
        <v>0</v>
      </c>
      <c r="N547" s="1">
        <v>0</v>
      </c>
      <c r="O547" t="s">
        <v>3728</v>
      </c>
      <c r="P547" t="s">
        <v>176</v>
      </c>
      <c r="Q547" t="s">
        <v>177</v>
      </c>
      <c r="S547" t="s">
        <v>222</v>
      </c>
      <c r="T547" t="s">
        <v>200</v>
      </c>
      <c r="X547" t="s">
        <v>179</v>
      </c>
      <c r="AC547" t="s">
        <v>180</v>
      </c>
      <c r="AD547" t="s">
        <v>175</v>
      </c>
      <c r="AE547" t="s">
        <v>181</v>
      </c>
      <c r="AF547" t="s">
        <v>181</v>
      </c>
      <c r="AG547" t="s">
        <v>181</v>
      </c>
      <c r="AH547" t="s">
        <v>175</v>
      </c>
      <c r="AI547" t="s">
        <v>175</v>
      </c>
      <c r="AJ547" t="s">
        <v>175</v>
      </c>
      <c r="AK547" t="s">
        <v>175</v>
      </c>
      <c r="AL547" t="s">
        <v>42</v>
      </c>
      <c r="AM547" t="s">
        <v>182</v>
      </c>
      <c r="AN547" t="s">
        <v>184</v>
      </c>
      <c r="AO547" t="s">
        <v>205</v>
      </c>
      <c r="AP547" t="s">
        <v>183</v>
      </c>
      <c r="AQ547" t="s">
        <v>202</v>
      </c>
      <c r="AR547" t="s">
        <v>203</v>
      </c>
      <c r="AS547" t="s">
        <v>185</v>
      </c>
      <c r="AT547" t="s">
        <v>201</v>
      </c>
      <c r="AU547" t="s">
        <v>206</v>
      </c>
      <c r="AV547" t="s">
        <v>204</v>
      </c>
      <c r="AX547" t="s">
        <v>186</v>
      </c>
      <c r="AY547" t="s">
        <v>187</v>
      </c>
      <c r="BA547" t="s">
        <v>188</v>
      </c>
      <c r="BC547" t="s">
        <v>209</v>
      </c>
      <c r="BF547" t="s">
        <v>49</v>
      </c>
      <c r="BG547" s="1">
        <v>0</v>
      </c>
      <c r="BH547" t="s">
        <v>247</v>
      </c>
      <c r="BK547" t="s">
        <v>191</v>
      </c>
      <c r="BL547" t="s">
        <v>4023</v>
      </c>
      <c r="BM547" t="s">
        <v>191</v>
      </c>
      <c r="BN547" t="s">
        <v>4024</v>
      </c>
      <c r="BO547" t="s">
        <v>191</v>
      </c>
      <c r="BP547" t="s">
        <v>488</v>
      </c>
    </row>
    <row r="548" spans="1:69" x14ac:dyDescent="0.25">
      <c r="A548" s="1">
        <v>30449193</v>
      </c>
      <c r="B548" t="s">
        <v>461</v>
      </c>
      <c r="C548" t="s">
        <v>39</v>
      </c>
      <c r="D548" t="s">
        <v>174</v>
      </c>
      <c r="E548" t="s">
        <v>200</v>
      </c>
      <c r="L548" t="s">
        <v>52</v>
      </c>
      <c r="M548" s="1">
        <v>0</v>
      </c>
      <c r="N548" s="1">
        <v>0</v>
      </c>
      <c r="O548" t="s">
        <v>174</v>
      </c>
      <c r="P548" t="s">
        <v>176</v>
      </c>
      <c r="Q548" t="s">
        <v>177</v>
      </c>
      <c r="S548" t="s">
        <v>178</v>
      </c>
      <c r="T548" t="s">
        <v>200</v>
      </c>
      <c r="X548" t="s">
        <v>179</v>
      </c>
      <c r="AA548" t="s">
        <v>273</v>
      </c>
      <c r="AB548" t="s">
        <v>462</v>
      </c>
      <c r="AC548" t="s">
        <v>180</v>
      </c>
      <c r="AD548" t="s">
        <v>200</v>
      </c>
      <c r="AE548" t="s">
        <v>200</v>
      </c>
      <c r="AF548" t="s">
        <v>200</v>
      </c>
      <c r="AG548" t="s">
        <v>230</v>
      </c>
      <c r="AH548" t="s">
        <v>200</v>
      </c>
      <c r="AI548" t="s">
        <v>200</v>
      </c>
      <c r="AJ548" t="s">
        <v>200</v>
      </c>
      <c r="AK548" t="s">
        <v>200</v>
      </c>
      <c r="AL548" t="s">
        <v>42</v>
      </c>
      <c r="AM548" t="s">
        <v>206</v>
      </c>
      <c r="AN548" t="s">
        <v>182</v>
      </c>
      <c r="AO548" t="s">
        <v>185</v>
      </c>
      <c r="AP548" t="s">
        <v>184</v>
      </c>
      <c r="AQ548" t="s">
        <v>203</v>
      </c>
      <c r="AR548" t="s">
        <v>202</v>
      </c>
      <c r="AS548" t="s">
        <v>205</v>
      </c>
      <c r="AT548" t="s">
        <v>183</v>
      </c>
      <c r="AU548" t="s">
        <v>201</v>
      </c>
      <c r="AV548" t="s">
        <v>204</v>
      </c>
      <c r="AW548" t="s">
        <v>463</v>
      </c>
      <c r="AX548" t="s">
        <v>186</v>
      </c>
      <c r="AY548" t="s">
        <v>187</v>
      </c>
      <c r="AZ548" t="s">
        <v>207</v>
      </c>
      <c r="BA548" t="s">
        <v>188</v>
      </c>
      <c r="BC548" t="s">
        <v>209</v>
      </c>
      <c r="BF548" t="s">
        <v>210</v>
      </c>
      <c r="BG548" s="1">
        <v>0</v>
      </c>
      <c r="BH548" t="s">
        <v>464</v>
      </c>
      <c r="BK548" t="s">
        <v>191</v>
      </c>
      <c r="BL548" t="s">
        <v>465</v>
      </c>
      <c r="BM548" t="s">
        <v>191</v>
      </c>
      <c r="BN548" t="s">
        <v>466</v>
      </c>
      <c r="BO548" t="s">
        <v>191</v>
      </c>
      <c r="BP548" t="s">
        <v>467</v>
      </c>
      <c r="BQ548" t="s">
        <v>468</v>
      </c>
    </row>
    <row r="549" spans="1:69" x14ac:dyDescent="0.25">
      <c r="A549" s="1">
        <v>30449195</v>
      </c>
      <c r="B549" t="s">
        <v>1188</v>
      </c>
      <c r="C549" t="s">
        <v>39</v>
      </c>
      <c r="D549" t="s">
        <v>942</v>
      </c>
      <c r="E549" t="s">
        <v>175</v>
      </c>
      <c r="L549" t="s">
        <v>52</v>
      </c>
      <c r="M549" s="1">
        <v>0</v>
      </c>
      <c r="N549" s="1">
        <v>0</v>
      </c>
      <c r="O549" t="s">
        <v>942</v>
      </c>
      <c r="P549" t="s">
        <v>176</v>
      </c>
      <c r="Q549" t="s">
        <v>177</v>
      </c>
      <c r="S549" t="s">
        <v>178</v>
      </c>
      <c r="T549" t="s">
        <v>175</v>
      </c>
      <c r="Y549" t="s">
        <v>224</v>
      </c>
      <c r="AC549" t="s">
        <v>199</v>
      </c>
      <c r="AD549" t="s">
        <v>181</v>
      </c>
      <c r="AE549" t="s">
        <v>181</v>
      </c>
      <c r="AF549" t="s">
        <v>181</v>
      </c>
      <c r="AG549" t="s">
        <v>181</v>
      </c>
      <c r="AH549" t="s">
        <v>175</v>
      </c>
      <c r="AI549" t="s">
        <v>175</v>
      </c>
      <c r="AJ549" t="s">
        <v>175</v>
      </c>
      <c r="AK549" t="s">
        <v>230</v>
      </c>
      <c r="AL549" t="s">
        <v>42</v>
      </c>
      <c r="AM549" s="1">
        <v>0</v>
      </c>
      <c r="AN549" s="1">
        <v>0</v>
      </c>
      <c r="AO549" s="1">
        <v>0</v>
      </c>
      <c r="AP549" s="1">
        <v>0</v>
      </c>
      <c r="AQ549" t="s">
        <v>182</v>
      </c>
      <c r="AR549" t="s">
        <v>185</v>
      </c>
      <c r="AS549" s="1">
        <v>0</v>
      </c>
      <c r="AT549" s="1">
        <v>0</v>
      </c>
      <c r="AU549" s="1">
        <v>0</v>
      </c>
      <c r="AV549" t="s">
        <v>184</v>
      </c>
      <c r="AZ549" t="s">
        <v>207</v>
      </c>
      <c r="BF549" t="s">
        <v>292</v>
      </c>
      <c r="BG549" t="s">
        <v>301</v>
      </c>
      <c r="BH549" t="s">
        <v>211</v>
      </c>
      <c r="BK549" t="s">
        <v>191</v>
      </c>
      <c r="BM549" t="s">
        <v>191</v>
      </c>
      <c r="BO549" t="s">
        <v>191</v>
      </c>
    </row>
    <row r="550" spans="1:69" x14ac:dyDescent="0.25">
      <c r="A550" s="1">
        <v>30449198</v>
      </c>
      <c r="B550" t="s">
        <v>4025</v>
      </c>
      <c r="C550" t="s">
        <v>39</v>
      </c>
      <c r="D550" t="s">
        <v>3727</v>
      </c>
      <c r="E550" t="s">
        <v>200</v>
      </c>
      <c r="L550" t="s">
        <v>52</v>
      </c>
      <c r="M550" s="1">
        <v>0</v>
      </c>
      <c r="N550" s="1">
        <v>0</v>
      </c>
      <c r="O550" t="s">
        <v>3728</v>
      </c>
      <c r="P550" t="s">
        <v>176</v>
      </c>
      <c r="Q550" t="s">
        <v>196</v>
      </c>
      <c r="S550" t="s">
        <v>178</v>
      </c>
      <c r="T550" t="s">
        <v>200</v>
      </c>
      <c r="AA550" t="s">
        <v>273</v>
      </c>
      <c r="AB550" t="s">
        <v>1147</v>
      </c>
      <c r="AC550" t="s">
        <v>266</v>
      </c>
      <c r="AD550" t="s">
        <v>175</v>
      </c>
      <c r="AE550" t="s">
        <v>175</v>
      </c>
      <c r="AF550" t="s">
        <v>175</v>
      </c>
      <c r="AG550" t="s">
        <v>175</v>
      </c>
      <c r="AH550" t="s">
        <v>175</v>
      </c>
      <c r="AI550" t="s">
        <v>175</v>
      </c>
      <c r="AJ550" t="s">
        <v>175</v>
      </c>
      <c r="AK550" t="s">
        <v>175</v>
      </c>
      <c r="AL550" t="s">
        <v>42</v>
      </c>
      <c r="AM550" t="s">
        <v>201</v>
      </c>
      <c r="AN550" t="s">
        <v>182</v>
      </c>
      <c r="AO550" t="s">
        <v>185</v>
      </c>
      <c r="AP550" t="s">
        <v>184</v>
      </c>
      <c r="AQ550" t="s">
        <v>206</v>
      </c>
      <c r="AR550" s="1">
        <v>0</v>
      </c>
      <c r="AS550" s="1">
        <v>0</v>
      </c>
      <c r="AT550" t="s">
        <v>183</v>
      </c>
      <c r="AU550" s="1">
        <v>0</v>
      </c>
      <c r="AV550" s="1">
        <v>0</v>
      </c>
      <c r="AX550" t="s">
        <v>186</v>
      </c>
      <c r="AY550" t="s">
        <v>187</v>
      </c>
      <c r="AZ550" t="s">
        <v>207</v>
      </c>
      <c r="BF550" t="s">
        <v>189</v>
      </c>
      <c r="BG550" s="1">
        <v>0</v>
      </c>
      <c r="BH550" t="s">
        <v>211</v>
      </c>
      <c r="BK550" t="s">
        <v>191</v>
      </c>
      <c r="BM550" t="s">
        <v>191</v>
      </c>
      <c r="BO550" t="s">
        <v>191</v>
      </c>
    </row>
    <row r="551" spans="1:69" x14ac:dyDescent="0.25">
      <c r="A551" s="1">
        <v>30449199</v>
      </c>
      <c r="B551" t="s">
        <v>1189</v>
      </c>
      <c r="C551" t="s">
        <v>39</v>
      </c>
      <c r="D551" t="s">
        <v>942</v>
      </c>
      <c r="E551" t="s">
        <v>175</v>
      </c>
      <c r="L551" t="s">
        <v>52</v>
      </c>
      <c r="M551" s="1">
        <v>0</v>
      </c>
      <c r="N551" s="1">
        <v>0</v>
      </c>
      <c r="O551" t="s">
        <v>942</v>
      </c>
      <c r="P551" t="s">
        <v>176</v>
      </c>
      <c r="Q551" t="s">
        <v>196</v>
      </c>
      <c r="S551" t="s">
        <v>222</v>
      </c>
      <c r="T551" t="s">
        <v>175</v>
      </c>
      <c r="X551" t="s">
        <v>179</v>
      </c>
      <c r="Y551" t="s">
        <v>224</v>
      </c>
      <c r="Z551" t="s">
        <v>244</v>
      </c>
      <c r="AC551" t="s">
        <v>225</v>
      </c>
      <c r="AD551" t="s">
        <v>181</v>
      </c>
      <c r="AE551" t="s">
        <v>181</v>
      </c>
      <c r="AF551" t="s">
        <v>175</v>
      </c>
      <c r="AG551" t="s">
        <v>181</v>
      </c>
      <c r="AH551" t="s">
        <v>200</v>
      </c>
      <c r="AI551" t="s">
        <v>175</v>
      </c>
      <c r="AJ551" t="s">
        <v>181</v>
      </c>
      <c r="AK551" t="s">
        <v>181</v>
      </c>
      <c r="AL551" t="s">
        <v>42</v>
      </c>
      <c r="AM551" t="s">
        <v>183</v>
      </c>
      <c r="AN551" t="s">
        <v>205</v>
      </c>
      <c r="AO551" t="s">
        <v>206</v>
      </c>
      <c r="AP551" t="s">
        <v>185</v>
      </c>
      <c r="AQ551" t="s">
        <v>202</v>
      </c>
      <c r="AR551" t="s">
        <v>203</v>
      </c>
      <c r="AS551" t="s">
        <v>201</v>
      </c>
      <c r="AT551" t="s">
        <v>184</v>
      </c>
      <c r="AU551" t="s">
        <v>182</v>
      </c>
      <c r="AV551" t="s">
        <v>204</v>
      </c>
      <c r="AY551" t="s">
        <v>187</v>
      </c>
      <c r="AZ551" t="s">
        <v>207</v>
      </c>
      <c r="BA551" t="s">
        <v>188</v>
      </c>
      <c r="BB551" t="s">
        <v>208</v>
      </c>
      <c r="BC551" t="s">
        <v>209</v>
      </c>
      <c r="BF551" t="s">
        <v>232</v>
      </c>
      <c r="BG551" t="s">
        <v>276</v>
      </c>
      <c r="BH551" t="s">
        <v>211</v>
      </c>
      <c r="BK551" t="s">
        <v>191</v>
      </c>
      <c r="BL551" t="s">
        <v>1190</v>
      </c>
      <c r="BM551" t="s">
        <v>191</v>
      </c>
      <c r="BN551" t="s">
        <v>1191</v>
      </c>
      <c r="BO551" t="s">
        <v>191</v>
      </c>
      <c r="BP551" t="s">
        <v>1192</v>
      </c>
    </row>
    <row r="552" spans="1:69" x14ac:dyDescent="0.25">
      <c r="A552" s="1">
        <v>30449202</v>
      </c>
      <c r="B552" t="s">
        <v>4026</v>
      </c>
      <c r="C552" t="s">
        <v>39</v>
      </c>
      <c r="D552" t="s">
        <v>3727</v>
      </c>
      <c r="E552" t="s">
        <v>175</v>
      </c>
      <c r="L552" t="s">
        <v>52</v>
      </c>
      <c r="M552" s="1">
        <v>0</v>
      </c>
      <c r="N552" s="1">
        <v>0</v>
      </c>
      <c r="O552" t="s">
        <v>3728</v>
      </c>
      <c r="P552" t="s">
        <v>176</v>
      </c>
      <c r="Q552" t="s">
        <v>238</v>
      </c>
      <c r="S552" t="s">
        <v>178</v>
      </c>
      <c r="T552" t="s">
        <v>175</v>
      </c>
      <c r="Y552" t="s">
        <v>224</v>
      </c>
      <c r="AC552" t="s">
        <v>180</v>
      </c>
      <c r="AD552" s="1">
        <v>0</v>
      </c>
      <c r="AE552" s="1">
        <v>0</v>
      </c>
      <c r="AF552" s="1">
        <v>0</v>
      </c>
      <c r="AG552" s="1">
        <v>0</v>
      </c>
      <c r="AH552" s="1">
        <v>0</v>
      </c>
      <c r="AI552" s="1">
        <v>0</v>
      </c>
      <c r="AJ552" s="1">
        <v>0</v>
      </c>
      <c r="AK552" s="1">
        <v>0</v>
      </c>
      <c r="AL552" s="1">
        <v>0</v>
      </c>
      <c r="AM552" s="1">
        <v>0</v>
      </c>
      <c r="AN552" s="1">
        <v>0</v>
      </c>
      <c r="AO552" s="1">
        <v>0</v>
      </c>
      <c r="AP552" s="1">
        <v>0</v>
      </c>
      <c r="AQ552" s="1">
        <v>0</v>
      </c>
      <c r="AR552" s="1">
        <v>0</v>
      </c>
      <c r="AS552" s="1">
        <v>0</v>
      </c>
      <c r="AT552" s="1">
        <v>0</v>
      </c>
      <c r="AU552" s="1">
        <v>0</v>
      </c>
      <c r="AV552" s="1">
        <v>0</v>
      </c>
      <c r="BF552" s="1">
        <v>0</v>
      </c>
      <c r="BG552" s="1">
        <v>0</v>
      </c>
      <c r="BH552" s="1">
        <v>0</v>
      </c>
      <c r="BK552" s="1">
        <v>0</v>
      </c>
      <c r="BM552" s="1">
        <v>0</v>
      </c>
      <c r="BO552" s="1">
        <v>0</v>
      </c>
    </row>
    <row r="553" spans="1:69" x14ac:dyDescent="0.25">
      <c r="A553" s="1">
        <v>30449204</v>
      </c>
      <c r="B553" t="s">
        <v>1921</v>
      </c>
      <c r="C553" t="s">
        <v>39</v>
      </c>
      <c r="D553" t="s">
        <v>1616</v>
      </c>
      <c r="E553" t="s">
        <v>175</v>
      </c>
      <c r="L553" t="s">
        <v>52</v>
      </c>
      <c r="M553" s="1">
        <v>0</v>
      </c>
      <c r="N553" s="1">
        <v>0</v>
      </c>
      <c r="O553" t="s">
        <v>1616</v>
      </c>
      <c r="P553" t="s">
        <v>216</v>
      </c>
      <c r="Q553" t="s">
        <v>322</v>
      </c>
      <c r="S553" s="1">
        <v>0</v>
      </c>
      <c r="T553" t="s">
        <v>175</v>
      </c>
      <c r="AA553" t="s">
        <v>273</v>
      </c>
      <c r="AB553" t="s">
        <v>1922</v>
      </c>
      <c r="AC553" t="s">
        <v>180</v>
      </c>
      <c r="AD553" t="s">
        <v>175</v>
      </c>
      <c r="AE553" t="s">
        <v>200</v>
      </c>
      <c r="AF553" t="s">
        <v>200</v>
      </c>
      <c r="AG553" t="s">
        <v>200</v>
      </c>
      <c r="AH553" t="s">
        <v>200</v>
      </c>
      <c r="AI553" t="s">
        <v>175</v>
      </c>
      <c r="AJ553" t="s">
        <v>175</v>
      </c>
      <c r="AK553" t="s">
        <v>175</v>
      </c>
      <c r="AL553" t="s">
        <v>42</v>
      </c>
      <c r="AM553" t="s">
        <v>205</v>
      </c>
      <c r="AN553" t="s">
        <v>184</v>
      </c>
      <c r="AO553" t="s">
        <v>185</v>
      </c>
      <c r="AP553" t="s">
        <v>206</v>
      </c>
      <c r="AQ553" t="s">
        <v>203</v>
      </c>
      <c r="AR553" t="s">
        <v>202</v>
      </c>
      <c r="AS553" t="s">
        <v>204</v>
      </c>
      <c r="AT553" t="s">
        <v>182</v>
      </c>
      <c r="AU553" t="s">
        <v>183</v>
      </c>
      <c r="AV553" t="s">
        <v>201</v>
      </c>
      <c r="AY553" t="s">
        <v>187</v>
      </c>
      <c r="AZ553" t="s">
        <v>207</v>
      </c>
      <c r="BA553" t="s">
        <v>188</v>
      </c>
      <c r="BF553" t="s">
        <v>210</v>
      </c>
      <c r="BG553" s="1">
        <v>0</v>
      </c>
      <c r="BH553" t="s">
        <v>211</v>
      </c>
      <c r="BK553" t="s">
        <v>191</v>
      </c>
      <c r="BL553" t="s">
        <v>1923</v>
      </c>
      <c r="BM553" t="s">
        <v>191</v>
      </c>
      <c r="BN553" t="s">
        <v>1924</v>
      </c>
      <c r="BO553" t="s">
        <v>191</v>
      </c>
      <c r="BP553" t="s">
        <v>1925</v>
      </c>
      <c r="BQ553" t="s">
        <v>1926</v>
      </c>
    </row>
    <row r="554" spans="1:69" x14ac:dyDescent="0.25">
      <c r="A554" s="1">
        <v>30449206</v>
      </c>
      <c r="B554" t="s">
        <v>1193</v>
      </c>
      <c r="C554" t="s">
        <v>39</v>
      </c>
      <c r="D554" t="s">
        <v>942</v>
      </c>
      <c r="E554" t="s">
        <v>200</v>
      </c>
      <c r="L554" t="s">
        <v>52</v>
      </c>
      <c r="M554" s="1">
        <v>0</v>
      </c>
      <c r="N554" s="1">
        <v>0</v>
      </c>
      <c r="O554" t="s">
        <v>942</v>
      </c>
      <c r="P554" t="s">
        <v>176</v>
      </c>
      <c r="Q554" t="s">
        <v>196</v>
      </c>
      <c r="S554" t="s">
        <v>349</v>
      </c>
      <c r="T554" t="s">
        <v>200</v>
      </c>
      <c r="X554" t="s">
        <v>179</v>
      </c>
      <c r="Y554" t="s">
        <v>224</v>
      </c>
      <c r="AC554" t="s">
        <v>180</v>
      </c>
      <c r="AD554" t="s">
        <v>175</v>
      </c>
      <c r="AE554" t="s">
        <v>175</v>
      </c>
      <c r="AF554" t="s">
        <v>181</v>
      </c>
      <c r="AG554" t="s">
        <v>175</v>
      </c>
      <c r="AH554" t="s">
        <v>175</v>
      </c>
      <c r="AI554" t="s">
        <v>175</v>
      </c>
      <c r="AJ554" t="s">
        <v>175</v>
      </c>
      <c r="AK554" t="s">
        <v>175</v>
      </c>
      <c r="AL554" t="s">
        <v>42</v>
      </c>
      <c r="AM554" t="s">
        <v>201</v>
      </c>
      <c r="AN554" t="s">
        <v>185</v>
      </c>
      <c r="AO554" t="s">
        <v>182</v>
      </c>
      <c r="AP554" t="s">
        <v>183</v>
      </c>
      <c r="AQ554" t="s">
        <v>203</v>
      </c>
      <c r="AR554" t="s">
        <v>202</v>
      </c>
      <c r="AS554" t="s">
        <v>205</v>
      </c>
      <c r="AT554" t="s">
        <v>184</v>
      </c>
      <c r="AU554" t="s">
        <v>206</v>
      </c>
      <c r="AV554" t="s">
        <v>204</v>
      </c>
      <c r="AX554" t="s">
        <v>186</v>
      </c>
      <c r="AY554" t="s">
        <v>187</v>
      </c>
      <c r="AZ554" t="s">
        <v>207</v>
      </c>
      <c r="BA554" t="s">
        <v>188</v>
      </c>
      <c r="BB554" t="s">
        <v>208</v>
      </c>
      <c r="BC554" t="s">
        <v>209</v>
      </c>
      <c r="BF554" t="s">
        <v>232</v>
      </c>
      <c r="BG554" t="s">
        <v>233</v>
      </c>
      <c r="BH554" t="s">
        <v>211</v>
      </c>
      <c r="BK554" t="s">
        <v>191</v>
      </c>
      <c r="BL554" t="s">
        <v>1194</v>
      </c>
      <c r="BM554" t="s">
        <v>191</v>
      </c>
      <c r="BO554" t="s">
        <v>218</v>
      </c>
    </row>
    <row r="555" spans="1:69" x14ac:dyDescent="0.25">
      <c r="A555" s="1">
        <v>30449207</v>
      </c>
      <c r="B555" t="s">
        <v>2718</v>
      </c>
      <c r="C555" t="s">
        <v>39</v>
      </c>
      <c r="D555" t="s">
        <v>2512</v>
      </c>
      <c r="E555" t="s">
        <v>200</v>
      </c>
      <c r="L555" t="s">
        <v>52</v>
      </c>
      <c r="M555" s="1">
        <v>0</v>
      </c>
      <c r="N555" s="1">
        <v>0</v>
      </c>
      <c r="O555" t="s">
        <v>2512</v>
      </c>
      <c r="P555" t="s">
        <v>216</v>
      </c>
      <c r="Q555" t="s">
        <v>322</v>
      </c>
      <c r="S555" s="1">
        <v>0</v>
      </c>
      <c r="T555" t="s">
        <v>200</v>
      </c>
      <c r="Y555" t="s">
        <v>224</v>
      </c>
      <c r="AC555" t="s">
        <v>180</v>
      </c>
      <c r="AD555" t="s">
        <v>200</v>
      </c>
      <c r="AE555" t="s">
        <v>175</v>
      </c>
      <c r="AF555" t="s">
        <v>181</v>
      </c>
      <c r="AG555" t="s">
        <v>200</v>
      </c>
      <c r="AH555" t="s">
        <v>175</v>
      </c>
      <c r="AI555" t="s">
        <v>200</v>
      </c>
      <c r="AJ555" t="s">
        <v>230</v>
      </c>
      <c r="AK555" t="s">
        <v>200</v>
      </c>
      <c r="AL555" t="s">
        <v>42</v>
      </c>
      <c r="AM555" s="1">
        <v>0</v>
      </c>
      <c r="AN555" s="1">
        <v>0</v>
      </c>
      <c r="AO555" s="1">
        <v>0</v>
      </c>
      <c r="AP555" t="s">
        <v>185</v>
      </c>
      <c r="AQ555" s="1">
        <v>0</v>
      </c>
      <c r="AR555" t="s">
        <v>184</v>
      </c>
      <c r="AS555" s="1">
        <v>0</v>
      </c>
      <c r="AT555" s="1">
        <v>0</v>
      </c>
      <c r="AU555" s="1">
        <v>0</v>
      </c>
      <c r="AV555" s="1">
        <v>0</v>
      </c>
      <c r="AX555" t="s">
        <v>186</v>
      </c>
      <c r="AY555" t="s">
        <v>187</v>
      </c>
      <c r="AZ555" t="s">
        <v>207</v>
      </c>
      <c r="BF555" t="s">
        <v>189</v>
      </c>
      <c r="BG555" s="1">
        <v>0</v>
      </c>
      <c r="BH555" t="s">
        <v>211</v>
      </c>
      <c r="BK555" t="s">
        <v>191</v>
      </c>
      <c r="BM555" t="s">
        <v>218</v>
      </c>
      <c r="BO555" t="s">
        <v>218</v>
      </c>
    </row>
    <row r="556" spans="1:69" x14ac:dyDescent="0.25">
      <c r="A556" s="1">
        <v>30449210</v>
      </c>
      <c r="B556" t="s">
        <v>1195</v>
      </c>
      <c r="C556" t="s">
        <v>39</v>
      </c>
      <c r="D556" t="s">
        <v>942</v>
      </c>
      <c r="E556" t="s">
        <v>175</v>
      </c>
      <c r="L556" t="s">
        <v>52</v>
      </c>
      <c r="M556" s="1">
        <v>0</v>
      </c>
      <c r="N556" s="1">
        <v>0</v>
      </c>
      <c r="O556" t="s">
        <v>942</v>
      </c>
      <c r="P556" t="s">
        <v>176</v>
      </c>
      <c r="Q556" t="s">
        <v>196</v>
      </c>
      <c r="S556" t="s">
        <v>178</v>
      </c>
      <c r="T556" t="s">
        <v>175</v>
      </c>
      <c r="X556" t="s">
        <v>179</v>
      </c>
      <c r="Y556" t="s">
        <v>224</v>
      </c>
      <c r="AC556" t="s">
        <v>180</v>
      </c>
      <c r="AD556" t="s">
        <v>175</v>
      </c>
      <c r="AE556" t="s">
        <v>175</v>
      </c>
      <c r="AF556" t="s">
        <v>181</v>
      </c>
      <c r="AG556" t="s">
        <v>181</v>
      </c>
      <c r="AH556" t="s">
        <v>175</v>
      </c>
      <c r="AI556" t="s">
        <v>175</v>
      </c>
      <c r="AJ556" t="s">
        <v>175</v>
      </c>
      <c r="AK556" t="s">
        <v>175</v>
      </c>
      <c r="AL556" t="s">
        <v>52</v>
      </c>
      <c r="AM556" t="s">
        <v>185</v>
      </c>
      <c r="AN556" t="s">
        <v>182</v>
      </c>
      <c r="AO556" t="s">
        <v>184</v>
      </c>
      <c r="AP556" t="s">
        <v>183</v>
      </c>
      <c r="AQ556" t="s">
        <v>203</v>
      </c>
      <c r="AR556" t="s">
        <v>202</v>
      </c>
      <c r="AS556" t="s">
        <v>204</v>
      </c>
      <c r="AT556" t="s">
        <v>206</v>
      </c>
      <c r="AU556" t="s">
        <v>205</v>
      </c>
      <c r="AV556" t="s">
        <v>201</v>
      </c>
      <c r="AY556" t="s">
        <v>187</v>
      </c>
      <c r="AZ556" t="s">
        <v>207</v>
      </c>
      <c r="BC556" t="s">
        <v>209</v>
      </c>
      <c r="BF556" t="s">
        <v>210</v>
      </c>
      <c r="BG556" s="1">
        <v>0</v>
      </c>
      <c r="BH556" t="s">
        <v>211</v>
      </c>
      <c r="BK556" t="s">
        <v>191</v>
      </c>
      <c r="BL556" t="s">
        <v>1196</v>
      </c>
      <c r="BM556" t="s">
        <v>191</v>
      </c>
      <c r="BN556" t="s">
        <v>288</v>
      </c>
      <c r="BO556" t="s">
        <v>191</v>
      </c>
      <c r="BP556" t="s">
        <v>1197</v>
      </c>
    </row>
    <row r="557" spans="1:69" x14ac:dyDescent="0.25">
      <c r="A557" s="1">
        <v>30449212</v>
      </c>
      <c r="B557" t="s">
        <v>1927</v>
      </c>
      <c r="C557" t="s">
        <v>39</v>
      </c>
      <c r="D557" t="s">
        <v>1616</v>
      </c>
      <c r="E557" t="s">
        <v>216</v>
      </c>
      <c r="L557" t="s">
        <v>52</v>
      </c>
      <c r="M557" s="1">
        <v>0</v>
      </c>
      <c r="N557" s="1">
        <v>0</v>
      </c>
      <c r="O557" t="s">
        <v>1616</v>
      </c>
      <c r="P557" t="s">
        <v>216</v>
      </c>
      <c r="Q557" t="s">
        <v>196</v>
      </c>
      <c r="S557" s="1">
        <v>0</v>
      </c>
      <c r="T557" t="s">
        <v>197</v>
      </c>
      <c r="U557" t="s">
        <v>1928</v>
      </c>
      <c r="X557" t="s">
        <v>179</v>
      </c>
      <c r="Y557" t="s">
        <v>224</v>
      </c>
      <c r="AA557" t="s">
        <v>273</v>
      </c>
      <c r="AB557" t="s">
        <v>1929</v>
      </c>
      <c r="AC557" t="s">
        <v>180</v>
      </c>
      <c r="AD557" t="s">
        <v>175</v>
      </c>
      <c r="AE557" t="s">
        <v>181</v>
      </c>
      <c r="AF557" t="s">
        <v>230</v>
      </c>
      <c r="AG557" t="s">
        <v>175</v>
      </c>
      <c r="AH557" t="s">
        <v>175</v>
      </c>
      <c r="AI557" t="s">
        <v>175</v>
      </c>
      <c r="AJ557" t="s">
        <v>175</v>
      </c>
      <c r="AK557" t="s">
        <v>175</v>
      </c>
      <c r="AL557" t="s">
        <v>52</v>
      </c>
      <c r="AM557" s="1">
        <v>0</v>
      </c>
      <c r="AN557" s="1">
        <v>0</v>
      </c>
      <c r="AO557" s="1">
        <v>0</v>
      </c>
      <c r="AP557" s="1">
        <v>0</v>
      </c>
      <c r="AQ557" s="1">
        <v>0</v>
      </c>
      <c r="AR557" s="1">
        <v>0</v>
      </c>
      <c r="AS557" s="1">
        <v>0</v>
      </c>
      <c r="AT557" s="1">
        <v>0</v>
      </c>
      <c r="AU557" s="1">
        <v>0</v>
      </c>
      <c r="AV557" s="1">
        <v>0</v>
      </c>
      <c r="BF557" s="1">
        <v>0</v>
      </c>
      <c r="BG557" s="1">
        <v>0</v>
      </c>
      <c r="BH557" s="1">
        <v>0</v>
      </c>
      <c r="BK557" s="1">
        <v>0</v>
      </c>
      <c r="BM557" s="1">
        <v>0</v>
      </c>
      <c r="BO557" s="1">
        <v>0</v>
      </c>
    </row>
    <row r="558" spans="1:69" x14ac:dyDescent="0.25">
      <c r="A558" s="1">
        <v>30449214</v>
      </c>
      <c r="B558" t="s">
        <v>1930</v>
      </c>
      <c r="C558" t="s">
        <v>39</v>
      </c>
      <c r="D558" t="s">
        <v>1616</v>
      </c>
      <c r="E558" t="s">
        <v>175</v>
      </c>
      <c r="L558" t="s">
        <v>52</v>
      </c>
      <c r="M558" s="1">
        <v>0</v>
      </c>
      <c r="N558" s="1">
        <v>0</v>
      </c>
      <c r="O558" t="s">
        <v>1616</v>
      </c>
      <c r="P558" t="s">
        <v>216</v>
      </c>
      <c r="Q558" t="s">
        <v>238</v>
      </c>
      <c r="S558" s="1">
        <v>0</v>
      </c>
      <c r="T558" t="s">
        <v>175</v>
      </c>
      <c r="Y558" t="s">
        <v>224</v>
      </c>
      <c r="AC558" t="s">
        <v>225</v>
      </c>
      <c r="AD558" t="s">
        <v>200</v>
      </c>
      <c r="AE558" t="s">
        <v>200</v>
      </c>
      <c r="AF558" t="s">
        <v>181</v>
      </c>
      <c r="AG558" t="s">
        <v>175</v>
      </c>
      <c r="AH558" t="s">
        <v>200</v>
      </c>
      <c r="AI558" t="s">
        <v>200</v>
      </c>
      <c r="AJ558" t="s">
        <v>200</v>
      </c>
      <c r="AK558" t="s">
        <v>200</v>
      </c>
      <c r="AL558" t="s">
        <v>42</v>
      </c>
      <c r="AM558" s="1">
        <v>0</v>
      </c>
      <c r="AN558" t="s">
        <v>185</v>
      </c>
      <c r="AO558" t="s">
        <v>184</v>
      </c>
      <c r="AP558" s="1">
        <v>0</v>
      </c>
      <c r="AQ558" t="s">
        <v>182</v>
      </c>
      <c r="AR558" s="1">
        <v>0</v>
      </c>
      <c r="AS558" s="1">
        <v>0</v>
      </c>
      <c r="AT558" s="1">
        <v>0</v>
      </c>
      <c r="AU558" s="1">
        <v>0</v>
      </c>
      <c r="AV558" s="1">
        <v>0</v>
      </c>
      <c r="BF558" t="s">
        <v>292</v>
      </c>
      <c r="BG558" t="s">
        <v>301</v>
      </c>
      <c r="BH558" t="s">
        <v>190</v>
      </c>
      <c r="BK558" t="s">
        <v>191</v>
      </c>
      <c r="BL558" t="s">
        <v>1931</v>
      </c>
      <c r="BM558" t="s">
        <v>191</v>
      </c>
      <c r="BN558" t="s">
        <v>1046</v>
      </c>
      <c r="BO558" t="s">
        <v>191</v>
      </c>
    </row>
    <row r="559" spans="1:69" x14ac:dyDescent="0.25">
      <c r="A559" s="1">
        <v>30449216</v>
      </c>
      <c r="B559" t="s">
        <v>60</v>
      </c>
      <c r="C559" t="s">
        <v>39</v>
      </c>
      <c r="L559" s="1">
        <v>0</v>
      </c>
      <c r="M559" s="1">
        <v>0</v>
      </c>
      <c r="N559" s="1">
        <v>0</v>
      </c>
      <c r="O559" s="1">
        <v>0</v>
      </c>
      <c r="P559" s="1">
        <v>0</v>
      </c>
      <c r="Q559" s="1">
        <v>0</v>
      </c>
      <c r="S559" s="1">
        <v>0</v>
      </c>
      <c r="T559" s="1">
        <v>0</v>
      </c>
      <c r="AC559" s="1">
        <v>0</v>
      </c>
      <c r="AD559" s="1">
        <v>0</v>
      </c>
      <c r="AE559" s="1">
        <v>0</v>
      </c>
      <c r="AF559" s="1">
        <v>0</v>
      </c>
      <c r="AG559" s="1">
        <v>0</v>
      </c>
      <c r="AH559" s="1">
        <v>0</v>
      </c>
      <c r="AI559" s="1">
        <v>0</v>
      </c>
      <c r="AJ559" s="1">
        <v>0</v>
      </c>
      <c r="AK559" s="1">
        <v>0</v>
      </c>
      <c r="AL559" s="1">
        <v>0</v>
      </c>
      <c r="AM559" s="1">
        <v>0</v>
      </c>
      <c r="AN559" s="1">
        <v>0</v>
      </c>
      <c r="AO559" s="1">
        <v>0</v>
      </c>
      <c r="AP559" s="1">
        <v>0</v>
      </c>
      <c r="AQ559" s="1">
        <v>0</v>
      </c>
      <c r="AR559" s="1">
        <v>0</v>
      </c>
      <c r="AS559" s="1">
        <v>0</v>
      </c>
      <c r="AT559" s="1">
        <v>0</v>
      </c>
      <c r="AU559" s="1">
        <v>0</v>
      </c>
      <c r="AV559" s="1">
        <v>0</v>
      </c>
      <c r="BF559" s="1">
        <v>0</v>
      </c>
      <c r="BG559" s="1">
        <v>0</v>
      </c>
      <c r="BH559" s="1">
        <v>0</v>
      </c>
      <c r="BK559" s="1">
        <v>0</v>
      </c>
      <c r="BM559" s="1">
        <v>0</v>
      </c>
      <c r="BO559" s="1">
        <v>0</v>
      </c>
    </row>
    <row r="560" spans="1:69" x14ac:dyDescent="0.25">
      <c r="A560" s="1">
        <v>30449218</v>
      </c>
      <c r="B560" t="s">
        <v>1932</v>
      </c>
      <c r="C560" t="s">
        <v>39</v>
      </c>
      <c r="D560" t="s">
        <v>1616</v>
      </c>
      <c r="E560" t="s">
        <v>216</v>
      </c>
      <c r="L560" t="s">
        <v>52</v>
      </c>
      <c r="M560" s="1">
        <v>0</v>
      </c>
      <c r="N560" s="1">
        <v>0</v>
      </c>
      <c r="O560" t="s">
        <v>1616</v>
      </c>
      <c r="P560" t="s">
        <v>216</v>
      </c>
      <c r="Q560" t="s">
        <v>322</v>
      </c>
      <c r="S560" s="1">
        <v>0</v>
      </c>
      <c r="T560" t="s">
        <v>197</v>
      </c>
      <c r="U560" t="s">
        <v>1581</v>
      </c>
      <c r="Y560" t="s">
        <v>224</v>
      </c>
      <c r="Z560" t="s">
        <v>244</v>
      </c>
      <c r="AC560" t="s">
        <v>199</v>
      </c>
      <c r="AD560" t="s">
        <v>230</v>
      </c>
      <c r="AE560" t="s">
        <v>181</v>
      </c>
      <c r="AF560" t="s">
        <v>175</v>
      </c>
      <c r="AG560" t="s">
        <v>181</v>
      </c>
      <c r="AH560" t="s">
        <v>175</v>
      </c>
      <c r="AI560" t="s">
        <v>181</v>
      </c>
      <c r="AJ560" t="s">
        <v>181</v>
      </c>
      <c r="AK560" t="s">
        <v>230</v>
      </c>
      <c r="AL560" t="s">
        <v>52</v>
      </c>
      <c r="AM560" t="s">
        <v>201</v>
      </c>
      <c r="AN560" t="s">
        <v>204</v>
      </c>
      <c r="AO560" t="s">
        <v>185</v>
      </c>
      <c r="AP560" t="s">
        <v>184</v>
      </c>
      <c r="AQ560" t="s">
        <v>202</v>
      </c>
      <c r="AR560" t="s">
        <v>203</v>
      </c>
      <c r="AS560" t="s">
        <v>183</v>
      </c>
      <c r="AT560" t="s">
        <v>206</v>
      </c>
      <c r="AU560" t="s">
        <v>205</v>
      </c>
      <c r="AV560" t="s">
        <v>182</v>
      </c>
      <c r="AW560" t="s">
        <v>1581</v>
      </c>
      <c r="AX560" t="s">
        <v>186</v>
      </c>
      <c r="AZ560" t="s">
        <v>207</v>
      </c>
      <c r="BF560" t="s">
        <v>49</v>
      </c>
      <c r="BG560" s="1">
        <v>0</v>
      </c>
      <c r="BH560" t="s">
        <v>211</v>
      </c>
      <c r="BK560" t="s">
        <v>191</v>
      </c>
      <c r="BL560" t="s">
        <v>1933</v>
      </c>
      <c r="BM560" t="s">
        <v>218</v>
      </c>
      <c r="BN560" t="s">
        <v>1581</v>
      </c>
      <c r="BO560" t="s">
        <v>218</v>
      </c>
      <c r="BP560" t="s">
        <v>1934</v>
      </c>
      <c r="BQ560" t="s">
        <v>1581</v>
      </c>
    </row>
    <row r="561" spans="1:69" x14ac:dyDescent="0.25">
      <c r="A561" s="1">
        <v>30449220</v>
      </c>
      <c r="B561" t="s">
        <v>3336</v>
      </c>
      <c r="C561" t="s">
        <v>39</v>
      </c>
      <c r="D561" t="s">
        <v>3138</v>
      </c>
      <c r="E561" t="s">
        <v>200</v>
      </c>
      <c r="L561" t="s">
        <v>52</v>
      </c>
      <c r="M561" s="1">
        <v>0</v>
      </c>
      <c r="N561" s="1">
        <v>0</v>
      </c>
      <c r="O561" t="s">
        <v>3139</v>
      </c>
      <c r="P561" t="s">
        <v>216</v>
      </c>
      <c r="Q561" t="s">
        <v>273</v>
      </c>
      <c r="R561" t="s">
        <v>3337</v>
      </c>
      <c r="S561" s="1">
        <v>0</v>
      </c>
      <c r="T561" t="s">
        <v>200</v>
      </c>
      <c r="AA561" t="s">
        <v>273</v>
      </c>
      <c r="AB561" t="s">
        <v>3338</v>
      </c>
      <c r="AC561" t="s">
        <v>199</v>
      </c>
      <c r="AD561" t="s">
        <v>175</v>
      </c>
      <c r="AE561" t="s">
        <v>175</v>
      </c>
      <c r="AF561" t="s">
        <v>175</v>
      </c>
      <c r="AG561" t="s">
        <v>175</v>
      </c>
      <c r="AH561" t="s">
        <v>175</v>
      </c>
      <c r="AI561" t="s">
        <v>175</v>
      </c>
      <c r="AJ561" t="s">
        <v>175</v>
      </c>
      <c r="AK561" t="s">
        <v>175</v>
      </c>
      <c r="AL561" t="s">
        <v>42</v>
      </c>
      <c r="AM561" t="s">
        <v>201</v>
      </c>
      <c r="AN561" t="s">
        <v>182</v>
      </c>
      <c r="AO561" t="s">
        <v>185</v>
      </c>
      <c r="AP561" t="s">
        <v>183</v>
      </c>
      <c r="AQ561" t="s">
        <v>184</v>
      </c>
      <c r="AR561" t="s">
        <v>202</v>
      </c>
      <c r="AS561" t="s">
        <v>203</v>
      </c>
      <c r="AT561" t="s">
        <v>206</v>
      </c>
      <c r="AU561" t="s">
        <v>204</v>
      </c>
      <c r="AV561" t="s">
        <v>205</v>
      </c>
      <c r="AX561" t="s">
        <v>186</v>
      </c>
      <c r="AZ561" t="s">
        <v>207</v>
      </c>
      <c r="BA561" t="s">
        <v>188</v>
      </c>
      <c r="BF561" t="s">
        <v>210</v>
      </c>
      <c r="BG561" s="1">
        <v>0</v>
      </c>
      <c r="BH561" t="s">
        <v>211</v>
      </c>
      <c r="BK561" t="s">
        <v>191</v>
      </c>
      <c r="BL561" t="s">
        <v>3339</v>
      </c>
      <c r="BM561" t="s">
        <v>191</v>
      </c>
      <c r="BN561" t="s">
        <v>3340</v>
      </c>
      <c r="BO561" t="s">
        <v>218</v>
      </c>
      <c r="BP561" t="s">
        <v>3341</v>
      </c>
      <c r="BQ561" t="s">
        <v>3342</v>
      </c>
    </row>
    <row r="562" spans="1:69" x14ac:dyDescent="0.25">
      <c r="A562" s="1">
        <v>30449222</v>
      </c>
      <c r="B562" t="s">
        <v>1935</v>
      </c>
      <c r="C562" t="s">
        <v>39</v>
      </c>
      <c r="D562" t="s">
        <v>1616</v>
      </c>
      <c r="E562" t="s">
        <v>195</v>
      </c>
      <c r="L562" t="s">
        <v>52</v>
      </c>
      <c r="M562" s="1">
        <v>0</v>
      </c>
      <c r="N562" s="1">
        <v>0</v>
      </c>
      <c r="O562" t="s">
        <v>1616</v>
      </c>
      <c r="P562" t="s">
        <v>176</v>
      </c>
      <c r="Q562" t="s">
        <v>177</v>
      </c>
      <c r="S562" t="s">
        <v>315</v>
      </c>
      <c r="T562" t="s">
        <v>49</v>
      </c>
      <c r="AA562" t="s">
        <v>273</v>
      </c>
      <c r="AB562" t="s">
        <v>1936</v>
      </c>
      <c r="AC562" t="s">
        <v>225</v>
      </c>
      <c r="AD562" t="s">
        <v>181</v>
      </c>
      <c r="AE562" t="s">
        <v>181</v>
      </c>
      <c r="AF562" t="s">
        <v>181</v>
      </c>
      <c r="AG562" t="s">
        <v>181</v>
      </c>
      <c r="AH562" t="s">
        <v>181</v>
      </c>
      <c r="AI562" t="s">
        <v>181</v>
      </c>
      <c r="AJ562" t="s">
        <v>181</v>
      </c>
      <c r="AK562" t="s">
        <v>181</v>
      </c>
      <c r="AL562" t="s">
        <v>52</v>
      </c>
      <c r="AM562" s="1">
        <v>0</v>
      </c>
      <c r="AN562" s="1">
        <v>0</v>
      </c>
      <c r="AO562" s="1">
        <v>0</v>
      </c>
      <c r="AP562" s="1">
        <v>0</v>
      </c>
      <c r="AQ562" s="1">
        <v>0</v>
      </c>
      <c r="AR562" s="1">
        <v>0</v>
      </c>
      <c r="AS562" s="1">
        <v>0</v>
      </c>
      <c r="AT562" s="1">
        <v>0</v>
      </c>
      <c r="AU562" s="1">
        <v>0</v>
      </c>
      <c r="AV562" s="1">
        <v>0</v>
      </c>
      <c r="AZ562" t="s">
        <v>207</v>
      </c>
      <c r="BF562" t="s">
        <v>49</v>
      </c>
      <c r="BG562" s="1">
        <v>0</v>
      </c>
      <c r="BH562" t="s">
        <v>190</v>
      </c>
      <c r="BK562" t="s">
        <v>191</v>
      </c>
      <c r="BL562" t="s">
        <v>1937</v>
      </c>
      <c r="BM562" t="s">
        <v>191</v>
      </c>
      <c r="BN562" t="s">
        <v>1938</v>
      </c>
      <c r="BO562" t="s">
        <v>191</v>
      </c>
      <c r="BP562" t="s">
        <v>1939</v>
      </c>
      <c r="BQ562" t="s">
        <v>1940</v>
      </c>
    </row>
    <row r="563" spans="1:69" x14ac:dyDescent="0.25">
      <c r="A563" s="1">
        <v>30449224</v>
      </c>
      <c r="B563" t="s">
        <v>469</v>
      </c>
      <c r="C563" t="s">
        <v>39</v>
      </c>
      <c r="D563" t="s">
        <v>174</v>
      </c>
      <c r="E563" t="s">
        <v>175</v>
      </c>
      <c r="L563" t="s">
        <v>42</v>
      </c>
      <c r="M563" t="s">
        <v>52</v>
      </c>
      <c r="N563" t="s">
        <v>470</v>
      </c>
      <c r="O563" t="s">
        <v>174</v>
      </c>
      <c r="P563" t="s">
        <v>216</v>
      </c>
      <c r="Q563" t="s">
        <v>322</v>
      </c>
      <c r="S563" s="1">
        <v>0</v>
      </c>
      <c r="T563" t="s">
        <v>175</v>
      </c>
      <c r="V563" t="s">
        <v>397</v>
      </c>
      <c r="AC563" t="s">
        <v>199</v>
      </c>
      <c r="AD563" t="s">
        <v>230</v>
      </c>
      <c r="AE563" t="s">
        <v>230</v>
      </c>
      <c r="AF563" t="s">
        <v>230</v>
      </c>
      <c r="AG563" t="s">
        <v>230</v>
      </c>
      <c r="AH563" t="s">
        <v>200</v>
      </c>
      <c r="AI563" t="s">
        <v>200</v>
      </c>
      <c r="AJ563" t="s">
        <v>175</v>
      </c>
      <c r="AK563" t="s">
        <v>200</v>
      </c>
      <c r="AL563" t="s">
        <v>42</v>
      </c>
      <c r="AM563" s="1">
        <v>0</v>
      </c>
      <c r="AN563" s="1">
        <v>0</v>
      </c>
      <c r="AO563" s="1">
        <v>0</v>
      </c>
      <c r="AP563" s="1">
        <v>0</v>
      </c>
      <c r="AQ563" s="1">
        <v>0</v>
      </c>
      <c r="AR563" s="1">
        <v>0</v>
      </c>
      <c r="AS563" s="1">
        <v>0</v>
      </c>
      <c r="AT563" s="1">
        <v>0</v>
      </c>
      <c r="AU563" s="1">
        <v>0</v>
      </c>
      <c r="AV563" s="1">
        <v>0</v>
      </c>
      <c r="AY563" t="s">
        <v>187</v>
      </c>
      <c r="AZ563" t="s">
        <v>207</v>
      </c>
      <c r="BB563" t="s">
        <v>208</v>
      </c>
      <c r="BF563" t="s">
        <v>210</v>
      </c>
      <c r="BG563" s="1">
        <v>0</v>
      </c>
      <c r="BH563" t="s">
        <v>247</v>
      </c>
      <c r="BK563" t="s">
        <v>218</v>
      </c>
      <c r="BL563" t="s">
        <v>471</v>
      </c>
      <c r="BM563" s="1">
        <v>0</v>
      </c>
      <c r="BO563" s="1">
        <v>0</v>
      </c>
    </row>
    <row r="564" spans="1:69" x14ac:dyDescent="0.25">
      <c r="A564" s="1">
        <v>30449225</v>
      </c>
      <c r="B564" t="s">
        <v>1941</v>
      </c>
      <c r="C564" t="s">
        <v>39</v>
      </c>
      <c r="D564" t="s">
        <v>1616</v>
      </c>
      <c r="E564" t="s">
        <v>195</v>
      </c>
      <c r="L564" t="s">
        <v>52</v>
      </c>
      <c r="M564" s="1">
        <v>0</v>
      </c>
      <c r="N564" s="1">
        <v>0</v>
      </c>
      <c r="O564" t="s">
        <v>1616</v>
      </c>
      <c r="P564" t="s">
        <v>176</v>
      </c>
      <c r="Q564" t="s">
        <v>196</v>
      </c>
      <c r="S564" t="s">
        <v>349</v>
      </c>
      <c r="T564" t="s">
        <v>197</v>
      </c>
      <c r="X564" t="s">
        <v>179</v>
      </c>
      <c r="AC564" t="s">
        <v>199</v>
      </c>
      <c r="AD564" t="s">
        <v>175</v>
      </c>
      <c r="AE564" t="s">
        <v>175</v>
      </c>
      <c r="AF564" t="s">
        <v>181</v>
      </c>
      <c r="AG564" t="s">
        <v>175</v>
      </c>
      <c r="AH564" t="s">
        <v>175</v>
      </c>
      <c r="AI564" t="s">
        <v>175</v>
      </c>
      <c r="AJ564" t="s">
        <v>175</v>
      </c>
      <c r="AK564" t="s">
        <v>175</v>
      </c>
      <c r="AL564" t="s">
        <v>42</v>
      </c>
      <c r="AM564" t="s">
        <v>184</v>
      </c>
      <c r="AN564" t="s">
        <v>185</v>
      </c>
      <c r="AO564" t="s">
        <v>182</v>
      </c>
      <c r="AP564" t="s">
        <v>202</v>
      </c>
      <c r="AQ564" t="s">
        <v>201</v>
      </c>
      <c r="AR564" t="s">
        <v>183</v>
      </c>
      <c r="AS564" t="s">
        <v>204</v>
      </c>
      <c r="AT564" t="s">
        <v>206</v>
      </c>
      <c r="AU564" t="s">
        <v>205</v>
      </c>
      <c r="AV564" t="s">
        <v>203</v>
      </c>
      <c r="BF564" s="1">
        <v>0</v>
      </c>
      <c r="BG564" s="1">
        <v>0</v>
      </c>
      <c r="BH564" s="1">
        <v>0</v>
      </c>
      <c r="BK564" s="1">
        <v>0</v>
      </c>
      <c r="BM564" s="1">
        <v>0</v>
      </c>
      <c r="BO564" s="1">
        <v>0</v>
      </c>
    </row>
    <row r="565" spans="1:69" x14ac:dyDescent="0.25">
      <c r="A565" s="1">
        <v>30449226</v>
      </c>
      <c r="B565" t="s">
        <v>1198</v>
      </c>
      <c r="C565" t="s">
        <v>39</v>
      </c>
      <c r="D565" t="s">
        <v>942</v>
      </c>
      <c r="E565" t="s">
        <v>200</v>
      </c>
      <c r="L565" t="s">
        <v>52</v>
      </c>
      <c r="M565" s="1">
        <v>0</v>
      </c>
      <c r="N565" s="1">
        <v>0</v>
      </c>
      <c r="O565" t="s">
        <v>942</v>
      </c>
      <c r="P565" t="s">
        <v>176</v>
      </c>
      <c r="Q565" t="s">
        <v>177</v>
      </c>
      <c r="S565" t="s">
        <v>222</v>
      </c>
      <c r="T565" t="s">
        <v>200</v>
      </c>
      <c r="AA565" t="s">
        <v>273</v>
      </c>
      <c r="AC565" t="s">
        <v>225</v>
      </c>
      <c r="AD565" t="s">
        <v>200</v>
      </c>
      <c r="AE565" t="s">
        <v>200</v>
      </c>
      <c r="AF565" t="s">
        <v>200</v>
      </c>
      <c r="AG565" t="s">
        <v>200</v>
      </c>
      <c r="AH565" t="s">
        <v>200</v>
      </c>
      <c r="AI565" t="s">
        <v>200</v>
      </c>
      <c r="AJ565" t="s">
        <v>200</v>
      </c>
      <c r="AK565" t="s">
        <v>200</v>
      </c>
      <c r="AL565" t="s">
        <v>42</v>
      </c>
      <c r="AM565" t="s">
        <v>202</v>
      </c>
      <c r="AN565" t="s">
        <v>182</v>
      </c>
      <c r="AO565" t="s">
        <v>203</v>
      </c>
      <c r="AP565" t="s">
        <v>206</v>
      </c>
      <c r="AQ565" t="s">
        <v>204</v>
      </c>
      <c r="AR565" t="s">
        <v>201</v>
      </c>
      <c r="AS565" t="s">
        <v>185</v>
      </c>
      <c r="AT565" t="s">
        <v>205</v>
      </c>
      <c r="AU565" t="s">
        <v>183</v>
      </c>
      <c r="AV565" t="s">
        <v>184</v>
      </c>
      <c r="AW565" t="s">
        <v>1199</v>
      </c>
      <c r="AX565" t="s">
        <v>186</v>
      </c>
      <c r="AY565" t="s">
        <v>187</v>
      </c>
      <c r="AZ565" t="s">
        <v>207</v>
      </c>
      <c r="BA565" t="s">
        <v>188</v>
      </c>
      <c r="BF565" t="s">
        <v>210</v>
      </c>
      <c r="BG565" s="1">
        <v>0</v>
      </c>
      <c r="BH565" t="s">
        <v>464</v>
      </c>
      <c r="BK565" t="s">
        <v>191</v>
      </c>
      <c r="BL565" t="s">
        <v>1200</v>
      </c>
      <c r="BM565" t="s">
        <v>218</v>
      </c>
      <c r="BO565" t="s">
        <v>218</v>
      </c>
      <c r="BP565" t="s">
        <v>1201</v>
      </c>
      <c r="BQ565" t="s">
        <v>225</v>
      </c>
    </row>
    <row r="566" spans="1:69" x14ac:dyDescent="0.25">
      <c r="A566" s="1">
        <v>30449228</v>
      </c>
      <c r="B566" t="s">
        <v>61</v>
      </c>
      <c r="C566" t="s">
        <v>39</v>
      </c>
      <c r="L566" t="s">
        <v>42</v>
      </c>
      <c r="M566" t="s">
        <v>42</v>
      </c>
      <c r="N566" s="1">
        <v>0</v>
      </c>
      <c r="O566" s="1">
        <v>0</v>
      </c>
      <c r="P566" s="1">
        <v>0</v>
      </c>
      <c r="Q566" s="1">
        <v>0</v>
      </c>
      <c r="S566" s="1">
        <v>0</v>
      </c>
      <c r="T566" s="1">
        <v>0</v>
      </c>
      <c r="AC566" s="1">
        <v>0</v>
      </c>
      <c r="AD566" s="1">
        <v>0</v>
      </c>
      <c r="AE566" s="1">
        <v>0</v>
      </c>
      <c r="AF566" s="1">
        <v>0</v>
      </c>
      <c r="AG566" s="1">
        <v>0</v>
      </c>
      <c r="AH566" s="1">
        <v>0</v>
      </c>
      <c r="AI566" s="1">
        <v>0</v>
      </c>
      <c r="AJ566" s="1">
        <v>0</v>
      </c>
      <c r="AK566" s="1">
        <v>0</v>
      </c>
      <c r="AL566" s="1">
        <v>0</v>
      </c>
      <c r="AM566" s="1">
        <v>0</v>
      </c>
      <c r="AN566" s="1">
        <v>0</v>
      </c>
      <c r="AO566" s="1">
        <v>0</v>
      </c>
      <c r="AP566" s="1">
        <v>0</v>
      </c>
      <c r="AQ566" s="1">
        <v>0</v>
      </c>
      <c r="AR566" s="1">
        <v>0</v>
      </c>
      <c r="AS566" s="1">
        <v>0</v>
      </c>
      <c r="AT566" s="1">
        <v>0</v>
      </c>
      <c r="AU566" s="1">
        <v>0</v>
      </c>
      <c r="AV566" s="1">
        <v>0</v>
      </c>
      <c r="BF566" s="1">
        <v>0</v>
      </c>
      <c r="BG566" s="1">
        <v>0</v>
      </c>
      <c r="BH566" s="1">
        <v>0</v>
      </c>
      <c r="BK566" s="1">
        <v>0</v>
      </c>
      <c r="BM566" s="1">
        <v>0</v>
      </c>
      <c r="BO566" s="1">
        <v>0</v>
      </c>
    </row>
    <row r="567" spans="1:69" x14ac:dyDescent="0.25">
      <c r="A567" s="1">
        <v>30449234</v>
      </c>
      <c r="B567" t="s">
        <v>1942</v>
      </c>
      <c r="C567" t="s">
        <v>39</v>
      </c>
      <c r="D567" t="s">
        <v>1616</v>
      </c>
      <c r="E567" t="s">
        <v>200</v>
      </c>
      <c r="L567" t="s">
        <v>52</v>
      </c>
      <c r="M567" s="1">
        <v>0</v>
      </c>
      <c r="N567" s="1">
        <v>0</v>
      </c>
      <c r="O567" t="s">
        <v>1616</v>
      </c>
      <c r="P567" t="s">
        <v>216</v>
      </c>
      <c r="Q567" t="s">
        <v>177</v>
      </c>
      <c r="S567" s="1">
        <v>0</v>
      </c>
      <c r="T567" t="s">
        <v>200</v>
      </c>
      <c r="Y567" t="s">
        <v>224</v>
      </c>
      <c r="AC567" t="s">
        <v>266</v>
      </c>
      <c r="AD567" t="s">
        <v>175</v>
      </c>
      <c r="AE567" t="s">
        <v>175</v>
      </c>
      <c r="AF567" t="s">
        <v>181</v>
      </c>
      <c r="AG567" t="s">
        <v>175</v>
      </c>
      <c r="AH567" t="s">
        <v>200</v>
      </c>
      <c r="AI567" t="s">
        <v>181</v>
      </c>
      <c r="AJ567" t="s">
        <v>181</v>
      </c>
      <c r="AK567" t="s">
        <v>181</v>
      </c>
      <c r="AL567" t="s">
        <v>42</v>
      </c>
      <c r="AM567" t="s">
        <v>183</v>
      </c>
      <c r="AN567" t="s">
        <v>184</v>
      </c>
      <c r="AO567" t="s">
        <v>201</v>
      </c>
      <c r="AP567" t="s">
        <v>204</v>
      </c>
      <c r="AQ567" t="s">
        <v>206</v>
      </c>
      <c r="AR567" t="s">
        <v>203</v>
      </c>
      <c r="AS567" t="s">
        <v>202</v>
      </c>
      <c r="AT567" t="s">
        <v>185</v>
      </c>
      <c r="AU567" t="s">
        <v>205</v>
      </c>
      <c r="AV567" t="s">
        <v>182</v>
      </c>
      <c r="AY567" t="s">
        <v>187</v>
      </c>
      <c r="AZ567" t="s">
        <v>207</v>
      </c>
      <c r="BC567" t="s">
        <v>209</v>
      </c>
      <c r="BF567" t="s">
        <v>210</v>
      </c>
      <c r="BG567" s="1">
        <v>0</v>
      </c>
      <c r="BH567" t="s">
        <v>211</v>
      </c>
      <c r="BK567" t="s">
        <v>191</v>
      </c>
      <c r="BL567" t="s">
        <v>1943</v>
      </c>
      <c r="BM567" t="s">
        <v>191</v>
      </c>
      <c r="BN567" t="s">
        <v>1944</v>
      </c>
      <c r="BO567" t="s">
        <v>191</v>
      </c>
      <c r="BP567" t="s">
        <v>1945</v>
      </c>
    </row>
    <row r="568" spans="1:69" x14ac:dyDescent="0.25">
      <c r="A568" s="1">
        <v>30449236</v>
      </c>
      <c r="B568" t="s">
        <v>472</v>
      </c>
      <c r="C568" t="s">
        <v>39</v>
      </c>
      <c r="D568" t="s">
        <v>174</v>
      </c>
      <c r="E568" t="s">
        <v>216</v>
      </c>
      <c r="L568" t="s">
        <v>52</v>
      </c>
      <c r="M568" s="1">
        <v>0</v>
      </c>
      <c r="N568" s="1">
        <v>0</v>
      </c>
      <c r="O568" t="s">
        <v>174</v>
      </c>
      <c r="P568" t="s">
        <v>216</v>
      </c>
      <c r="Q568" t="s">
        <v>322</v>
      </c>
      <c r="S568" s="1">
        <v>0</v>
      </c>
      <c r="T568" t="s">
        <v>197</v>
      </c>
      <c r="X568" t="s">
        <v>179</v>
      </c>
      <c r="AC568" t="s">
        <v>225</v>
      </c>
      <c r="AD568" t="s">
        <v>181</v>
      </c>
      <c r="AE568" t="s">
        <v>181</v>
      </c>
      <c r="AF568" t="s">
        <v>181</v>
      </c>
      <c r="AG568" t="s">
        <v>181</v>
      </c>
      <c r="AH568" t="s">
        <v>181</v>
      </c>
      <c r="AI568" t="s">
        <v>181</v>
      </c>
      <c r="AJ568" t="s">
        <v>181</v>
      </c>
      <c r="AK568" t="s">
        <v>181</v>
      </c>
      <c r="AL568" t="s">
        <v>52</v>
      </c>
      <c r="AM568" t="s">
        <v>205</v>
      </c>
      <c r="AN568" t="s">
        <v>185</v>
      </c>
      <c r="AO568" t="s">
        <v>204</v>
      </c>
      <c r="AP568" t="s">
        <v>203</v>
      </c>
      <c r="AQ568" t="s">
        <v>201</v>
      </c>
      <c r="AR568" t="s">
        <v>183</v>
      </c>
      <c r="AS568" t="s">
        <v>202</v>
      </c>
      <c r="AT568" t="s">
        <v>184</v>
      </c>
      <c r="AU568" t="s">
        <v>182</v>
      </c>
      <c r="AV568" t="s">
        <v>206</v>
      </c>
      <c r="AX568" t="s">
        <v>186</v>
      </c>
      <c r="AY568" t="s">
        <v>187</v>
      </c>
      <c r="AZ568" t="s">
        <v>207</v>
      </c>
      <c r="BA568" t="s">
        <v>188</v>
      </c>
      <c r="BB568" t="s">
        <v>208</v>
      </c>
      <c r="BC568" t="s">
        <v>209</v>
      </c>
      <c r="BF568" t="s">
        <v>189</v>
      </c>
      <c r="BG568" s="1">
        <v>0</v>
      </c>
      <c r="BH568" t="s">
        <v>190</v>
      </c>
      <c r="BK568" s="1">
        <v>0</v>
      </c>
      <c r="BL568" t="s">
        <v>473</v>
      </c>
      <c r="BM568" s="1">
        <v>0</v>
      </c>
      <c r="BN568" t="s">
        <v>474</v>
      </c>
      <c r="BO568" t="s">
        <v>218</v>
      </c>
      <c r="BP568" t="s">
        <v>475</v>
      </c>
    </row>
    <row r="569" spans="1:69" x14ac:dyDescent="0.25">
      <c r="A569" s="1">
        <v>30449239</v>
      </c>
      <c r="B569" t="s">
        <v>4027</v>
      </c>
      <c r="C569" t="s">
        <v>39</v>
      </c>
      <c r="D569" t="s">
        <v>3727</v>
      </c>
      <c r="E569" t="s">
        <v>195</v>
      </c>
      <c r="L569" t="s">
        <v>52</v>
      </c>
      <c r="M569" s="1">
        <v>0</v>
      </c>
      <c r="N569" s="1">
        <v>0</v>
      </c>
      <c r="O569" t="s">
        <v>3728</v>
      </c>
      <c r="P569" t="s">
        <v>176</v>
      </c>
      <c r="Q569" t="s">
        <v>177</v>
      </c>
      <c r="S569" t="s">
        <v>178</v>
      </c>
      <c r="T569" t="s">
        <v>297</v>
      </c>
      <c r="U569" t="s">
        <v>4028</v>
      </c>
      <c r="W569" t="s">
        <v>262</v>
      </c>
      <c r="X569" t="s">
        <v>179</v>
      </c>
      <c r="Y569" t="s">
        <v>224</v>
      </c>
      <c r="AC569" t="s">
        <v>266</v>
      </c>
      <c r="AD569" t="s">
        <v>175</v>
      </c>
      <c r="AE569" t="s">
        <v>230</v>
      </c>
      <c r="AF569" t="s">
        <v>230</v>
      </c>
      <c r="AG569" t="s">
        <v>175</v>
      </c>
      <c r="AH569" t="s">
        <v>175</v>
      </c>
      <c r="AI569" t="s">
        <v>230</v>
      </c>
      <c r="AJ569" t="s">
        <v>299</v>
      </c>
      <c r="AK569" t="s">
        <v>230</v>
      </c>
      <c r="AL569" t="s">
        <v>42</v>
      </c>
      <c r="AM569" t="s">
        <v>182</v>
      </c>
      <c r="AN569" t="s">
        <v>184</v>
      </c>
      <c r="AO569" s="1">
        <v>0</v>
      </c>
      <c r="AP569" t="s">
        <v>185</v>
      </c>
      <c r="AQ569" s="1">
        <v>0</v>
      </c>
      <c r="AR569" s="1">
        <v>0</v>
      </c>
      <c r="AS569" s="1">
        <v>0</v>
      </c>
      <c r="AT569" s="1">
        <v>0</v>
      </c>
      <c r="AU569" s="1">
        <v>0</v>
      </c>
      <c r="AV569" s="1">
        <v>0</v>
      </c>
      <c r="AZ569" t="s">
        <v>207</v>
      </c>
      <c r="BB569" t="s">
        <v>208</v>
      </c>
      <c r="BF569" t="s">
        <v>189</v>
      </c>
      <c r="BG569" s="1">
        <v>0</v>
      </c>
      <c r="BH569" t="s">
        <v>302</v>
      </c>
      <c r="BI569" t="s">
        <v>4029</v>
      </c>
      <c r="BK569" t="s">
        <v>191</v>
      </c>
      <c r="BL569" t="s">
        <v>1892</v>
      </c>
      <c r="BM569" t="s">
        <v>191</v>
      </c>
      <c r="BN569" t="s">
        <v>4030</v>
      </c>
      <c r="BO569" t="s">
        <v>191</v>
      </c>
      <c r="BP569" t="s">
        <v>1892</v>
      </c>
    </row>
    <row r="570" spans="1:69" x14ac:dyDescent="0.25">
      <c r="A570" s="1">
        <v>30449243</v>
      </c>
      <c r="B570" t="s">
        <v>3343</v>
      </c>
      <c r="C570" t="s">
        <v>39</v>
      </c>
      <c r="D570" t="s">
        <v>3138</v>
      </c>
      <c r="E570" t="s">
        <v>175</v>
      </c>
      <c r="L570" t="s">
        <v>52</v>
      </c>
      <c r="M570" s="1">
        <v>0</v>
      </c>
      <c r="N570" s="1">
        <v>0</v>
      </c>
      <c r="O570" t="s">
        <v>3139</v>
      </c>
      <c r="P570" t="s">
        <v>176</v>
      </c>
      <c r="Q570" t="s">
        <v>177</v>
      </c>
      <c r="S570" t="s">
        <v>178</v>
      </c>
      <c r="T570" t="s">
        <v>175</v>
      </c>
      <c r="Y570" t="s">
        <v>224</v>
      </c>
      <c r="AC570" t="s">
        <v>199</v>
      </c>
      <c r="AD570" t="s">
        <v>181</v>
      </c>
      <c r="AE570" t="s">
        <v>181</v>
      </c>
      <c r="AF570" t="s">
        <v>230</v>
      </c>
      <c r="AG570" t="s">
        <v>181</v>
      </c>
      <c r="AH570" t="s">
        <v>175</v>
      </c>
      <c r="AI570" t="s">
        <v>175</v>
      </c>
      <c r="AJ570" t="s">
        <v>181</v>
      </c>
      <c r="AK570" t="s">
        <v>175</v>
      </c>
      <c r="AL570" t="s">
        <v>42</v>
      </c>
      <c r="AM570" t="s">
        <v>183</v>
      </c>
      <c r="AN570" t="s">
        <v>182</v>
      </c>
      <c r="AO570" t="s">
        <v>185</v>
      </c>
      <c r="AP570" t="s">
        <v>184</v>
      </c>
      <c r="AQ570" t="s">
        <v>203</v>
      </c>
      <c r="AR570" t="s">
        <v>206</v>
      </c>
      <c r="AS570" t="s">
        <v>202</v>
      </c>
      <c r="AT570" t="s">
        <v>205</v>
      </c>
      <c r="AU570" t="s">
        <v>204</v>
      </c>
      <c r="AV570" t="s">
        <v>201</v>
      </c>
      <c r="AX570" t="s">
        <v>186</v>
      </c>
      <c r="AY570" t="s">
        <v>187</v>
      </c>
      <c r="AZ570" t="s">
        <v>207</v>
      </c>
      <c r="BF570" t="s">
        <v>49</v>
      </c>
      <c r="BG570" s="1">
        <v>0</v>
      </c>
      <c r="BH570" t="s">
        <v>211</v>
      </c>
      <c r="BK570" t="s">
        <v>191</v>
      </c>
      <c r="BM570" t="s">
        <v>218</v>
      </c>
      <c r="BO570" t="s">
        <v>218</v>
      </c>
    </row>
    <row r="571" spans="1:69" x14ac:dyDescent="0.25">
      <c r="A571" s="1">
        <v>30449244</v>
      </c>
      <c r="B571" t="s">
        <v>1202</v>
      </c>
      <c r="C571" t="s">
        <v>39</v>
      </c>
      <c r="D571" t="s">
        <v>942</v>
      </c>
      <c r="E571" t="s">
        <v>200</v>
      </c>
      <c r="L571" t="s">
        <v>52</v>
      </c>
      <c r="M571" s="1">
        <v>0</v>
      </c>
      <c r="N571" s="1">
        <v>0</v>
      </c>
      <c r="O571" t="s">
        <v>942</v>
      </c>
      <c r="P571" t="s">
        <v>176</v>
      </c>
      <c r="Q571" t="s">
        <v>196</v>
      </c>
      <c r="S571" t="s">
        <v>349</v>
      </c>
      <c r="T571" t="s">
        <v>200</v>
      </c>
      <c r="Y571" t="s">
        <v>224</v>
      </c>
      <c r="AC571" t="s">
        <v>266</v>
      </c>
      <c r="AD571" t="s">
        <v>175</v>
      </c>
      <c r="AE571" t="s">
        <v>181</v>
      </c>
      <c r="AF571" t="s">
        <v>181</v>
      </c>
      <c r="AG571" t="s">
        <v>175</v>
      </c>
      <c r="AH571" t="s">
        <v>175</v>
      </c>
      <c r="AI571" t="s">
        <v>175</v>
      </c>
      <c r="AJ571" t="s">
        <v>175</v>
      </c>
      <c r="AK571" t="s">
        <v>175</v>
      </c>
      <c r="AL571" t="s">
        <v>52</v>
      </c>
      <c r="AM571" t="s">
        <v>184</v>
      </c>
      <c r="AN571" t="s">
        <v>201</v>
      </c>
      <c r="AO571" t="s">
        <v>182</v>
      </c>
      <c r="AP571" t="s">
        <v>185</v>
      </c>
      <c r="AQ571" t="s">
        <v>202</v>
      </c>
      <c r="AR571" t="s">
        <v>203</v>
      </c>
      <c r="AS571" t="s">
        <v>206</v>
      </c>
      <c r="AT571" t="s">
        <v>204</v>
      </c>
      <c r="AU571" t="s">
        <v>205</v>
      </c>
      <c r="AV571" t="s">
        <v>183</v>
      </c>
      <c r="AX571" t="s">
        <v>186</v>
      </c>
      <c r="AY571" t="s">
        <v>187</v>
      </c>
      <c r="AZ571" t="s">
        <v>207</v>
      </c>
      <c r="BC571" t="s">
        <v>209</v>
      </c>
      <c r="BF571" t="s">
        <v>232</v>
      </c>
      <c r="BG571" t="s">
        <v>276</v>
      </c>
      <c r="BH571" t="s">
        <v>211</v>
      </c>
      <c r="BK571" t="s">
        <v>191</v>
      </c>
      <c r="BL571" t="s">
        <v>1203</v>
      </c>
      <c r="BM571" t="s">
        <v>191</v>
      </c>
      <c r="BN571" t="s">
        <v>1204</v>
      </c>
      <c r="BO571" t="s">
        <v>191</v>
      </c>
      <c r="BP571" t="s">
        <v>1205</v>
      </c>
    </row>
    <row r="572" spans="1:69" x14ac:dyDescent="0.25">
      <c r="A572" s="1">
        <v>30449245</v>
      </c>
      <c r="B572" t="s">
        <v>4031</v>
      </c>
      <c r="C572" t="s">
        <v>39</v>
      </c>
      <c r="D572" t="s">
        <v>3727</v>
      </c>
      <c r="E572" t="s">
        <v>195</v>
      </c>
      <c r="L572" t="s">
        <v>52</v>
      </c>
      <c r="M572" s="1">
        <v>0</v>
      </c>
      <c r="N572" s="1">
        <v>0</v>
      </c>
      <c r="O572" t="s">
        <v>3728</v>
      </c>
      <c r="P572" t="s">
        <v>176</v>
      </c>
      <c r="Q572" t="s">
        <v>238</v>
      </c>
      <c r="S572" t="s">
        <v>178</v>
      </c>
      <c r="T572" t="s">
        <v>197</v>
      </c>
      <c r="U572" t="s">
        <v>4032</v>
      </c>
      <c r="W572" t="s">
        <v>262</v>
      </c>
      <c r="X572" t="s">
        <v>179</v>
      </c>
      <c r="AC572" t="s">
        <v>609</v>
      </c>
      <c r="AD572" t="s">
        <v>175</v>
      </c>
      <c r="AE572" t="s">
        <v>175</v>
      </c>
      <c r="AF572" t="s">
        <v>175</v>
      </c>
      <c r="AG572" t="s">
        <v>175</v>
      </c>
      <c r="AH572" t="s">
        <v>175</v>
      </c>
      <c r="AI572" t="s">
        <v>175</v>
      </c>
      <c r="AJ572" t="s">
        <v>175</v>
      </c>
      <c r="AK572" t="s">
        <v>175</v>
      </c>
      <c r="AL572" t="s">
        <v>42</v>
      </c>
      <c r="AM572" s="1">
        <v>0</v>
      </c>
      <c r="AN572" s="1">
        <v>0</v>
      </c>
      <c r="AO572" s="1">
        <v>0</v>
      </c>
      <c r="AP572" s="1">
        <v>0</v>
      </c>
      <c r="AQ572" s="1">
        <v>0</v>
      </c>
      <c r="AR572" s="1">
        <v>0</v>
      </c>
      <c r="AS572" s="1">
        <v>0</v>
      </c>
      <c r="AT572" s="1">
        <v>0</v>
      </c>
      <c r="AU572" s="1">
        <v>0</v>
      </c>
      <c r="AV572" s="1">
        <v>0</v>
      </c>
      <c r="AX572" t="s">
        <v>186</v>
      </c>
      <c r="AZ572" t="s">
        <v>207</v>
      </c>
      <c r="BC572" t="s">
        <v>209</v>
      </c>
      <c r="BF572" t="s">
        <v>189</v>
      </c>
      <c r="BG572" s="1">
        <v>0</v>
      </c>
      <c r="BH572" t="s">
        <v>211</v>
      </c>
      <c r="BK572" t="s">
        <v>191</v>
      </c>
      <c r="BM572" t="s">
        <v>191</v>
      </c>
      <c r="BO572" t="s">
        <v>191</v>
      </c>
    </row>
    <row r="573" spans="1:69" x14ac:dyDescent="0.25">
      <c r="A573" s="1">
        <v>30449247</v>
      </c>
      <c r="B573" t="s">
        <v>4033</v>
      </c>
      <c r="C573" t="s">
        <v>39</v>
      </c>
      <c r="D573" t="s">
        <v>3727</v>
      </c>
      <c r="E573" t="s">
        <v>175</v>
      </c>
      <c r="L573" t="s">
        <v>52</v>
      </c>
      <c r="M573" s="1">
        <v>0</v>
      </c>
      <c r="N573" s="1">
        <v>0</v>
      </c>
      <c r="O573" t="s">
        <v>3728</v>
      </c>
      <c r="P573" t="s">
        <v>176</v>
      </c>
      <c r="Q573" t="s">
        <v>177</v>
      </c>
      <c r="S573" t="s">
        <v>178</v>
      </c>
      <c r="T573" t="s">
        <v>175</v>
      </c>
      <c r="X573" t="s">
        <v>179</v>
      </c>
      <c r="AC573" t="s">
        <v>180</v>
      </c>
      <c r="AD573" t="s">
        <v>181</v>
      </c>
      <c r="AE573" t="s">
        <v>175</v>
      </c>
      <c r="AF573" t="s">
        <v>175</v>
      </c>
      <c r="AG573" t="s">
        <v>175</v>
      </c>
      <c r="AH573" t="s">
        <v>200</v>
      </c>
      <c r="AI573" t="s">
        <v>200</v>
      </c>
      <c r="AJ573" t="s">
        <v>181</v>
      </c>
      <c r="AK573" t="s">
        <v>175</v>
      </c>
      <c r="AL573" t="s">
        <v>42</v>
      </c>
      <c r="AM573" t="s">
        <v>201</v>
      </c>
      <c r="AN573" t="s">
        <v>206</v>
      </c>
      <c r="AO573" t="s">
        <v>185</v>
      </c>
      <c r="AP573" t="s">
        <v>183</v>
      </c>
      <c r="AQ573" t="s">
        <v>184</v>
      </c>
      <c r="AR573" t="s">
        <v>182</v>
      </c>
      <c r="AS573" t="s">
        <v>203</v>
      </c>
      <c r="AT573" t="s">
        <v>205</v>
      </c>
      <c r="AU573" t="s">
        <v>204</v>
      </c>
      <c r="AV573" t="s">
        <v>202</v>
      </c>
      <c r="AX573" t="s">
        <v>186</v>
      </c>
      <c r="AY573" t="s">
        <v>187</v>
      </c>
      <c r="AZ573" t="s">
        <v>207</v>
      </c>
      <c r="BF573" t="s">
        <v>210</v>
      </c>
      <c r="BG573" s="1">
        <v>0</v>
      </c>
      <c r="BH573" t="s">
        <v>190</v>
      </c>
      <c r="BK573" t="s">
        <v>191</v>
      </c>
      <c r="BL573" t="s">
        <v>4034</v>
      </c>
      <c r="BM573" t="s">
        <v>191</v>
      </c>
      <c r="BN573" t="s">
        <v>4035</v>
      </c>
      <c r="BO573" t="s">
        <v>191</v>
      </c>
      <c r="BP573" t="s">
        <v>4036</v>
      </c>
    </row>
    <row r="574" spans="1:69" x14ac:dyDescent="0.25">
      <c r="A574" s="1">
        <v>30449248</v>
      </c>
      <c r="B574" t="s">
        <v>4037</v>
      </c>
      <c r="C574" t="s">
        <v>39</v>
      </c>
      <c r="D574" t="s">
        <v>3727</v>
      </c>
      <c r="E574" t="s">
        <v>200</v>
      </c>
      <c r="L574" t="s">
        <v>52</v>
      </c>
      <c r="M574" s="1">
        <v>0</v>
      </c>
      <c r="N574" s="1">
        <v>0</v>
      </c>
      <c r="O574" t="s">
        <v>3728</v>
      </c>
      <c r="P574" t="s">
        <v>176</v>
      </c>
      <c r="Q574" t="s">
        <v>238</v>
      </c>
      <c r="S574" t="s">
        <v>178</v>
      </c>
      <c r="T574" t="s">
        <v>200</v>
      </c>
      <c r="X574" t="s">
        <v>179</v>
      </c>
      <c r="AC574" t="s">
        <v>180</v>
      </c>
      <c r="AD574" t="s">
        <v>175</v>
      </c>
      <c r="AE574" t="s">
        <v>175</v>
      </c>
      <c r="AF574" t="s">
        <v>175</v>
      </c>
      <c r="AG574" t="s">
        <v>175</v>
      </c>
      <c r="AH574" t="s">
        <v>175</v>
      </c>
      <c r="AI574" s="1">
        <v>0</v>
      </c>
      <c r="AJ574" t="s">
        <v>175</v>
      </c>
      <c r="AK574" t="s">
        <v>175</v>
      </c>
      <c r="AL574" t="s">
        <v>42</v>
      </c>
      <c r="AM574" t="s">
        <v>185</v>
      </c>
      <c r="AN574" s="1">
        <v>0</v>
      </c>
      <c r="AO574" t="s">
        <v>182</v>
      </c>
      <c r="AP574" t="s">
        <v>184</v>
      </c>
      <c r="AQ574" s="1">
        <v>0</v>
      </c>
      <c r="AR574" s="1">
        <v>0</v>
      </c>
      <c r="AS574" s="1">
        <v>0</v>
      </c>
      <c r="AT574" s="1">
        <v>0</v>
      </c>
      <c r="AU574" s="1">
        <v>0</v>
      </c>
      <c r="AV574" s="1">
        <v>0</v>
      </c>
      <c r="AY574" t="s">
        <v>187</v>
      </c>
      <c r="BA574" t="s">
        <v>188</v>
      </c>
      <c r="BB574" t="s">
        <v>208</v>
      </c>
      <c r="BF574" t="s">
        <v>210</v>
      </c>
      <c r="BG574" s="1">
        <v>0</v>
      </c>
      <c r="BH574" t="s">
        <v>464</v>
      </c>
      <c r="BK574" t="s">
        <v>191</v>
      </c>
      <c r="BM574" t="s">
        <v>218</v>
      </c>
      <c r="BO574" t="s">
        <v>218</v>
      </c>
    </row>
    <row r="575" spans="1:69" x14ac:dyDescent="0.25">
      <c r="A575" s="1">
        <v>30449251</v>
      </c>
      <c r="B575" t="s">
        <v>1946</v>
      </c>
      <c r="C575" t="s">
        <v>39</v>
      </c>
      <c r="D575" t="s">
        <v>1616</v>
      </c>
      <c r="E575" t="s">
        <v>175</v>
      </c>
      <c r="L575" t="s">
        <v>52</v>
      </c>
      <c r="M575" s="1">
        <v>0</v>
      </c>
      <c r="N575" s="1">
        <v>0</v>
      </c>
      <c r="O575" t="s">
        <v>1616</v>
      </c>
      <c r="P575" t="s">
        <v>216</v>
      </c>
      <c r="Q575" t="s">
        <v>322</v>
      </c>
      <c r="S575" s="1">
        <v>0</v>
      </c>
      <c r="T575" t="s">
        <v>175</v>
      </c>
      <c r="W575" t="s">
        <v>262</v>
      </c>
      <c r="AC575" t="s">
        <v>180</v>
      </c>
      <c r="AD575" t="s">
        <v>175</v>
      </c>
      <c r="AE575" t="s">
        <v>175</v>
      </c>
      <c r="AF575" t="s">
        <v>175</v>
      </c>
      <c r="AG575" t="s">
        <v>175</v>
      </c>
      <c r="AH575" t="s">
        <v>175</v>
      </c>
      <c r="AI575" t="s">
        <v>175</v>
      </c>
      <c r="AJ575" t="s">
        <v>175</v>
      </c>
      <c r="AK575" t="s">
        <v>175</v>
      </c>
      <c r="AL575" t="s">
        <v>42</v>
      </c>
      <c r="AM575" t="s">
        <v>184</v>
      </c>
      <c r="AN575" t="s">
        <v>182</v>
      </c>
      <c r="AO575" t="s">
        <v>185</v>
      </c>
      <c r="AP575" t="s">
        <v>205</v>
      </c>
      <c r="AQ575" t="s">
        <v>204</v>
      </c>
      <c r="AR575" t="s">
        <v>206</v>
      </c>
      <c r="AS575" t="s">
        <v>202</v>
      </c>
      <c r="AT575" t="s">
        <v>183</v>
      </c>
      <c r="AU575" t="s">
        <v>201</v>
      </c>
      <c r="AV575" t="s">
        <v>203</v>
      </c>
      <c r="AY575" t="s">
        <v>187</v>
      </c>
      <c r="AZ575" t="s">
        <v>207</v>
      </c>
      <c r="BA575" t="s">
        <v>188</v>
      </c>
      <c r="BB575" t="s">
        <v>208</v>
      </c>
      <c r="BC575" t="s">
        <v>209</v>
      </c>
      <c r="BF575" t="s">
        <v>210</v>
      </c>
      <c r="BG575" s="1">
        <v>0</v>
      </c>
      <c r="BH575" t="s">
        <v>211</v>
      </c>
      <c r="BK575" t="s">
        <v>191</v>
      </c>
      <c r="BL575" t="s">
        <v>1947</v>
      </c>
      <c r="BM575" t="s">
        <v>218</v>
      </c>
      <c r="BN575" t="s">
        <v>1948</v>
      </c>
      <c r="BO575" t="s">
        <v>218</v>
      </c>
    </row>
    <row r="576" spans="1:69" x14ac:dyDescent="0.25">
      <c r="A576" s="1">
        <v>30449252</v>
      </c>
      <c r="B576" t="s">
        <v>4038</v>
      </c>
      <c r="C576" t="s">
        <v>39</v>
      </c>
      <c r="D576" t="s">
        <v>3727</v>
      </c>
      <c r="E576" t="s">
        <v>195</v>
      </c>
      <c r="L576" t="s">
        <v>52</v>
      </c>
      <c r="M576" s="1">
        <v>0</v>
      </c>
      <c r="N576" s="1">
        <v>0</v>
      </c>
      <c r="O576" t="s">
        <v>3728</v>
      </c>
      <c r="P576" t="s">
        <v>176</v>
      </c>
      <c r="Q576" t="s">
        <v>177</v>
      </c>
      <c r="S576" t="s">
        <v>256</v>
      </c>
      <c r="T576" t="s">
        <v>197</v>
      </c>
      <c r="Y576" t="s">
        <v>224</v>
      </c>
      <c r="AC576" t="s">
        <v>180</v>
      </c>
      <c r="AD576" t="s">
        <v>175</v>
      </c>
      <c r="AE576" t="s">
        <v>175</v>
      </c>
      <c r="AF576" t="s">
        <v>175</v>
      </c>
      <c r="AG576" t="s">
        <v>175</v>
      </c>
      <c r="AH576" t="s">
        <v>200</v>
      </c>
      <c r="AI576" t="s">
        <v>200</v>
      </c>
      <c r="AJ576" t="s">
        <v>200</v>
      </c>
      <c r="AK576" t="s">
        <v>175</v>
      </c>
      <c r="AL576" t="s">
        <v>52</v>
      </c>
      <c r="AM576" t="s">
        <v>183</v>
      </c>
      <c r="AN576" t="s">
        <v>182</v>
      </c>
      <c r="AO576" t="s">
        <v>184</v>
      </c>
      <c r="AP576" t="s">
        <v>201</v>
      </c>
      <c r="AQ576" t="s">
        <v>202</v>
      </c>
      <c r="AR576" t="s">
        <v>203</v>
      </c>
      <c r="AS576" t="s">
        <v>185</v>
      </c>
      <c r="AT576" t="s">
        <v>204</v>
      </c>
      <c r="AU576" t="s">
        <v>206</v>
      </c>
      <c r="AV576" t="s">
        <v>205</v>
      </c>
      <c r="AX576" t="s">
        <v>186</v>
      </c>
      <c r="AZ576" t="s">
        <v>207</v>
      </c>
      <c r="BC576" t="s">
        <v>209</v>
      </c>
      <c r="BF576" t="s">
        <v>232</v>
      </c>
      <c r="BG576" t="s">
        <v>233</v>
      </c>
      <c r="BH576" t="s">
        <v>211</v>
      </c>
      <c r="BK576" t="s">
        <v>191</v>
      </c>
      <c r="BL576" t="s">
        <v>2016</v>
      </c>
      <c r="BM576" t="s">
        <v>191</v>
      </c>
      <c r="BN576" t="s">
        <v>4039</v>
      </c>
      <c r="BO576" t="s">
        <v>191</v>
      </c>
      <c r="BP576" t="s">
        <v>4040</v>
      </c>
    </row>
    <row r="577" spans="1:69" x14ac:dyDescent="0.25">
      <c r="A577" s="1">
        <v>30449258</v>
      </c>
      <c r="B577" t="s">
        <v>2719</v>
      </c>
      <c r="C577" t="s">
        <v>39</v>
      </c>
      <c r="D577" t="s">
        <v>2512</v>
      </c>
      <c r="E577" t="s">
        <v>200</v>
      </c>
      <c r="L577" t="s">
        <v>52</v>
      </c>
      <c r="M577" s="1">
        <v>0</v>
      </c>
      <c r="N577" s="1">
        <v>0</v>
      </c>
      <c r="O577" t="s">
        <v>2512</v>
      </c>
      <c r="P577" t="s">
        <v>216</v>
      </c>
      <c r="Q577" t="s">
        <v>322</v>
      </c>
      <c r="S577" s="1">
        <v>0</v>
      </c>
      <c r="T577" t="s">
        <v>200</v>
      </c>
      <c r="W577" t="s">
        <v>262</v>
      </c>
      <c r="AC577" t="s">
        <v>199</v>
      </c>
      <c r="AD577" t="s">
        <v>200</v>
      </c>
      <c r="AE577" t="s">
        <v>200</v>
      </c>
      <c r="AF577" t="s">
        <v>200</v>
      </c>
      <c r="AG577" t="s">
        <v>200</v>
      </c>
      <c r="AH577" t="s">
        <v>200</v>
      </c>
      <c r="AI577" t="s">
        <v>200</v>
      </c>
      <c r="AJ577" t="s">
        <v>200</v>
      </c>
      <c r="AK577" t="s">
        <v>200</v>
      </c>
      <c r="AL577" t="s">
        <v>42</v>
      </c>
      <c r="AM577" t="s">
        <v>183</v>
      </c>
      <c r="AN577" t="s">
        <v>184</v>
      </c>
      <c r="AO577" t="s">
        <v>185</v>
      </c>
      <c r="AP577" t="s">
        <v>182</v>
      </c>
      <c r="AQ577" t="s">
        <v>204</v>
      </c>
      <c r="AR577" t="s">
        <v>202</v>
      </c>
      <c r="AS577" t="s">
        <v>203</v>
      </c>
      <c r="AT577" t="s">
        <v>206</v>
      </c>
      <c r="AU577" t="s">
        <v>205</v>
      </c>
      <c r="AV577" t="s">
        <v>201</v>
      </c>
      <c r="AX577" t="s">
        <v>186</v>
      </c>
      <c r="AZ577" t="s">
        <v>207</v>
      </c>
      <c r="BB577" t="s">
        <v>208</v>
      </c>
      <c r="BF577" t="s">
        <v>210</v>
      </c>
      <c r="BG577" s="1">
        <v>0</v>
      </c>
      <c r="BH577" t="s">
        <v>247</v>
      </c>
      <c r="BK577" t="s">
        <v>191</v>
      </c>
      <c r="BL577" t="s">
        <v>2720</v>
      </c>
      <c r="BM577" t="s">
        <v>218</v>
      </c>
      <c r="BO577" t="s">
        <v>218</v>
      </c>
      <c r="BP577" t="s">
        <v>2721</v>
      </c>
    </row>
    <row r="578" spans="1:69" x14ac:dyDescent="0.25">
      <c r="A578" s="1">
        <v>30449259</v>
      </c>
      <c r="B578" t="s">
        <v>2719</v>
      </c>
      <c r="C578" t="s">
        <v>39</v>
      </c>
      <c r="D578" t="s">
        <v>3727</v>
      </c>
      <c r="E578" t="s">
        <v>175</v>
      </c>
      <c r="L578" t="s">
        <v>52</v>
      </c>
      <c r="M578" s="1">
        <v>0</v>
      </c>
      <c r="N578" s="1">
        <v>0</v>
      </c>
      <c r="O578" t="s">
        <v>3728</v>
      </c>
      <c r="P578" t="s">
        <v>216</v>
      </c>
      <c r="Q578" t="s">
        <v>238</v>
      </c>
      <c r="S578" s="1">
        <v>0</v>
      </c>
      <c r="T578" t="s">
        <v>175</v>
      </c>
      <c r="X578" t="s">
        <v>179</v>
      </c>
      <c r="AC578" t="s">
        <v>180</v>
      </c>
      <c r="AD578" s="1">
        <v>0</v>
      </c>
      <c r="AE578" t="s">
        <v>175</v>
      </c>
      <c r="AF578" t="s">
        <v>175</v>
      </c>
      <c r="AG578" t="s">
        <v>175</v>
      </c>
      <c r="AH578" t="s">
        <v>175</v>
      </c>
      <c r="AI578" t="s">
        <v>175</v>
      </c>
      <c r="AJ578" t="s">
        <v>181</v>
      </c>
      <c r="AK578" t="s">
        <v>175</v>
      </c>
      <c r="AL578" t="s">
        <v>52</v>
      </c>
      <c r="AM578" t="s">
        <v>205</v>
      </c>
      <c r="AN578" t="s">
        <v>182</v>
      </c>
      <c r="AO578" t="s">
        <v>185</v>
      </c>
      <c r="AP578" t="s">
        <v>184</v>
      </c>
      <c r="AQ578" t="s">
        <v>202</v>
      </c>
      <c r="AR578" t="s">
        <v>203</v>
      </c>
      <c r="AS578" t="s">
        <v>206</v>
      </c>
      <c r="AT578" t="s">
        <v>183</v>
      </c>
      <c r="AU578" t="s">
        <v>201</v>
      </c>
      <c r="AV578" t="s">
        <v>204</v>
      </c>
      <c r="AZ578" t="s">
        <v>207</v>
      </c>
      <c r="BA578" t="s">
        <v>188</v>
      </c>
      <c r="BF578" t="s">
        <v>232</v>
      </c>
      <c r="BG578" t="s">
        <v>301</v>
      </c>
      <c r="BH578" t="s">
        <v>211</v>
      </c>
      <c r="BK578" t="s">
        <v>191</v>
      </c>
      <c r="BL578" t="s">
        <v>4041</v>
      </c>
      <c r="BM578" t="s">
        <v>191</v>
      </c>
      <c r="BN578" t="s">
        <v>4042</v>
      </c>
      <c r="BO578" t="s">
        <v>191</v>
      </c>
      <c r="BP578" t="s">
        <v>4043</v>
      </c>
      <c r="BQ578" t="s">
        <v>4044</v>
      </c>
    </row>
    <row r="579" spans="1:69" x14ac:dyDescent="0.25">
      <c r="A579" s="1">
        <v>30449260</v>
      </c>
      <c r="B579" t="s">
        <v>1949</v>
      </c>
      <c r="C579" t="s">
        <v>39</v>
      </c>
      <c r="D579" t="s">
        <v>1616</v>
      </c>
      <c r="E579" t="s">
        <v>175</v>
      </c>
      <c r="L579" t="s">
        <v>52</v>
      </c>
      <c r="M579" s="1">
        <v>0</v>
      </c>
      <c r="N579" s="1">
        <v>0</v>
      </c>
      <c r="O579" t="s">
        <v>1616</v>
      </c>
      <c r="P579" t="s">
        <v>176</v>
      </c>
      <c r="Q579" t="s">
        <v>196</v>
      </c>
      <c r="S579" t="s">
        <v>178</v>
      </c>
      <c r="T579" t="s">
        <v>175</v>
      </c>
      <c r="X579" t="s">
        <v>179</v>
      </c>
      <c r="AC579" t="s">
        <v>180</v>
      </c>
      <c r="AD579" t="s">
        <v>175</v>
      </c>
      <c r="AE579" t="s">
        <v>175</v>
      </c>
      <c r="AF579" t="s">
        <v>175</v>
      </c>
      <c r="AG579" t="s">
        <v>230</v>
      </c>
      <c r="AH579" t="s">
        <v>230</v>
      </c>
      <c r="AI579" t="s">
        <v>175</v>
      </c>
      <c r="AJ579" t="s">
        <v>230</v>
      </c>
      <c r="AK579" t="s">
        <v>175</v>
      </c>
      <c r="AL579" t="s">
        <v>42</v>
      </c>
      <c r="AM579" s="1">
        <v>0</v>
      </c>
      <c r="AN579" s="1">
        <v>0</v>
      </c>
      <c r="AO579" s="1">
        <v>0</v>
      </c>
      <c r="AP579" s="1">
        <v>0</v>
      </c>
      <c r="AQ579" s="1">
        <v>0</v>
      </c>
      <c r="AR579" s="1">
        <v>0</v>
      </c>
      <c r="AS579" s="1">
        <v>0</v>
      </c>
      <c r="AT579" s="1">
        <v>0</v>
      </c>
      <c r="AU579" s="1">
        <v>0</v>
      </c>
      <c r="AV579" s="1">
        <v>0</v>
      </c>
      <c r="BF579" s="1">
        <v>0</v>
      </c>
      <c r="BG579" s="1">
        <v>0</v>
      </c>
      <c r="BH579" s="1">
        <v>0</v>
      </c>
      <c r="BK579" s="1">
        <v>0</v>
      </c>
      <c r="BM579" s="1">
        <v>0</v>
      </c>
      <c r="BO579" s="1">
        <v>0</v>
      </c>
    </row>
    <row r="580" spans="1:69" x14ac:dyDescent="0.25">
      <c r="A580" s="1">
        <v>30449265</v>
      </c>
      <c r="B580" t="s">
        <v>2722</v>
      </c>
      <c r="C580" t="s">
        <v>39</v>
      </c>
      <c r="D580" t="s">
        <v>2512</v>
      </c>
      <c r="E580" t="s">
        <v>216</v>
      </c>
      <c r="L580" t="s">
        <v>52</v>
      </c>
      <c r="M580" s="1">
        <v>0</v>
      </c>
      <c r="N580" s="1">
        <v>0</v>
      </c>
      <c r="O580" t="s">
        <v>2512</v>
      </c>
      <c r="P580" t="s">
        <v>216</v>
      </c>
      <c r="Q580" t="s">
        <v>322</v>
      </c>
      <c r="S580" s="1">
        <v>0</v>
      </c>
      <c r="T580" t="s">
        <v>197</v>
      </c>
      <c r="W580" t="s">
        <v>262</v>
      </c>
      <c r="X580" t="s">
        <v>179</v>
      </c>
      <c r="Z580" t="s">
        <v>244</v>
      </c>
      <c r="AC580" t="s">
        <v>49</v>
      </c>
      <c r="AD580" s="1">
        <v>0</v>
      </c>
      <c r="AE580" s="1">
        <v>0</v>
      </c>
      <c r="AF580" s="1">
        <v>0</v>
      </c>
      <c r="AG580" s="1">
        <v>0</v>
      </c>
      <c r="AH580" s="1">
        <v>0</v>
      </c>
      <c r="AI580" s="1">
        <v>0</v>
      </c>
      <c r="AJ580" s="1">
        <v>0</v>
      </c>
      <c r="AK580" s="1">
        <v>0</v>
      </c>
      <c r="AL580" s="1">
        <v>0</v>
      </c>
      <c r="AM580" s="1">
        <v>0</v>
      </c>
      <c r="AN580" s="1">
        <v>0</v>
      </c>
      <c r="AO580" s="1">
        <v>0</v>
      </c>
      <c r="AP580" s="1">
        <v>0</v>
      </c>
      <c r="AQ580" s="1">
        <v>0</v>
      </c>
      <c r="AR580" s="1">
        <v>0</v>
      </c>
      <c r="AS580" s="1">
        <v>0</v>
      </c>
      <c r="AT580" s="1">
        <v>0</v>
      </c>
      <c r="AU580" s="1">
        <v>0</v>
      </c>
      <c r="AV580" s="1">
        <v>0</v>
      </c>
      <c r="BF580" s="1">
        <v>0</v>
      </c>
      <c r="BG580" s="1">
        <v>0</v>
      </c>
      <c r="BH580" s="1">
        <v>0</v>
      </c>
      <c r="BK580" s="1">
        <v>0</v>
      </c>
      <c r="BM580" s="1">
        <v>0</v>
      </c>
      <c r="BO580" s="1">
        <v>0</v>
      </c>
    </row>
    <row r="581" spans="1:69" x14ac:dyDescent="0.25">
      <c r="A581" s="1">
        <v>30449266</v>
      </c>
      <c r="B581" t="s">
        <v>1950</v>
      </c>
      <c r="C581" t="s">
        <v>39</v>
      </c>
      <c r="D581" t="s">
        <v>1616</v>
      </c>
      <c r="E581" t="s">
        <v>175</v>
      </c>
      <c r="L581" t="s">
        <v>52</v>
      </c>
      <c r="M581" s="1">
        <v>0</v>
      </c>
      <c r="N581" s="1">
        <v>0</v>
      </c>
      <c r="O581" t="s">
        <v>1616</v>
      </c>
      <c r="P581" t="s">
        <v>216</v>
      </c>
      <c r="Q581" t="s">
        <v>322</v>
      </c>
      <c r="S581" s="1">
        <v>0</v>
      </c>
      <c r="T581" t="s">
        <v>175</v>
      </c>
      <c r="Y581" t="s">
        <v>224</v>
      </c>
      <c r="AC581" t="s">
        <v>199</v>
      </c>
      <c r="AD581" t="s">
        <v>175</v>
      </c>
      <c r="AE581" t="s">
        <v>230</v>
      </c>
      <c r="AF581" t="s">
        <v>175</v>
      </c>
      <c r="AG581" t="s">
        <v>181</v>
      </c>
      <c r="AH581" t="s">
        <v>175</v>
      </c>
      <c r="AI581" t="s">
        <v>175</v>
      </c>
      <c r="AJ581" t="s">
        <v>175</v>
      </c>
      <c r="AK581" t="s">
        <v>230</v>
      </c>
      <c r="AL581" t="s">
        <v>42</v>
      </c>
      <c r="AM581" t="s">
        <v>182</v>
      </c>
      <c r="AN581" t="s">
        <v>183</v>
      </c>
      <c r="AO581" t="s">
        <v>185</v>
      </c>
      <c r="AP581" t="s">
        <v>184</v>
      </c>
      <c r="AQ581" t="s">
        <v>203</v>
      </c>
      <c r="AR581" t="s">
        <v>202</v>
      </c>
      <c r="AS581" t="s">
        <v>204</v>
      </c>
      <c r="AT581" t="s">
        <v>201</v>
      </c>
      <c r="AU581" t="s">
        <v>205</v>
      </c>
      <c r="AV581" t="s">
        <v>206</v>
      </c>
      <c r="AW581" t="s">
        <v>1951</v>
      </c>
      <c r="AX581" t="s">
        <v>186</v>
      </c>
      <c r="AY581" t="s">
        <v>187</v>
      </c>
      <c r="AZ581" t="s">
        <v>207</v>
      </c>
      <c r="BF581" t="s">
        <v>292</v>
      </c>
      <c r="BG581" t="s">
        <v>233</v>
      </c>
      <c r="BH581" t="s">
        <v>211</v>
      </c>
      <c r="BK581" t="s">
        <v>191</v>
      </c>
      <c r="BL581" t="s">
        <v>1952</v>
      </c>
      <c r="BM581" t="s">
        <v>191</v>
      </c>
      <c r="BN581" t="s">
        <v>1953</v>
      </c>
      <c r="BO581" t="s">
        <v>191</v>
      </c>
      <c r="BP581" t="s">
        <v>1954</v>
      </c>
      <c r="BQ581" t="s">
        <v>1955</v>
      </c>
    </row>
    <row r="582" spans="1:69" x14ac:dyDescent="0.25">
      <c r="A582" s="1">
        <v>30449267</v>
      </c>
      <c r="B582" t="s">
        <v>1950</v>
      </c>
      <c r="C582" t="s">
        <v>39</v>
      </c>
      <c r="D582" t="s">
        <v>3727</v>
      </c>
      <c r="E582" t="s">
        <v>195</v>
      </c>
      <c r="L582" t="s">
        <v>52</v>
      </c>
      <c r="M582" s="1">
        <v>0</v>
      </c>
      <c r="N582" s="1">
        <v>0</v>
      </c>
      <c r="O582" t="s">
        <v>3728</v>
      </c>
      <c r="P582" t="s">
        <v>176</v>
      </c>
      <c r="Q582" t="s">
        <v>196</v>
      </c>
      <c r="S582" t="s">
        <v>222</v>
      </c>
      <c r="T582" t="s">
        <v>197</v>
      </c>
      <c r="X582" t="s">
        <v>179</v>
      </c>
      <c r="AC582" t="s">
        <v>180</v>
      </c>
      <c r="AD582" t="s">
        <v>175</v>
      </c>
      <c r="AE582" t="s">
        <v>175</v>
      </c>
      <c r="AF582" t="s">
        <v>230</v>
      </c>
      <c r="AG582" t="s">
        <v>230</v>
      </c>
      <c r="AH582" t="s">
        <v>200</v>
      </c>
      <c r="AI582" t="s">
        <v>181</v>
      </c>
      <c r="AJ582" t="s">
        <v>230</v>
      </c>
      <c r="AK582" t="s">
        <v>181</v>
      </c>
      <c r="AL582" t="s">
        <v>52</v>
      </c>
      <c r="AM582" t="s">
        <v>184</v>
      </c>
      <c r="AN582" t="s">
        <v>205</v>
      </c>
      <c r="AO582" t="s">
        <v>185</v>
      </c>
      <c r="AP582" t="s">
        <v>201</v>
      </c>
      <c r="AQ582" t="s">
        <v>203</v>
      </c>
      <c r="AR582" t="s">
        <v>202</v>
      </c>
      <c r="AS582" t="s">
        <v>182</v>
      </c>
      <c r="AT582" t="s">
        <v>204</v>
      </c>
      <c r="AU582" t="s">
        <v>206</v>
      </c>
      <c r="AV582" t="s">
        <v>183</v>
      </c>
      <c r="AX582" t="s">
        <v>186</v>
      </c>
      <c r="AZ582" t="s">
        <v>207</v>
      </c>
      <c r="BA582" t="s">
        <v>188</v>
      </c>
      <c r="BF582" t="s">
        <v>232</v>
      </c>
      <c r="BG582" t="s">
        <v>315</v>
      </c>
      <c r="BH582" t="s">
        <v>302</v>
      </c>
      <c r="BK582" t="s">
        <v>191</v>
      </c>
      <c r="BL582" t="s">
        <v>4045</v>
      </c>
      <c r="BM582" t="s">
        <v>191</v>
      </c>
      <c r="BN582" t="s">
        <v>4046</v>
      </c>
      <c r="BO582" s="1">
        <v>0</v>
      </c>
      <c r="BP582" t="s">
        <v>4047</v>
      </c>
    </row>
    <row r="583" spans="1:69" x14ac:dyDescent="0.25">
      <c r="A583" s="1">
        <v>30449268</v>
      </c>
      <c r="B583" t="s">
        <v>62</v>
      </c>
      <c r="C583" t="s">
        <v>39</v>
      </c>
      <c r="L583" t="s">
        <v>52</v>
      </c>
      <c r="M583" s="1">
        <v>0</v>
      </c>
      <c r="N583" s="1">
        <v>0</v>
      </c>
      <c r="O583" s="1">
        <v>0</v>
      </c>
      <c r="P583" s="1">
        <v>0</v>
      </c>
      <c r="Q583" s="1">
        <v>0</v>
      </c>
      <c r="S583" s="1">
        <v>0</v>
      </c>
      <c r="T583" s="1">
        <v>0</v>
      </c>
      <c r="AC583" s="1">
        <v>0</v>
      </c>
      <c r="AD583" s="1">
        <v>0</v>
      </c>
      <c r="AE583" s="1">
        <v>0</v>
      </c>
      <c r="AF583" s="1">
        <v>0</v>
      </c>
      <c r="AG583" s="1">
        <v>0</v>
      </c>
      <c r="AH583" s="1">
        <v>0</v>
      </c>
      <c r="AI583" s="1">
        <v>0</v>
      </c>
      <c r="AJ583" s="1">
        <v>0</v>
      </c>
      <c r="AK583" s="1">
        <v>0</v>
      </c>
      <c r="AL583" s="1">
        <v>0</v>
      </c>
      <c r="AM583" s="1">
        <v>0</v>
      </c>
      <c r="AN583" s="1">
        <v>0</v>
      </c>
      <c r="AO583" s="1">
        <v>0</v>
      </c>
      <c r="AP583" s="1">
        <v>0</v>
      </c>
      <c r="AQ583" s="1">
        <v>0</v>
      </c>
      <c r="AR583" s="1">
        <v>0</v>
      </c>
      <c r="AS583" s="1">
        <v>0</v>
      </c>
      <c r="AT583" s="1">
        <v>0</v>
      </c>
      <c r="AU583" s="1">
        <v>0</v>
      </c>
      <c r="AV583" s="1">
        <v>0</v>
      </c>
      <c r="BF583" s="1">
        <v>0</v>
      </c>
      <c r="BG583" s="1">
        <v>0</v>
      </c>
      <c r="BH583" s="1">
        <v>0</v>
      </c>
      <c r="BK583" s="1">
        <v>0</v>
      </c>
      <c r="BM583" s="1">
        <v>0</v>
      </c>
      <c r="BO583" s="1">
        <v>0</v>
      </c>
    </row>
    <row r="584" spans="1:69" x14ac:dyDescent="0.25">
      <c r="A584" s="1">
        <v>30449269</v>
      </c>
      <c r="B584" t="s">
        <v>4048</v>
      </c>
      <c r="C584" t="s">
        <v>39</v>
      </c>
      <c r="D584" t="s">
        <v>3727</v>
      </c>
      <c r="E584" t="s">
        <v>200</v>
      </c>
      <c r="L584" t="s">
        <v>52</v>
      </c>
      <c r="M584" s="1">
        <v>0</v>
      </c>
      <c r="N584" s="1">
        <v>0</v>
      </c>
      <c r="O584" t="s">
        <v>3728</v>
      </c>
      <c r="P584" t="s">
        <v>216</v>
      </c>
      <c r="Q584" t="s">
        <v>196</v>
      </c>
      <c r="S584" s="1">
        <v>0</v>
      </c>
      <c r="T584" t="s">
        <v>200</v>
      </c>
      <c r="Y584" t="s">
        <v>224</v>
      </c>
      <c r="AC584" t="s">
        <v>180</v>
      </c>
      <c r="AD584" t="s">
        <v>175</v>
      </c>
      <c r="AE584" t="s">
        <v>175</v>
      </c>
      <c r="AF584" t="s">
        <v>175</v>
      </c>
      <c r="AG584" t="s">
        <v>175</v>
      </c>
      <c r="AH584" t="s">
        <v>200</v>
      </c>
      <c r="AI584" t="s">
        <v>175</v>
      </c>
      <c r="AJ584" t="s">
        <v>175</v>
      </c>
      <c r="AK584" t="s">
        <v>175</v>
      </c>
      <c r="AL584" t="s">
        <v>52</v>
      </c>
      <c r="AM584" s="1">
        <v>0</v>
      </c>
      <c r="AN584" s="1">
        <v>0</v>
      </c>
      <c r="AO584" s="1">
        <v>0</v>
      </c>
      <c r="AP584" s="1">
        <v>0</v>
      </c>
      <c r="AQ584" s="1">
        <v>0</v>
      </c>
      <c r="AR584" s="1">
        <v>0</v>
      </c>
      <c r="AS584" s="1">
        <v>0</v>
      </c>
      <c r="AT584" s="1">
        <v>0</v>
      </c>
      <c r="AU584" s="1">
        <v>0</v>
      </c>
      <c r="AV584" s="1">
        <v>0</v>
      </c>
      <c r="BA584" t="s">
        <v>188</v>
      </c>
      <c r="BF584" t="s">
        <v>210</v>
      </c>
      <c r="BG584" s="1">
        <v>0</v>
      </c>
      <c r="BH584" t="s">
        <v>211</v>
      </c>
      <c r="BK584" t="s">
        <v>191</v>
      </c>
      <c r="BL584" t="s">
        <v>4049</v>
      </c>
      <c r="BM584" t="s">
        <v>191</v>
      </c>
      <c r="BN584" t="s">
        <v>4050</v>
      </c>
      <c r="BO584" t="s">
        <v>191</v>
      </c>
      <c r="BP584" t="s">
        <v>4051</v>
      </c>
    </row>
    <row r="585" spans="1:69" x14ac:dyDescent="0.25">
      <c r="A585" s="1">
        <v>30449273</v>
      </c>
      <c r="B585" t="s">
        <v>3344</v>
      </c>
      <c r="C585" t="s">
        <v>39</v>
      </c>
      <c r="D585" t="s">
        <v>3727</v>
      </c>
      <c r="E585" t="s">
        <v>175</v>
      </c>
      <c r="L585" t="s">
        <v>52</v>
      </c>
      <c r="M585" s="1">
        <v>0</v>
      </c>
      <c r="N585" s="1">
        <v>0</v>
      </c>
      <c r="O585" t="s">
        <v>3728</v>
      </c>
      <c r="P585" t="s">
        <v>176</v>
      </c>
      <c r="Q585" t="s">
        <v>177</v>
      </c>
      <c r="S585" t="s">
        <v>349</v>
      </c>
      <c r="T585" t="s">
        <v>175</v>
      </c>
      <c r="AC585" t="s">
        <v>180</v>
      </c>
      <c r="AD585" t="s">
        <v>200</v>
      </c>
      <c r="AE585" t="s">
        <v>200</v>
      </c>
      <c r="AF585" t="s">
        <v>181</v>
      </c>
      <c r="AG585" t="s">
        <v>175</v>
      </c>
      <c r="AH585" t="s">
        <v>200</v>
      </c>
      <c r="AI585" t="s">
        <v>200</v>
      </c>
      <c r="AJ585" t="s">
        <v>175</v>
      </c>
      <c r="AK585" t="s">
        <v>175</v>
      </c>
      <c r="AL585" t="s">
        <v>52</v>
      </c>
      <c r="AM585" t="s">
        <v>204</v>
      </c>
      <c r="AN585" t="s">
        <v>182</v>
      </c>
      <c r="AO585" t="s">
        <v>206</v>
      </c>
      <c r="AP585" t="s">
        <v>205</v>
      </c>
      <c r="AQ585" t="s">
        <v>185</v>
      </c>
      <c r="AR585" t="s">
        <v>184</v>
      </c>
      <c r="AS585" t="s">
        <v>203</v>
      </c>
      <c r="AT585" t="s">
        <v>183</v>
      </c>
      <c r="AU585" t="s">
        <v>201</v>
      </c>
      <c r="AV585" t="s">
        <v>202</v>
      </c>
      <c r="AX585" t="s">
        <v>186</v>
      </c>
      <c r="BA585" t="s">
        <v>188</v>
      </c>
      <c r="BC585" t="s">
        <v>209</v>
      </c>
      <c r="BF585" t="s">
        <v>292</v>
      </c>
      <c r="BG585" t="s">
        <v>233</v>
      </c>
      <c r="BH585" t="s">
        <v>211</v>
      </c>
      <c r="BK585" t="s">
        <v>191</v>
      </c>
      <c r="BL585" t="s">
        <v>4052</v>
      </c>
      <c r="BM585" t="s">
        <v>191</v>
      </c>
      <c r="BO585" t="s">
        <v>191</v>
      </c>
      <c r="BP585" t="s">
        <v>4053</v>
      </c>
    </row>
    <row r="586" spans="1:69" x14ac:dyDescent="0.25">
      <c r="A586" s="1">
        <v>30449275</v>
      </c>
      <c r="B586" t="s">
        <v>3344</v>
      </c>
      <c r="C586" t="s">
        <v>39</v>
      </c>
      <c r="D586" t="s">
        <v>3138</v>
      </c>
      <c r="E586" t="s">
        <v>175</v>
      </c>
      <c r="L586" t="s">
        <v>52</v>
      </c>
      <c r="M586" s="1">
        <v>0</v>
      </c>
      <c r="N586" s="1">
        <v>0</v>
      </c>
      <c r="O586" t="s">
        <v>3139</v>
      </c>
      <c r="P586" t="s">
        <v>176</v>
      </c>
      <c r="Q586" t="s">
        <v>177</v>
      </c>
      <c r="S586" t="s">
        <v>178</v>
      </c>
      <c r="T586" t="s">
        <v>175</v>
      </c>
      <c r="AC586" t="s">
        <v>199</v>
      </c>
      <c r="AD586" t="s">
        <v>175</v>
      </c>
      <c r="AE586" t="s">
        <v>175</v>
      </c>
      <c r="AF586" t="s">
        <v>175</v>
      </c>
      <c r="AG586" t="s">
        <v>175</v>
      </c>
      <c r="AH586" t="s">
        <v>175</v>
      </c>
      <c r="AI586" t="s">
        <v>175</v>
      </c>
      <c r="AJ586" t="s">
        <v>175</v>
      </c>
      <c r="AK586" t="s">
        <v>175</v>
      </c>
      <c r="AL586" t="s">
        <v>42</v>
      </c>
      <c r="AM586" t="s">
        <v>201</v>
      </c>
      <c r="AN586" t="s">
        <v>182</v>
      </c>
      <c r="AO586" t="s">
        <v>183</v>
      </c>
      <c r="AP586" t="s">
        <v>206</v>
      </c>
      <c r="AQ586" t="s">
        <v>202</v>
      </c>
      <c r="AR586" t="s">
        <v>203</v>
      </c>
      <c r="AS586" t="s">
        <v>204</v>
      </c>
      <c r="AT586" t="s">
        <v>185</v>
      </c>
      <c r="AU586" t="s">
        <v>184</v>
      </c>
      <c r="AV586" t="s">
        <v>205</v>
      </c>
      <c r="AX586" t="s">
        <v>186</v>
      </c>
      <c r="AZ586" t="s">
        <v>207</v>
      </c>
      <c r="BF586" t="s">
        <v>210</v>
      </c>
      <c r="BG586" s="1">
        <v>0</v>
      </c>
      <c r="BH586" t="s">
        <v>211</v>
      </c>
      <c r="BK586" t="s">
        <v>191</v>
      </c>
      <c r="BL586" t="s">
        <v>3345</v>
      </c>
      <c r="BM586" t="s">
        <v>218</v>
      </c>
      <c r="BN586" t="s">
        <v>3346</v>
      </c>
      <c r="BO586" t="s">
        <v>218</v>
      </c>
      <c r="BP586" t="s">
        <v>3347</v>
      </c>
    </row>
    <row r="587" spans="1:69" x14ac:dyDescent="0.25">
      <c r="A587" s="1">
        <v>30449278</v>
      </c>
      <c r="B587" t="s">
        <v>1206</v>
      </c>
      <c r="C587" t="s">
        <v>39</v>
      </c>
      <c r="D587" t="s">
        <v>942</v>
      </c>
      <c r="E587" t="s">
        <v>175</v>
      </c>
      <c r="L587" t="s">
        <v>52</v>
      </c>
      <c r="M587" s="1">
        <v>0</v>
      </c>
      <c r="N587" s="1">
        <v>0</v>
      </c>
      <c r="O587" t="s">
        <v>942</v>
      </c>
      <c r="P587" t="s">
        <v>216</v>
      </c>
      <c r="Q587" t="s">
        <v>196</v>
      </c>
      <c r="S587" s="1">
        <v>0</v>
      </c>
      <c r="T587" t="s">
        <v>175</v>
      </c>
      <c r="Y587" t="s">
        <v>224</v>
      </c>
      <c r="AC587" t="s">
        <v>199</v>
      </c>
      <c r="AD587" t="s">
        <v>230</v>
      </c>
      <c r="AE587" t="s">
        <v>181</v>
      </c>
      <c r="AF587" t="s">
        <v>299</v>
      </c>
      <c r="AG587" t="s">
        <v>175</v>
      </c>
      <c r="AH587" t="s">
        <v>175</v>
      </c>
      <c r="AI587" t="s">
        <v>230</v>
      </c>
      <c r="AJ587" t="s">
        <v>181</v>
      </c>
      <c r="AK587" t="s">
        <v>230</v>
      </c>
      <c r="AL587" t="s">
        <v>42</v>
      </c>
      <c r="AM587" t="s">
        <v>184</v>
      </c>
      <c r="AN587" t="s">
        <v>201</v>
      </c>
      <c r="AO587" t="s">
        <v>185</v>
      </c>
      <c r="AP587" t="s">
        <v>182</v>
      </c>
      <c r="AQ587" s="1">
        <v>0</v>
      </c>
      <c r="AR587" s="1">
        <v>0</v>
      </c>
      <c r="AS587" s="1">
        <v>0</v>
      </c>
      <c r="AT587" s="1">
        <v>0</v>
      </c>
      <c r="AU587" s="1">
        <v>0</v>
      </c>
      <c r="AV587" t="s">
        <v>183</v>
      </c>
      <c r="BF587" t="s">
        <v>292</v>
      </c>
      <c r="BG587" t="s">
        <v>301</v>
      </c>
      <c r="BH587" t="s">
        <v>190</v>
      </c>
      <c r="BK587" t="s">
        <v>191</v>
      </c>
      <c r="BL587" t="s">
        <v>1207</v>
      </c>
      <c r="BM587" t="s">
        <v>191</v>
      </c>
      <c r="BO587" t="s">
        <v>218</v>
      </c>
      <c r="BP587" t="s">
        <v>1208</v>
      </c>
    </row>
    <row r="588" spans="1:69" x14ac:dyDescent="0.25">
      <c r="A588" s="1">
        <v>30449279</v>
      </c>
      <c r="B588" t="s">
        <v>1209</v>
      </c>
      <c r="C588" t="s">
        <v>39</v>
      </c>
      <c r="D588" t="s">
        <v>942</v>
      </c>
      <c r="E588" t="s">
        <v>200</v>
      </c>
      <c r="L588" t="s">
        <v>52</v>
      </c>
      <c r="M588" s="1">
        <v>0</v>
      </c>
      <c r="N588" s="1">
        <v>0</v>
      </c>
      <c r="O588" t="s">
        <v>942</v>
      </c>
      <c r="P588" t="s">
        <v>176</v>
      </c>
      <c r="Q588" t="s">
        <v>238</v>
      </c>
      <c r="S588" t="s">
        <v>178</v>
      </c>
      <c r="T588" t="s">
        <v>200</v>
      </c>
      <c r="AA588" t="s">
        <v>273</v>
      </c>
      <c r="AB588" t="s">
        <v>1210</v>
      </c>
      <c r="AC588" s="1">
        <v>0</v>
      </c>
      <c r="AD588" s="1">
        <v>0</v>
      </c>
      <c r="AE588" s="1">
        <v>0</v>
      </c>
      <c r="AF588" s="1">
        <v>0</v>
      </c>
      <c r="AG588" s="1">
        <v>0</v>
      </c>
      <c r="AH588" s="1">
        <v>0</v>
      </c>
      <c r="AI588" s="1">
        <v>0</v>
      </c>
      <c r="AJ588" s="1">
        <v>0</v>
      </c>
      <c r="AK588" s="1">
        <v>0</v>
      </c>
      <c r="AL588" t="s">
        <v>52</v>
      </c>
      <c r="AM588" t="s">
        <v>201</v>
      </c>
      <c r="AN588" t="s">
        <v>202</v>
      </c>
      <c r="AO588" t="s">
        <v>206</v>
      </c>
      <c r="AP588" t="s">
        <v>205</v>
      </c>
      <c r="AQ588" t="s">
        <v>185</v>
      </c>
      <c r="AR588" t="s">
        <v>184</v>
      </c>
      <c r="AS588" t="s">
        <v>183</v>
      </c>
      <c r="AT588" t="s">
        <v>182</v>
      </c>
      <c r="AU588" t="s">
        <v>203</v>
      </c>
      <c r="AV588" t="s">
        <v>204</v>
      </c>
      <c r="AX588" t="s">
        <v>186</v>
      </c>
      <c r="BF588" t="s">
        <v>210</v>
      </c>
      <c r="BG588" s="1">
        <v>0</v>
      </c>
      <c r="BH588" t="s">
        <v>211</v>
      </c>
      <c r="BK588" t="s">
        <v>191</v>
      </c>
      <c r="BL588" t="s">
        <v>1211</v>
      </c>
      <c r="BM588" t="s">
        <v>218</v>
      </c>
      <c r="BN588" t="s">
        <v>1212</v>
      </c>
      <c r="BO588" t="s">
        <v>218</v>
      </c>
      <c r="BP588" t="s">
        <v>1213</v>
      </c>
      <c r="BQ588" t="s">
        <v>1214</v>
      </c>
    </row>
    <row r="589" spans="1:69" x14ac:dyDescent="0.25">
      <c r="A589" s="1">
        <v>30449280</v>
      </c>
      <c r="B589" t="s">
        <v>1956</v>
      </c>
      <c r="C589" t="s">
        <v>39</v>
      </c>
      <c r="D589" t="s">
        <v>1616</v>
      </c>
      <c r="E589" t="s">
        <v>175</v>
      </c>
      <c r="L589" t="s">
        <v>52</v>
      </c>
      <c r="M589" s="1">
        <v>0</v>
      </c>
      <c r="N589" s="1">
        <v>0</v>
      </c>
      <c r="O589" t="s">
        <v>1616</v>
      </c>
      <c r="P589" t="s">
        <v>176</v>
      </c>
      <c r="Q589" t="s">
        <v>258</v>
      </c>
      <c r="S589" t="s">
        <v>315</v>
      </c>
      <c r="T589" t="s">
        <v>175</v>
      </c>
      <c r="V589" t="s">
        <v>397</v>
      </c>
      <c r="AC589" t="s">
        <v>180</v>
      </c>
      <c r="AD589" t="s">
        <v>175</v>
      </c>
      <c r="AE589" t="s">
        <v>175</v>
      </c>
      <c r="AF589" t="s">
        <v>175</v>
      </c>
      <c r="AG589" t="s">
        <v>175</v>
      </c>
      <c r="AH589" t="s">
        <v>175</v>
      </c>
      <c r="AI589" t="s">
        <v>175</v>
      </c>
      <c r="AJ589" t="s">
        <v>175</v>
      </c>
      <c r="AK589" t="s">
        <v>175</v>
      </c>
      <c r="AL589" t="s">
        <v>42</v>
      </c>
      <c r="AM589" s="1">
        <v>0</v>
      </c>
      <c r="AN589" s="1">
        <v>0</v>
      </c>
      <c r="AO589" s="1">
        <v>0</v>
      </c>
      <c r="AP589" s="1">
        <v>0</v>
      </c>
      <c r="AQ589" s="1">
        <v>0</v>
      </c>
      <c r="AR589" s="1">
        <v>0</v>
      </c>
      <c r="AS589" s="1">
        <v>0</v>
      </c>
      <c r="AT589" s="1">
        <v>0</v>
      </c>
      <c r="AU589" s="1">
        <v>0</v>
      </c>
      <c r="AV589" s="1">
        <v>0</v>
      </c>
      <c r="AX589" t="s">
        <v>186</v>
      </c>
      <c r="BC589" t="s">
        <v>209</v>
      </c>
      <c r="BF589" t="s">
        <v>210</v>
      </c>
      <c r="BG589" s="1">
        <v>0</v>
      </c>
      <c r="BH589" t="s">
        <v>211</v>
      </c>
      <c r="BK589" t="s">
        <v>191</v>
      </c>
      <c r="BM589" t="s">
        <v>191</v>
      </c>
      <c r="BO589" t="s">
        <v>191</v>
      </c>
    </row>
    <row r="590" spans="1:69" x14ac:dyDescent="0.25">
      <c r="A590" s="1">
        <v>30449282</v>
      </c>
      <c r="B590" t="s">
        <v>3348</v>
      </c>
      <c r="C590" t="s">
        <v>39</v>
      </c>
      <c r="D590" t="s">
        <v>3138</v>
      </c>
      <c r="E590" t="s">
        <v>200</v>
      </c>
      <c r="L590" t="s">
        <v>52</v>
      </c>
      <c r="M590" s="1">
        <v>0</v>
      </c>
      <c r="N590" s="1">
        <v>0</v>
      </c>
      <c r="O590" t="s">
        <v>3139</v>
      </c>
      <c r="P590" t="s">
        <v>176</v>
      </c>
      <c r="Q590" t="s">
        <v>196</v>
      </c>
      <c r="S590" t="s">
        <v>349</v>
      </c>
      <c r="T590" t="s">
        <v>200</v>
      </c>
      <c r="AC590" t="s">
        <v>180</v>
      </c>
      <c r="AD590" t="s">
        <v>200</v>
      </c>
      <c r="AE590" t="s">
        <v>200</v>
      </c>
      <c r="AF590" t="s">
        <v>200</v>
      </c>
      <c r="AG590" t="s">
        <v>200</v>
      </c>
      <c r="AH590" t="s">
        <v>200</v>
      </c>
      <c r="AI590" t="s">
        <v>200</v>
      </c>
      <c r="AJ590" t="s">
        <v>200</v>
      </c>
      <c r="AK590" t="s">
        <v>200</v>
      </c>
      <c r="AL590" t="s">
        <v>52</v>
      </c>
      <c r="AM590" s="1">
        <v>0</v>
      </c>
      <c r="AN590" s="1">
        <v>0</v>
      </c>
      <c r="AO590" s="1">
        <v>0</v>
      </c>
      <c r="AP590" s="1">
        <v>0</v>
      </c>
      <c r="AQ590" s="1">
        <v>0</v>
      </c>
      <c r="AR590" s="1">
        <v>0</v>
      </c>
      <c r="AS590" s="1">
        <v>0</v>
      </c>
      <c r="AT590" s="1">
        <v>0</v>
      </c>
      <c r="AU590" s="1">
        <v>0</v>
      </c>
      <c r="AV590" s="1">
        <v>0</v>
      </c>
      <c r="AZ590" t="s">
        <v>207</v>
      </c>
      <c r="BF590" t="s">
        <v>210</v>
      </c>
      <c r="BG590" s="1">
        <v>0</v>
      </c>
      <c r="BH590" t="s">
        <v>211</v>
      </c>
      <c r="BK590" t="s">
        <v>191</v>
      </c>
      <c r="BM590" t="s">
        <v>218</v>
      </c>
      <c r="BO590" t="s">
        <v>218</v>
      </c>
    </row>
    <row r="591" spans="1:69" x14ac:dyDescent="0.25">
      <c r="A591" s="1">
        <v>30449288</v>
      </c>
      <c r="B591" t="s">
        <v>4054</v>
      </c>
      <c r="C591" t="s">
        <v>39</v>
      </c>
      <c r="D591" t="s">
        <v>3727</v>
      </c>
      <c r="E591" t="s">
        <v>175</v>
      </c>
      <c r="L591" t="s">
        <v>52</v>
      </c>
      <c r="M591" s="1">
        <v>0</v>
      </c>
      <c r="N591" s="1">
        <v>0</v>
      </c>
      <c r="O591" t="s">
        <v>3728</v>
      </c>
      <c r="P591" t="s">
        <v>176</v>
      </c>
      <c r="Q591" t="s">
        <v>258</v>
      </c>
      <c r="S591" t="s">
        <v>222</v>
      </c>
      <c r="T591" t="s">
        <v>175</v>
      </c>
      <c r="X591" t="s">
        <v>179</v>
      </c>
      <c r="Y591" t="s">
        <v>224</v>
      </c>
      <c r="AC591" t="s">
        <v>225</v>
      </c>
      <c r="AD591" t="s">
        <v>175</v>
      </c>
      <c r="AE591" t="s">
        <v>175</v>
      </c>
      <c r="AF591" t="s">
        <v>175</v>
      </c>
      <c r="AG591" t="s">
        <v>175</v>
      </c>
      <c r="AH591" t="s">
        <v>175</v>
      </c>
      <c r="AI591" t="s">
        <v>175</v>
      </c>
      <c r="AJ591" t="s">
        <v>175</v>
      </c>
      <c r="AK591" t="s">
        <v>175</v>
      </c>
      <c r="AL591" t="s">
        <v>52</v>
      </c>
      <c r="AM591" t="s">
        <v>206</v>
      </c>
      <c r="AN591" t="s">
        <v>182</v>
      </c>
      <c r="AO591" t="s">
        <v>204</v>
      </c>
      <c r="AP591" t="s">
        <v>205</v>
      </c>
      <c r="AQ591" t="s">
        <v>185</v>
      </c>
      <c r="AR591" t="s">
        <v>184</v>
      </c>
      <c r="AS591" t="s">
        <v>203</v>
      </c>
      <c r="AT591" t="s">
        <v>183</v>
      </c>
      <c r="AU591" t="s">
        <v>201</v>
      </c>
      <c r="AV591" t="s">
        <v>202</v>
      </c>
      <c r="AX591" t="s">
        <v>186</v>
      </c>
      <c r="BC591" t="s">
        <v>209</v>
      </c>
      <c r="BF591" t="s">
        <v>292</v>
      </c>
      <c r="BG591" t="s">
        <v>301</v>
      </c>
      <c r="BH591" t="s">
        <v>190</v>
      </c>
      <c r="BK591" t="s">
        <v>191</v>
      </c>
      <c r="BL591" t="s">
        <v>4055</v>
      </c>
      <c r="BM591" t="s">
        <v>191</v>
      </c>
      <c r="BN591" t="s">
        <v>3694</v>
      </c>
      <c r="BO591" t="s">
        <v>191</v>
      </c>
    </row>
    <row r="592" spans="1:69" x14ac:dyDescent="0.25">
      <c r="A592" s="1">
        <v>30449292</v>
      </c>
      <c r="B592" t="s">
        <v>2723</v>
      </c>
      <c r="C592" t="s">
        <v>39</v>
      </c>
      <c r="D592" t="s">
        <v>2512</v>
      </c>
      <c r="E592" t="s">
        <v>200</v>
      </c>
      <c r="L592" t="s">
        <v>52</v>
      </c>
      <c r="M592" s="1">
        <v>0</v>
      </c>
      <c r="N592" s="1">
        <v>0</v>
      </c>
      <c r="O592" t="s">
        <v>2512</v>
      </c>
      <c r="P592" t="s">
        <v>176</v>
      </c>
      <c r="Q592" t="s">
        <v>177</v>
      </c>
      <c r="S592" t="s">
        <v>178</v>
      </c>
      <c r="T592" t="s">
        <v>200</v>
      </c>
      <c r="X592" t="s">
        <v>179</v>
      </c>
      <c r="AC592" t="s">
        <v>266</v>
      </c>
      <c r="AD592" t="s">
        <v>175</v>
      </c>
      <c r="AE592" t="s">
        <v>175</v>
      </c>
      <c r="AF592" t="s">
        <v>175</v>
      </c>
      <c r="AG592" t="s">
        <v>175</v>
      </c>
      <c r="AH592" t="s">
        <v>200</v>
      </c>
      <c r="AI592" t="s">
        <v>200</v>
      </c>
      <c r="AJ592" t="s">
        <v>175</v>
      </c>
      <c r="AK592" t="s">
        <v>175</v>
      </c>
      <c r="AL592" t="s">
        <v>52</v>
      </c>
      <c r="AM592" t="s">
        <v>184</v>
      </c>
      <c r="AN592" s="1">
        <v>0</v>
      </c>
      <c r="AO592" s="1">
        <v>0</v>
      </c>
      <c r="AP592" t="s">
        <v>183</v>
      </c>
      <c r="AQ592" s="1">
        <v>0</v>
      </c>
      <c r="AR592" s="1">
        <v>0</v>
      </c>
      <c r="AS592" t="s">
        <v>182</v>
      </c>
      <c r="AT592" t="s">
        <v>185</v>
      </c>
      <c r="AU592" s="1">
        <v>0</v>
      </c>
      <c r="AV592" s="1">
        <v>0</v>
      </c>
      <c r="AY592" t="s">
        <v>187</v>
      </c>
      <c r="AZ592" t="s">
        <v>207</v>
      </c>
      <c r="BA592" t="s">
        <v>188</v>
      </c>
      <c r="BF592" t="s">
        <v>49</v>
      </c>
      <c r="BG592" s="1">
        <v>0</v>
      </c>
      <c r="BH592" t="s">
        <v>190</v>
      </c>
      <c r="BK592" t="s">
        <v>191</v>
      </c>
      <c r="BM592" t="s">
        <v>191</v>
      </c>
      <c r="BO592" t="s">
        <v>191</v>
      </c>
    </row>
    <row r="593" spans="1:69" x14ac:dyDescent="0.25">
      <c r="A593" s="1">
        <v>30449294</v>
      </c>
      <c r="B593" t="s">
        <v>2724</v>
      </c>
      <c r="C593" t="s">
        <v>39</v>
      </c>
      <c r="D593" t="s">
        <v>2512</v>
      </c>
      <c r="E593" t="s">
        <v>200</v>
      </c>
      <c r="L593" t="s">
        <v>52</v>
      </c>
      <c r="M593" s="1">
        <v>0</v>
      </c>
      <c r="N593" s="1">
        <v>0</v>
      </c>
      <c r="O593" t="s">
        <v>2512</v>
      </c>
      <c r="P593" t="s">
        <v>176</v>
      </c>
      <c r="Q593" t="s">
        <v>238</v>
      </c>
      <c r="S593" t="s">
        <v>178</v>
      </c>
      <c r="T593" t="s">
        <v>200</v>
      </c>
      <c r="AA593" t="s">
        <v>273</v>
      </c>
      <c r="AB593" t="s">
        <v>2725</v>
      </c>
      <c r="AC593" t="s">
        <v>180</v>
      </c>
      <c r="AD593" t="s">
        <v>175</v>
      </c>
      <c r="AE593" t="s">
        <v>175</v>
      </c>
      <c r="AF593" t="s">
        <v>175</v>
      </c>
      <c r="AG593" t="s">
        <v>175</v>
      </c>
      <c r="AH593" t="s">
        <v>175</v>
      </c>
      <c r="AI593" t="s">
        <v>175</v>
      </c>
      <c r="AJ593" t="s">
        <v>175</v>
      </c>
      <c r="AK593" t="s">
        <v>175</v>
      </c>
      <c r="AL593" t="s">
        <v>42</v>
      </c>
      <c r="AM593" t="s">
        <v>184</v>
      </c>
      <c r="AN593" t="s">
        <v>182</v>
      </c>
      <c r="AO593" t="s">
        <v>185</v>
      </c>
      <c r="AP593" s="1">
        <v>0</v>
      </c>
      <c r="AQ593" s="1">
        <v>0</v>
      </c>
      <c r="AR593" s="1">
        <v>0</v>
      </c>
      <c r="AS593" s="1">
        <v>0</v>
      </c>
      <c r="AT593" t="s">
        <v>183</v>
      </c>
      <c r="AU593" s="1">
        <v>0</v>
      </c>
      <c r="AV593" t="s">
        <v>201</v>
      </c>
      <c r="AX593" t="s">
        <v>186</v>
      </c>
      <c r="AY593" t="s">
        <v>187</v>
      </c>
      <c r="AZ593" t="s">
        <v>207</v>
      </c>
      <c r="BF593" t="s">
        <v>210</v>
      </c>
      <c r="BG593" s="1">
        <v>0</v>
      </c>
      <c r="BH593" t="s">
        <v>190</v>
      </c>
      <c r="BK593" t="s">
        <v>191</v>
      </c>
      <c r="BL593" t="s">
        <v>2726</v>
      </c>
      <c r="BM593" s="1">
        <v>0</v>
      </c>
      <c r="BN593" t="s">
        <v>2727</v>
      </c>
      <c r="BO593" t="s">
        <v>218</v>
      </c>
      <c r="BP593" t="s">
        <v>2728</v>
      </c>
      <c r="BQ593" t="s">
        <v>2729</v>
      </c>
    </row>
    <row r="594" spans="1:69" x14ac:dyDescent="0.25">
      <c r="A594" s="1">
        <v>30449296</v>
      </c>
      <c r="B594" t="s">
        <v>476</v>
      </c>
      <c r="C594" t="s">
        <v>39</v>
      </c>
      <c r="D594" t="s">
        <v>174</v>
      </c>
      <c r="E594" t="s">
        <v>175</v>
      </c>
      <c r="L594" t="s">
        <v>52</v>
      </c>
      <c r="M594" s="1">
        <v>0</v>
      </c>
      <c r="N594" s="1">
        <v>0</v>
      </c>
      <c r="O594" t="s">
        <v>174</v>
      </c>
      <c r="P594" t="s">
        <v>216</v>
      </c>
      <c r="Q594" t="s">
        <v>177</v>
      </c>
      <c r="S594" s="1">
        <v>0</v>
      </c>
      <c r="T594" t="s">
        <v>175</v>
      </c>
      <c r="W594" t="s">
        <v>262</v>
      </c>
      <c r="X594" t="s">
        <v>179</v>
      </c>
      <c r="AC594" t="s">
        <v>199</v>
      </c>
      <c r="AD594" t="s">
        <v>175</v>
      </c>
      <c r="AE594" t="s">
        <v>181</v>
      </c>
      <c r="AF594" t="s">
        <v>181</v>
      </c>
      <c r="AG594" t="s">
        <v>175</v>
      </c>
      <c r="AH594" t="s">
        <v>181</v>
      </c>
      <c r="AI594" t="s">
        <v>181</v>
      </c>
      <c r="AJ594" t="s">
        <v>181</v>
      </c>
      <c r="AK594" t="s">
        <v>175</v>
      </c>
      <c r="AL594" t="s">
        <v>42</v>
      </c>
      <c r="AM594" t="s">
        <v>202</v>
      </c>
      <c r="AN594" t="s">
        <v>206</v>
      </c>
      <c r="AO594" t="s">
        <v>184</v>
      </c>
      <c r="AP594" t="s">
        <v>182</v>
      </c>
      <c r="AQ594" t="s">
        <v>185</v>
      </c>
      <c r="AR594" t="s">
        <v>203</v>
      </c>
      <c r="AS594" t="s">
        <v>205</v>
      </c>
      <c r="AT594" t="s">
        <v>201</v>
      </c>
      <c r="AU594" t="s">
        <v>183</v>
      </c>
      <c r="AV594" t="s">
        <v>204</v>
      </c>
      <c r="AX594" t="s">
        <v>186</v>
      </c>
      <c r="AZ594" t="s">
        <v>207</v>
      </c>
      <c r="BC594" t="s">
        <v>209</v>
      </c>
      <c r="BF594" t="s">
        <v>210</v>
      </c>
      <c r="BG594" s="1">
        <v>0</v>
      </c>
      <c r="BH594" t="s">
        <v>211</v>
      </c>
      <c r="BK594" t="s">
        <v>191</v>
      </c>
      <c r="BM594" t="s">
        <v>191</v>
      </c>
      <c r="BO594" t="s">
        <v>191</v>
      </c>
    </row>
    <row r="595" spans="1:69" x14ac:dyDescent="0.25">
      <c r="A595" s="1">
        <v>30449300</v>
      </c>
      <c r="B595" t="s">
        <v>2730</v>
      </c>
      <c r="C595" t="s">
        <v>39</v>
      </c>
      <c r="D595" t="s">
        <v>2512</v>
      </c>
      <c r="E595" t="s">
        <v>195</v>
      </c>
      <c r="L595" t="s">
        <v>52</v>
      </c>
      <c r="M595" s="1">
        <v>0</v>
      </c>
      <c r="N595" s="1">
        <v>0</v>
      </c>
      <c r="O595" t="s">
        <v>2512</v>
      </c>
      <c r="P595" t="s">
        <v>176</v>
      </c>
      <c r="Q595" t="s">
        <v>196</v>
      </c>
      <c r="S595" t="s">
        <v>222</v>
      </c>
      <c r="T595" t="s">
        <v>197</v>
      </c>
      <c r="Y595" t="s">
        <v>224</v>
      </c>
      <c r="AC595" t="s">
        <v>180</v>
      </c>
      <c r="AD595" t="s">
        <v>230</v>
      </c>
      <c r="AE595" t="s">
        <v>230</v>
      </c>
      <c r="AF595" t="s">
        <v>230</v>
      </c>
      <c r="AG595" t="s">
        <v>181</v>
      </c>
      <c r="AH595" t="s">
        <v>175</v>
      </c>
      <c r="AI595" t="s">
        <v>175</v>
      </c>
      <c r="AJ595" t="s">
        <v>181</v>
      </c>
      <c r="AK595" t="s">
        <v>181</v>
      </c>
      <c r="AL595" s="1">
        <v>0</v>
      </c>
      <c r="AM595" s="1">
        <v>0</v>
      </c>
      <c r="AN595" s="1">
        <v>0</v>
      </c>
      <c r="AO595" s="1">
        <v>0</v>
      </c>
      <c r="AP595" s="1">
        <v>0</v>
      </c>
      <c r="AQ595" s="1">
        <v>0</v>
      </c>
      <c r="AR595" s="1">
        <v>0</v>
      </c>
      <c r="AS595" s="1">
        <v>0</v>
      </c>
      <c r="AT595" s="1">
        <v>0</v>
      </c>
      <c r="AU595" s="1">
        <v>0</v>
      </c>
      <c r="AV595" s="1">
        <v>0</v>
      </c>
      <c r="BF595" s="1">
        <v>0</v>
      </c>
      <c r="BG595" s="1">
        <v>0</v>
      </c>
      <c r="BH595" s="1">
        <v>0</v>
      </c>
      <c r="BK595" s="1">
        <v>0</v>
      </c>
      <c r="BM595" s="1">
        <v>0</v>
      </c>
      <c r="BO595" s="1">
        <v>0</v>
      </c>
    </row>
    <row r="596" spans="1:69" x14ac:dyDescent="0.25">
      <c r="A596" s="1">
        <v>30449301</v>
      </c>
      <c r="B596" t="s">
        <v>1957</v>
      </c>
      <c r="C596" t="s">
        <v>39</v>
      </c>
      <c r="D596" t="s">
        <v>1616</v>
      </c>
      <c r="E596" t="s">
        <v>200</v>
      </c>
      <c r="L596" t="s">
        <v>52</v>
      </c>
      <c r="M596" s="1">
        <v>0</v>
      </c>
      <c r="N596" s="1">
        <v>0</v>
      </c>
      <c r="O596" t="s">
        <v>1616</v>
      </c>
      <c r="P596" t="s">
        <v>216</v>
      </c>
      <c r="Q596" t="s">
        <v>196</v>
      </c>
      <c r="S596" s="1">
        <v>0</v>
      </c>
      <c r="T596" t="s">
        <v>200</v>
      </c>
      <c r="Y596" t="s">
        <v>224</v>
      </c>
      <c r="AC596" t="s">
        <v>199</v>
      </c>
      <c r="AD596" t="s">
        <v>299</v>
      </c>
      <c r="AE596" t="s">
        <v>299</v>
      </c>
      <c r="AF596" t="s">
        <v>299</v>
      </c>
      <c r="AG596" t="s">
        <v>299</v>
      </c>
      <c r="AH596" t="s">
        <v>299</v>
      </c>
      <c r="AI596" t="s">
        <v>299</v>
      </c>
      <c r="AJ596" t="s">
        <v>299</v>
      </c>
      <c r="AK596" t="s">
        <v>299</v>
      </c>
      <c r="AL596" t="s">
        <v>42</v>
      </c>
      <c r="AM596" s="1">
        <v>0</v>
      </c>
      <c r="AN596" s="1">
        <v>0</v>
      </c>
      <c r="AO596" s="1">
        <v>0</v>
      </c>
      <c r="AP596" s="1">
        <v>0</v>
      </c>
      <c r="AQ596" s="1">
        <v>0</v>
      </c>
      <c r="AR596" s="1">
        <v>0</v>
      </c>
      <c r="AS596" s="1">
        <v>0</v>
      </c>
      <c r="AT596" s="1">
        <v>0</v>
      </c>
      <c r="AU596" s="1">
        <v>0</v>
      </c>
      <c r="AV596" s="1">
        <v>0</v>
      </c>
      <c r="BF596" s="1">
        <v>0</v>
      </c>
      <c r="BG596" s="1">
        <v>0</v>
      </c>
      <c r="BH596" s="1">
        <v>0</v>
      </c>
      <c r="BK596" s="1">
        <v>0</v>
      </c>
      <c r="BM596" s="1">
        <v>0</v>
      </c>
      <c r="BO596" s="1">
        <v>0</v>
      </c>
    </row>
    <row r="597" spans="1:69" x14ac:dyDescent="0.25">
      <c r="A597" s="1">
        <v>30449306</v>
      </c>
      <c r="B597" t="s">
        <v>4056</v>
      </c>
      <c r="C597" t="s">
        <v>39</v>
      </c>
      <c r="D597" t="s">
        <v>3727</v>
      </c>
      <c r="E597" t="s">
        <v>175</v>
      </c>
      <c r="L597" t="s">
        <v>52</v>
      </c>
      <c r="M597" s="1">
        <v>0</v>
      </c>
      <c r="N597" s="1">
        <v>0</v>
      </c>
      <c r="O597" t="s">
        <v>3728</v>
      </c>
      <c r="P597" t="s">
        <v>176</v>
      </c>
      <c r="Q597" t="s">
        <v>177</v>
      </c>
      <c r="S597" t="s">
        <v>349</v>
      </c>
      <c r="T597" t="s">
        <v>175</v>
      </c>
      <c r="Z597" t="s">
        <v>244</v>
      </c>
      <c r="AA597" t="s">
        <v>273</v>
      </c>
      <c r="AB597" t="s">
        <v>4057</v>
      </c>
      <c r="AC597" t="s">
        <v>180</v>
      </c>
      <c r="AD597" t="s">
        <v>230</v>
      </c>
      <c r="AE597" t="s">
        <v>175</v>
      </c>
      <c r="AF597" t="s">
        <v>175</v>
      </c>
      <c r="AG597" t="s">
        <v>230</v>
      </c>
      <c r="AH597" t="s">
        <v>200</v>
      </c>
      <c r="AI597" t="s">
        <v>200</v>
      </c>
      <c r="AJ597" t="s">
        <v>181</v>
      </c>
      <c r="AK597" t="s">
        <v>175</v>
      </c>
      <c r="AL597" t="s">
        <v>52</v>
      </c>
      <c r="AM597" t="s">
        <v>185</v>
      </c>
      <c r="AN597" t="s">
        <v>183</v>
      </c>
      <c r="AO597" t="s">
        <v>201</v>
      </c>
      <c r="AP597" t="s">
        <v>205</v>
      </c>
      <c r="AQ597" t="s">
        <v>184</v>
      </c>
      <c r="AR597" t="s">
        <v>204</v>
      </c>
      <c r="AS597" t="s">
        <v>182</v>
      </c>
      <c r="AT597" t="s">
        <v>203</v>
      </c>
      <c r="AU597" t="s">
        <v>206</v>
      </c>
      <c r="AV597" t="s">
        <v>202</v>
      </c>
      <c r="AW597" t="s">
        <v>4057</v>
      </c>
      <c r="AZ597" t="s">
        <v>207</v>
      </c>
      <c r="BA597" t="s">
        <v>188</v>
      </c>
      <c r="BD597" t="s">
        <v>273</v>
      </c>
      <c r="BE597" t="s">
        <v>4058</v>
      </c>
      <c r="BF597" t="s">
        <v>189</v>
      </c>
      <c r="BG597" s="1">
        <v>0</v>
      </c>
      <c r="BH597" t="s">
        <v>211</v>
      </c>
      <c r="BK597" t="s">
        <v>218</v>
      </c>
      <c r="BL597" t="s">
        <v>4059</v>
      </c>
      <c r="BM597" t="s">
        <v>191</v>
      </c>
      <c r="BN597" t="s">
        <v>4060</v>
      </c>
      <c r="BO597" t="s">
        <v>218</v>
      </c>
      <c r="BP597" t="s">
        <v>4061</v>
      </c>
      <c r="BQ597" t="s">
        <v>4062</v>
      </c>
    </row>
    <row r="598" spans="1:69" x14ac:dyDescent="0.25">
      <c r="A598" s="1">
        <v>30449307</v>
      </c>
      <c r="B598" t="s">
        <v>1958</v>
      </c>
      <c r="C598" t="s">
        <v>39</v>
      </c>
      <c r="D598" t="s">
        <v>1616</v>
      </c>
      <c r="E598" t="s">
        <v>175</v>
      </c>
      <c r="L598" t="s">
        <v>52</v>
      </c>
      <c r="M598" s="1">
        <v>0</v>
      </c>
      <c r="N598" s="1">
        <v>0</v>
      </c>
      <c r="O598" t="s">
        <v>1616</v>
      </c>
      <c r="P598" t="s">
        <v>216</v>
      </c>
      <c r="Q598" t="s">
        <v>322</v>
      </c>
      <c r="S598" s="1">
        <v>0</v>
      </c>
      <c r="T598" t="s">
        <v>175</v>
      </c>
      <c r="W598" t="s">
        <v>262</v>
      </c>
      <c r="X598" t="s">
        <v>179</v>
      </c>
      <c r="Y598" t="s">
        <v>224</v>
      </c>
      <c r="Z598" t="s">
        <v>244</v>
      </c>
      <c r="AC598" t="s">
        <v>180</v>
      </c>
      <c r="AD598" t="s">
        <v>175</v>
      </c>
      <c r="AE598" t="s">
        <v>175</v>
      </c>
      <c r="AF598" t="s">
        <v>175</v>
      </c>
      <c r="AG598" t="s">
        <v>175</v>
      </c>
      <c r="AH598" t="s">
        <v>200</v>
      </c>
      <c r="AI598" t="s">
        <v>200</v>
      </c>
      <c r="AJ598" t="s">
        <v>200</v>
      </c>
      <c r="AK598" t="s">
        <v>175</v>
      </c>
      <c r="AL598" t="s">
        <v>52</v>
      </c>
      <c r="AM598" t="s">
        <v>184</v>
      </c>
      <c r="AN598" t="s">
        <v>206</v>
      </c>
      <c r="AO598" t="s">
        <v>201</v>
      </c>
      <c r="AP598" t="s">
        <v>183</v>
      </c>
      <c r="AQ598" t="s">
        <v>203</v>
      </c>
      <c r="AR598" t="s">
        <v>202</v>
      </c>
      <c r="AS598" t="s">
        <v>185</v>
      </c>
      <c r="AT598" t="s">
        <v>205</v>
      </c>
      <c r="AU598" t="s">
        <v>204</v>
      </c>
      <c r="AV598" t="s">
        <v>182</v>
      </c>
      <c r="AW598" t="s">
        <v>1959</v>
      </c>
      <c r="AX598" t="s">
        <v>186</v>
      </c>
      <c r="AY598" t="s">
        <v>187</v>
      </c>
      <c r="AZ598" t="s">
        <v>207</v>
      </c>
      <c r="BC598" t="s">
        <v>209</v>
      </c>
      <c r="BF598" t="s">
        <v>189</v>
      </c>
      <c r="BG598" s="1">
        <v>0</v>
      </c>
      <c r="BH598" t="s">
        <v>247</v>
      </c>
      <c r="BK598" t="s">
        <v>191</v>
      </c>
      <c r="BL598" t="s">
        <v>317</v>
      </c>
      <c r="BM598" t="s">
        <v>191</v>
      </c>
      <c r="BN598" t="s">
        <v>911</v>
      </c>
      <c r="BO598" t="s">
        <v>218</v>
      </c>
      <c r="BP598" t="s">
        <v>1960</v>
      </c>
    </row>
    <row r="599" spans="1:69" x14ac:dyDescent="0.25">
      <c r="A599" s="1">
        <v>30449309</v>
      </c>
      <c r="B599" t="s">
        <v>1215</v>
      </c>
      <c r="C599" t="s">
        <v>39</v>
      </c>
      <c r="D599" t="s">
        <v>942</v>
      </c>
      <c r="E599" t="s">
        <v>200</v>
      </c>
      <c r="L599" t="s">
        <v>52</v>
      </c>
      <c r="M599" s="1">
        <v>0</v>
      </c>
      <c r="N599" s="1">
        <v>0</v>
      </c>
      <c r="O599" t="s">
        <v>942</v>
      </c>
      <c r="P599" t="s">
        <v>176</v>
      </c>
      <c r="Q599" t="s">
        <v>196</v>
      </c>
      <c r="S599" t="s">
        <v>178</v>
      </c>
      <c r="T599" t="s">
        <v>200</v>
      </c>
      <c r="AA599" t="s">
        <v>273</v>
      </c>
      <c r="AB599" t="s">
        <v>1216</v>
      </c>
      <c r="AC599" t="s">
        <v>180</v>
      </c>
      <c r="AD599" t="s">
        <v>299</v>
      </c>
      <c r="AE599" t="s">
        <v>299</v>
      </c>
      <c r="AF599" t="s">
        <v>299</v>
      </c>
      <c r="AG599" t="s">
        <v>299</v>
      </c>
      <c r="AH599" t="s">
        <v>299</v>
      </c>
      <c r="AI599" t="s">
        <v>299</v>
      </c>
      <c r="AJ599" t="s">
        <v>299</v>
      </c>
      <c r="AK599" t="s">
        <v>230</v>
      </c>
      <c r="AL599" t="s">
        <v>42</v>
      </c>
      <c r="AM599" t="s">
        <v>184</v>
      </c>
      <c r="AN599" t="s">
        <v>201</v>
      </c>
      <c r="AO599" t="s">
        <v>182</v>
      </c>
      <c r="AP599" t="s">
        <v>205</v>
      </c>
      <c r="AQ599" t="s">
        <v>204</v>
      </c>
      <c r="AR599" t="s">
        <v>202</v>
      </c>
      <c r="AS599" t="s">
        <v>203</v>
      </c>
      <c r="AT599" t="s">
        <v>183</v>
      </c>
      <c r="AU599" t="s">
        <v>206</v>
      </c>
      <c r="AV599" t="s">
        <v>185</v>
      </c>
      <c r="AW599" t="s">
        <v>1217</v>
      </c>
      <c r="AZ599" t="s">
        <v>207</v>
      </c>
      <c r="BF599" t="s">
        <v>210</v>
      </c>
      <c r="BG599" s="1">
        <v>0</v>
      </c>
      <c r="BH599" t="s">
        <v>190</v>
      </c>
      <c r="BK599" t="s">
        <v>191</v>
      </c>
      <c r="BM599" t="s">
        <v>218</v>
      </c>
      <c r="BO599" t="s">
        <v>218</v>
      </c>
      <c r="BP599" t="s">
        <v>1218</v>
      </c>
      <c r="BQ599" t="s">
        <v>1219</v>
      </c>
    </row>
    <row r="600" spans="1:69" x14ac:dyDescent="0.25">
      <c r="A600" s="1">
        <v>30449311</v>
      </c>
      <c r="B600" t="s">
        <v>477</v>
      </c>
      <c r="C600" t="s">
        <v>39</v>
      </c>
      <c r="D600" t="s">
        <v>174</v>
      </c>
      <c r="E600" t="s">
        <v>175</v>
      </c>
      <c r="L600" t="s">
        <v>52</v>
      </c>
      <c r="M600" s="1">
        <v>0</v>
      </c>
      <c r="N600" s="1">
        <v>0</v>
      </c>
      <c r="O600" t="s">
        <v>174</v>
      </c>
      <c r="P600" t="s">
        <v>176</v>
      </c>
      <c r="Q600" t="s">
        <v>196</v>
      </c>
      <c r="S600" t="s">
        <v>178</v>
      </c>
      <c r="T600" t="s">
        <v>175</v>
      </c>
      <c r="Z600" t="s">
        <v>244</v>
      </c>
      <c r="AC600" t="s">
        <v>180</v>
      </c>
      <c r="AD600" t="s">
        <v>181</v>
      </c>
      <c r="AE600" t="s">
        <v>181</v>
      </c>
      <c r="AF600" t="s">
        <v>181</v>
      </c>
      <c r="AG600" t="s">
        <v>181</v>
      </c>
      <c r="AH600" t="s">
        <v>175</v>
      </c>
      <c r="AI600" t="s">
        <v>175</v>
      </c>
      <c r="AJ600" t="s">
        <v>181</v>
      </c>
      <c r="AK600" t="s">
        <v>181</v>
      </c>
      <c r="AL600" t="s">
        <v>52</v>
      </c>
      <c r="AM600" s="1">
        <v>0</v>
      </c>
      <c r="AN600" s="1">
        <v>0</v>
      </c>
      <c r="AO600" s="1">
        <v>0</v>
      </c>
      <c r="AP600" s="1">
        <v>0</v>
      </c>
      <c r="AQ600" s="1">
        <v>0</v>
      </c>
      <c r="AR600" s="1">
        <v>0</v>
      </c>
      <c r="AS600" s="1">
        <v>0</v>
      </c>
      <c r="AT600" s="1">
        <v>0</v>
      </c>
      <c r="AU600" s="1">
        <v>0</v>
      </c>
      <c r="AV600" s="1">
        <v>0</v>
      </c>
      <c r="BF600" s="1">
        <v>0</v>
      </c>
      <c r="BG600" s="1">
        <v>0</v>
      </c>
      <c r="BH600" s="1">
        <v>0</v>
      </c>
      <c r="BK600" s="1">
        <v>0</v>
      </c>
      <c r="BM600" s="1">
        <v>0</v>
      </c>
      <c r="BO600" s="1">
        <v>0</v>
      </c>
    </row>
    <row r="601" spans="1:69" x14ac:dyDescent="0.25">
      <c r="A601" s="1">
        <v>30449313</v>
      </c>
      <c r="B601" t="s">
        <v>2731</v>
      </c>
      <c r="C601" t="s">
        <v>39</v>
      </c>
      <c r="D601" t="s">
        <v>2512</v>
      </c>
      <c r="E601" t="s">
        <v>175</v>
      </c>
      <c r="L601" t="s">
        <v>52</v>
      </c>
      <c r="M601" s="1">
        <v>0</v>
      </c>
      <c r="N601" s="1">
        <v>0</v>
      </c>
      <c r="O601" t="s">
        <v>2512</v>
      </c>
      <c r="P601" t="s">
        <v>216</v>
      </c>
      <c r="Q601" t="s">
        <v>238</v>
      </c>
      <c r="S601" s="1">
        <v>0</v>
      </c>
      <c r="T601" t="s">
        <v>175</v>
      </c>
      <c r="W601" t="s">
        <v>262</v>
      </c>
      <c r="X601" t="s">
        <v>179</v>
      </c>
      <c r="AC601" t="s">
        <v>180</v>
      </c>
      <c r="AD601" t="s">
        <v>200</v>
      </c>
      <c r="AE601" t="s">
        <v>175</v>
      </c>
      <c r="AF601" t="s">
        <v>175</v>
      </c>
      <c r="AG601" t="s">
        <v>181</v>
      </c>
      <c r="AH601" t="s">
        <v>200</v>
      </c>
      <c r="AI601" t="s">
        <v>200</v>
      </c>
      <c r="AJ601" t="s">
        <v>175</v>
      </c>
      <c r="AK601" t="s">
        <v>175</v>
      </c>
      <c r="AL601" t="s">
        <v>42</v>
      </c>
      <c r="AM601" t="s">
        <v>206</v>
      </c>
      <c r="AN601" t="s">
        <v>204</v>
      </c>
      <c r="AO601" t="s">
        <v>184</v>
      </c>
      <c r="AP601" t="s">
        <v>185</v>
      </c>
      <c r="AQ601" t="s">
        <v>183</v>
      </c>
      <c r="AR601" t="s">
        <v>182</v>
      </c>
      <c r="AS601" t="s">
        <v>201</v>
      </c>
      <c r="AT601" t="s">
        <v>203</v>
      </c>
      <c r="AU601" t="s">
        <v>202</v>
      </c>
      <c r="AV601" t="s">
        <v>205</v>
      </c>
      <c r="AX601" t="s">
        <v>186</v>
      </c>
      <c r="AZ601" t="s">
        <v>207</v>
      </c>
      <c r="BA601" t="s">
        <v>188</v>
      </c>
      <c r="BF601" t="s">
        <v>189</v>
      </c>
      <c r="BG601" s="1">
        <v>0</v>
      </c>
      <c r="BH601" t="s">
        <v>247</v>
      </c>
      <c r="BK601" t="s">
        <v>191</v>
      </c>
      <c r="BL601" t="s">
        <v>2732</v>
      </c>
      <c r="BM601" t="s">
        <v>191</v>
      </c>
      <c r="BN601" t="s">
        <v>2733</v>
      </c>
      <c r="BO601" t="s">
        <v>191</v>
      </c>
      <c r="BP601" t="s">
        <v>2734</v>
      </c>
    </row>
    <row r="602" spans="1:69" x14ac:dyDescent="0.25">
      <c r="A602" s="1">
        <v>30449314</v>
      </c>
      <c r="B602" t="s">
        <v>63</v>
      </c>
      <c r="C602" t="s">
        <v>39</v>
      </c>
      <c r="L602" s="1">
        <v>0</v>
      </c>
      <c r="M602" s="1">
        <v>0</v>
      </c>
      <c r="N602" s="1">
        <v>0</v>
      </c>
      <c r="O602" s="1">
        <v>0</v>
      </c>
      <c r="P602" s="1">
        <v>0</v>
      </c>
      <c r="Q602" s="1">
        <v>0</v>
      </c>
      <c r="S602" s="1">
        <v>0</v>
      </c>
      <c r="T602" s="1">
        <v>0</v>
      </c>
      <c r="AC602" s="1">
        <v>0</v>
      </c>
      <c r="AD602" s="1">
        <v>0</v>
      </c>
      <c r="AE602" s="1">
        <v>0</v>
      </c>
      <c r="AF602" s="1">
        <v>0</v>
      </c>
      <c r="AG602" s="1">
        <v>0</v>
      </c>
      <c r="AH602" s="1">
        <v>0</v>
      </c>
      <c r="AI602" s="1">
        <v>0</v>
      </c>
      <c r="AJ602" s="1">
        <v>0</v>
      </c>
      <c r="AK602" s="1">
        <v>0</v>
      </c>
      <c r="AL602" s="1">
        <v>0</v>
      </c>
      <c r="AM602" s="1">
        <v>0</v>
      </c>
      <c r="AN602" s="1">
        <v>0</v>
      </c>
      <c r="AO602" s="1">
        <v>0</v>
      </c>
      <c r="AP602" s="1">
        <v>0</v>
      </c>
      <c r="AQ602" s="1">
        <v>0</v>
      </c>
      <c r="AR602" s="1">
        <v>0</v>
      </c>
      <c r="AS602" s="1">
        <v>0</v>
      </c>
      <c r="AT602" s="1">
        <v>0</v>
      </c>
      <c r="AU602" s="1">
        <v>0</v>
      </c>
      <c r="AV602" s="1">
        <v>0</v>
      </c>
      <c r="BF602" s="1">
        <v>0</v>
      </c>
      <c r="BG602" s="1">
        <v>0</v>
      </c>
      <c r="BH602" s="1">
        <v>0</v>
      </c>
      <c r="BK602" s="1">
        <v>0</v>
      </c>
      <c r="BM602" s="1">
        <v>0</v>
      </c>
      <c r="BO602" s="1">
        <v>0</v>
      </c>
    </row>
    <row r="603" spans="1:69" x14ac:dyDescent="0.25">
      <c r="A603" s="1">
        <v>30449319</v>
      </c>
      <c r="B603" t="s">
        <v>64</v>
      </c>
      <c r="C603" t="s">
        <v>39</v>
      </c>
      <c r="L603" s="1">
        <v>0</v>
      </c>
      <c r="M603" s="1">
        <v>0</v>
      </c>
      <c r="N603" s="1">
        <v>0</v>
      </c>
      <c r="O603" s="1">
        <v>0</v>
      </c>
      <c r="P603" s="1">
        <v>0</v>
      </c>
      <c r="Q603" s="1">
        <v>0</v>
      </c>
      <c r="S603" s="1">
        <v>0</v>
      </c>
      <c r="T603" s="1">
        <v>0</v>
      </c>
      <c r="AC603" s="1">
        <v>0</v>
      </c>
      <c r="AD603" s="1">
        <v>0</v>
      </c>
      <c r="AE603" s="1">
        <v>0</v>
      </c>
      <c r="AF603" s="1">
        <v>0</v>
      </c>
      <c r="AG603" s="1">
        <v>0</v>
      </c>
      <c r="AH603" s="1">
        <v>0</v>
      </c>
      <c r="AI603" s="1">
        <v>0</v>
      </c>
      <c r="AJ603" s="1">
        <v>0</v>
      </c>
      <c r="AK603" s="1">
        <v>0</v>
      </c>
      <c r="AL603" s="1">
        <v>0</v>
      </c>
      <c r="AM603" s="1">
        <v>0</v>
      </c>
      <c r="AN603" s="1">
        <v>0</v>
      </c>
      <c r="AO603" s="1">
        <v>0</v>
      </c>
      <c r="AP603" s="1">
        <v>0</v>
      </c>
      <c r="AQ603" s="1">
        <v>0</v>
      </c>
      <c r="AR603" s="1">
        <v>0</v>
      </c>
      <c r="AS603" s="1">
        <v>0</v>
      </c>
      <c r="AT603" s="1">
        <v>0</v>
      </c>
      <c r="AU603" s="1">
        <v>0</v>
      </c>
      <c r="AV603" s="1">
        <v>0</v>
      </c>
      <c r="BF603" s="1">
        <v>0</v>
      </c>
      <c r="BG603" s="1">
        <v>0</v>
      </c>
      <c r="BH603" s="1">
        <v>0</v>
      </c>
      <c r="BK603" s="1">
        <v>0</v>
      </c>
      <c r="BM603" s="1">
        <v>0</v>
      </c>
      <c r="BO603" s="1">
        <v>0</v>
      </c>
    </row>
    <row r="604" spans="1:69" x14ac:dyDescent="0.25">
      <c r="A604" s="1">
        <v>30449320</v>
      </c>
      <c r="B604" t="s">
        <v>2735</v>
      </c>
      <c r="C604" t="s">
        <v>39</v>
      </c>
      <c r="D604" t="s">
        <v>2512</v>
      </c>
      <c r="E604" t="s">
        <v>175</v>
      </c>
      <c r="L604" t="s">
        <v>52</v>
      </c>
      <c r="M604" s="1">
        <v>0</v>
      </c>
      <c r="N604" s="1">
        <v>0</v>
      </c>
      <c r="O604" t="s">
        <v>2512</v>
      </c>
      <c r="P604" t="s">
        <v>216</v>
      </c>
      <c r="Q604" t="s">
        <v>322</v>
      </c>
      <c r="S604" s="1">
        <v>0</v>
      </c>
      <c r="T604" t="s">
        <v>175</v>
      </c>
      <c r="AA604" t="s">
        <v>273</v>
      </c>
      <c r="AC604" t="s">
        <v>180</v>
      </c>
      <c r="AD604" t="s">
        <v>181</v>
      </c>
      <c r="AE604" t="s">
        <v>181</v>
      </c>
      <c r="AF604" t="s">
        <v>181</v>
      </c>
      <c r="AG604" t="s">
        <v>181</v>
      </c>
      <c r="AH604" t="s">
        <v>181</v>
      </c>
      <c r="AI604" t="s">
        <v>181</v>
      </c>
      <c r="AJ604" t="s">
        <v>181</v>
      </c>
      <c r="AK604" t="s">
        <v>181</v>
      </c>
      <c r="AL604" t="s">
        <v>52</v>
      </c>
      <c r="AM604" s="1">
        <v>0</v>
      </c>
      <c r="AN604" s="1">
        <v>0</v>
      </c>
      <c r="AO604" s="1">
        <v>0</v>
      </c>
      <c r="AP604" s="1">
        <v>0</v>
      </c>
      <c r="AQ604" s="1">
        <v>0</v>
      </c>
      <c r="AR604" s="1">
        <v>0</v>
      </c>
      <c r="AS604" s="1">
        <v>0</v>
      </c>
      <c r="AT604" s="1">
        <v>0</v>
      </c>
      <c r="AU604" s="1">
        <v>0</v>
      </c>
      <c r="AV604" s="1">
        <v>0</v>
      </c>
      <c r="BF604" s="1">
        <v>0</v>
      </c>
      <c r="BG604" s="1">
        <v>0</v>
      </c>
      <c r="BH604" s="1">
        <v>0</v>
      </c>
      <c r="BK604" s="1">
        <v>0</v>
      </c>
      <c r="BM604" s="1">
        <v>0</v>
      </c>
      <c r="BO604" s="1">
        <v>0</v>
      </c>
    </row>
    <row r="605" spans="1:69" x14ac:dyDescent="0.25">
      <c r="A605" s="1">
        <v>30449321</v>
      </c>
      <c r="B605" t="s">
        <v>1961</v>
      </c>
      <c r="C605" t="s">
        <v>39</v>
      </c>
      <c r="D605" t="s">
        <v>1616</v>
      </c>
      <c r="E605" t="s">
        <v>200</v>
      </c>
      <c r="L605" t="s">
        <v>52</v>
      </c>
      <c r="M605" s="1">
        <v>0</v>
      </c>
      <c r="N605" s="1">
        <v>0</v>
      </c>
      <c r="O605" t="s">
        <v>1616</v>
      </c>
      <c r="P605" t="s">
        <v>216</v>
      </c>
      <c r="Q605" t="s">
        <v>196</v>
      </c>
      <c r="S605" s="1">
        <v>0</v>
      </c>
      <c r="T605" t="s">
        <v>200</v>
      </c>
      <c r="Y605" t="s">
        <v>224</v>
      </c>
      <c r="AC605" t="s">
        <v>180</v>
      </c>
      <c r="AD605" t="s">
        <v>299</v>
      </c>
      <c r="AE605" t="s">
        <v>299</v>
      </c>
      <c r="AF605" t="s">
        <v>299</v>
      </c>
      <c r="AG605" t="s">
        <v>299</v>
      </c>
      <c r="AH605" t="s">
        <v>299</v>
      </c>
      <c r="AI605" t="s">
        <v>299</v>
      </c>
      <c r="AJ605" t="s">
        <v>299</v>
      </c>
      <c r="AK605" t="s">
        <v>299</v>
      </c>
      <c r="AL605" t="s">
        <v>42</v>
      </c>
      <c r="AM605" t="s">
        <v>183</v>
      </c>
      <c r="AN605" t="s">
        <v>204</v>
      </c>
      <c r="AO605" t="s">
        <v>205</v>
      </c>
      <c r="AP605" t="s">
        <v>184</v>
      </c>
      <c r="AQ605" t="s">
        <v>182</v>
      </c>
      <c r="AR605" t="s">
        <v>201</v>
      </c>
      <c r="AS605" t="s">
        <v>203</v>
      </c>
      <c r="AT605" t="s">
        <v>185</v>
      </c>
      <c r="AU605" t="s">
        <v>202</v>
      </c>
      <c r="AV605" t="s">
        <v>206</v>
      </c>
      <c r="BF605" s="1">
        <v>0</v>
      </c>
      <c r="BG605" s="1">
        <v>0</v>
      </c>
      <c r="BH605" s="1">
        <v>0</v>
      </c>
      <c r="BK605" s="1">
        <v>0</v>
      </c>
      <c r="BM605" s="1">
        <v>0</v>
      </c>
      <c r="BO605" s="1">
        <v>0</v>
      </c>
    </row>
    <row r="606" spans="1:69" x14ac:dyDescent="0.25">
      <c r="A606" s="1">
        <v>30449323</v>
      </c>
      <c r="B606" t="s">
        <v>4063</v>
      </c>
      <c r="C606" t="s">
        <v>39</v>
      </c>
      <c r="D606" t="s">
        <v>3727</v>
      </c>
      <c r="E606" t="s">
        <v>216</v>
      </c>
      <c r="L606" t="s">
        <v>52</v>
      </c>
      <c r="M606" s="1">
        <v>0</v>
      </c>
      <c r="N606" s="1">
        <v>0</v>
      </c>
      <c r="O606" t="s">
        <v>3728</v>
      </c>
      <c r="P606" t="s">
        <v>216</v>
      </c>
      <c r="Q606" t="s">
        <v>258</v>
      </c>
      <c r="S606" s="1">
        <v>0</v>
      </c>
      <c r="T606" t="s">
        <v>297</v>
      </c>
      <c r="Y606" t="s">
        <v>224</v>
      </c>
      <c r="AC606" t="s">
        <v>199</v>
      </c>
      <c r="AD606" t="s">
        <v>230</v>
      </c>
      <c r="AE606" t="s">
        <v>230</v>
      </c>
      <c r="AF606" t="s">
        <v>230</v>
      </c>
      <c r="AG606" t="s">
        <v>181</v>
      </c>
      <c r="AH606" t="s">
        <v>175</v>
      </c>
      <c r="AI606" t="s">
        <v>175</v>
      </c>
      <c r="AJ606" t="s">
        <v>181</v>
      </c>
      <c r="AK606" t="s">
        <v>299</v>
      </c>
      <c r="AL606" t="s">
        <v>42</v>
      </c>
      <c r="AM606" s="1">
        <v>0</v>
      </c>
      <c r="AN606" t="s">
        <v>184</v>
      </c>
      <c r="AO606" t="s">
        <v>185</v>
      </c>
      <c r="AP606" t="s">
        <v>201</v>
      </c>
      <c r="AQ606" s="1">
        <v>0</v>
      </c>
      <c r="AR606" s="1">
        <v>0</v>
      </c>
      <c r="AS606" s="1">
        <v>0</v>
      </c>
      <c r="AT606" t="s">
        <v>182</v>
      </c>
      <c r="AU606" t="s">
        <v>183</v>
      </c>
      <c r="AV606" s="1">
        <v>0</v>
      </c>
      <c r="BC606" t="s">
        <v>209</v>
      </c>
      <c r="BF606" t="s">
        <v>232</v>
      </c>
      <c r="BG606" t="s">
        <v>276</v>
      </c>
      <c r="BH606" t="s">
        <v>302</v>
      </c>
      <c r="BK606" s="1">
        <v>0</v>
      </c>
      <c r="BM606" s="1">
        <v>0</v>
      </c>
      <c r="BO606" s="1">
        <v>0</v>
      </c>
    </row>
    <row r="607" spans="1:69" x14ac:dyDescent="0.25">
      <c r="A607" s="1">
        <v>30449324</v>
      </c>
      <c r="B607" t="s">
        <v>1962</v>
      </c>
      <c r="C607" t="s">
        <v>39</v>
      </c>
      <c r="D607" t="s">
        <v>1616</v>
      </c>
      <c r="E607" t="s">
        <v>175</v>
      </c>
      <c r="L607" t="s">
        <v>52</v>
      </c>
      <c r="M607" s="1">
        <v>0</v>
      </c>
      <c r="N607" s="1">
        <v>0</v>
      </c>
      <c r="O607" t="s">
        <v>1616</v>
      </c>
      <c r="P607" t="s">
        <v>176</v>
      </c>
      <c r="Q607" t="s">
        <v>177</v>
      </c>
      <c r="S607" t="s">
        <v>315</v>
      </c>
      <c r="T607" t="s">
        <v>175</v>
      </c>
      <c r="AC607" t="s">
        <v>225</v>
      </c>
      <c r="AD607" t="s">
        <v>181</v>
      </c>
      <c r="AE607" t="s">
        <v>175</v>
      </c>
      <c r="AF607" t="s">
        <v>181</v>
      </c>
      <c r="AG607" t="s">
        <v>181</v>
      </c>
      <c r="AH607" t="s">
        <v>181</v>
      </c>
      <c r="AI607" t="s">
        <v>181</v>
      </c>
      <c r="AJ607" t="s">
        <v>175</v>
      </c>
      <c r="AK607" t="s">
        <v>181</v>
      </c>
      <c r="AL607" t="s">
        <v>52</v>
      </c>
      <c r="AM607" t="s">
        <v>184</v>
      </c>
      <c r="AN607" t="s">
        <v>205</v>
      </c>
      <c r="AO607" t="s">
        <v>185</v>
      </c>
      <c r="AP607" t="s">
        <v>183</v>
      </c>
      <c r="AQ607" t="s">
        <v>203</v>
      </c>
      <c r="AR607" t="s">
        <v>204</v>
      </c>
      <c r="AS607" t="s">
        <v>206</v>
      </c>
      <c r="AT607" t="s">
        <v>182</v>
      </c>
      <c r="AU607" t="s">
        <v>202</v>
      </c>
      <c r="AV607" t="s">
        <v>201</v>
      </c>
      <c r="AW607" t="s">
        <v>1963</v>
      </c>
      <c r="AZ607" t="s">
        <v>207</v>
      </c>
      <c r="BB607" t="s">
        <v>208</v>
      </c>
      <c r="BF607" t="s">
        <v>232</v>
      </c>
      <c r="BG607" t="s">
        <v>233</v>
      </c>
      <c r="BH607" t="s">
        <v>211</v>
      </c>
      <c r="BK607" t="s">
        <v>191</v>
      </c>
      <c r="BL607" t="s">
        <v>1964</v>
      </c>
      <c r="BM607" s="1">
        <v>0</v>
      </c>
      <c r="BN607" t="s">
        <v>737</v>
      </c>
      <c r="BO607" t="s">
        <v>218</v>
      </c>
      <c r="BP607" t="s">
        <v>1965</v>
      </c>
      <c r="BQ607" t="s">
        <v>1966</v>
      </c>
    </row>
    <row r="608" spans="1:69" x14ac:dyDescent="0.25">
      <c r="A608" s="1">
        <v>30449327</v>
      </c>
      <c r="B608" t="s">
        <v>3349</v>
      </c>
      <c r="C608" t="s">
        <v>39</v>
      </c>
      <c r="D608" t="s">
        <v>3138</v>
      </c>
      <c r="E608" t="s">
        <v>175</v>
      </c>
      <c r="L608" t="s">
        <v>52</v>
      </c>
      <c r="M608" s="1">
        <v>0</v>
      </c>
      <c r="N608" s="1">
        <v>0</v>
      </c>
      <c r="O608" t="s">
        <v>3139</v>
      </c>
      <c r="P608" t="s">
        <v>216</v>
      </c>
      <c r="Q608" t="s">
        <v>196</v>
      </c>
      <c r="S608" s="1">
        <v>0</v>
      </c>
      <c r="T608" t="s">
        <v>175</v>
      </c>
      <c r="AC608" t="s">
        <v>180</v>
      </c>
      <c r="AD608" t="s">
        <v>175</v>
      </c>
      <c r="AE608" t="s">
        <v>175</v>
      </c>
      <c r="AF608" t="s">
        <v>175</v>
      </c>
      <c r="AG608" t="s">
        <v>175</v>
      </c>
      <c r="AH608" t="s">
        <v>175</v>
      </c>
      <c r="AI608" t="s">
        <v>175</v>
      </c>
      <c r="AJ608" t="s">
        <v>175</v>
      </c>
      <c r="AK608" t="s">
        <v>175</v>
      </c>
      <c r="AL608" t="s">
        <v>42</v>
      </c>
      <c r="AM608" t="s">
        <v>184</v>
      </c>
      <c r="AN608" t="s">
        <v>185</v>
      </c>
      <c r="AO608" t="s">
        <v>201</v>
      </c>
      <c r="AP608" t="s">
        <v>183</v>
      </c>
      <c r="AQ608" t="s">
        <v>202</v>
      </c>
      <c r="AR608" t="s">
        <v>203</v>
      </c>
      <c r="AS608" t="s">
        <v>204</v>
      </c>
      <c r="AT608" t="s">
        <v>182</v>
      </c>
      <c r="AU608" t="s">
        <v>206</v>
      </c>
      <c r="AV608" t="s">
        <v>205</v>
      </c>
      <c r="AX608" t="s">
        <v>186</v>
      </c>
      <c r="AZ608" t="s">
        <v>207</v>
      </c>
      <c r="BA608" t="s">
        <v>188</v>
      </c>
      <c r="BF608" t="s">
        <v>210</v>
      </c>
      <c r="BG608" s="1">
        <v>0</v>
      </c>
      <c r="BH608" t="s">
        <v>211</v>
      </c>
      <c r="BK608" t="s">
        <v>191</v>
      </c>
      <c r="BL608" t="s">
        <v>3350</v>
      </c>
      <c r="BM608" t="s">
        <v>191</v>
      </c>
      <c r="BN608" t="s">
        <v>3351</v>
      </c>
      <c r="BO608" t="s">
        <v>218</v>
      </c>
      <c r="BP608" t="s">
        <v>3352</v>
      </c>
      <c r="BQ608" t="s">
        <v>3353</v>
      </c>
    </row>
    <row r="609" spans="1:69" x14ac:dyDescent="0.25">
      <c r="A609" s="1">
        <v>30449329</v>
      </c>
      <c r="B609" t="s">
        <v>478</v>
      </c>
      <c r="C609" t="s">
        <v>39</v>
      </c>
      <c r="D609" t="s">
        <v>174</v>
      </c>
      <c r="E609" t="s">
        <v>175</v>
      </c>
      <c r="L609" t="s">
        <v>52</v>
      </c>
      <c r="M609" s="1">
        <v>0</v>
      </c>
      <c r="N609" s="1">
        <v>0</v>
      </c>
      <c r="O609" t="s">
        <v>174</v>
      </c>
      <c r="P609" t="s">
        <v>216</v>
      </c>
      <c r="Q609" t="s">
        <v>238</v>
      </c>
      <c r="S609" s="1">
        <v>0</v>
      </c>
      <c r="T609" t="s">
        <v>175</v>
      </c>
      <c r="Y609" t="s">
        <v>224</v>
      </c>
      <c r="AC609" t="s">
        <v>180</v>
      </c>
      <c r="AD609" t="s">
        <v>175</v>
      </c>
      <c r="AE609" t="s">
        <v>175</v>
      </c>
      <c r="AF609" t="s">
        <v>175</v>
      </c>
      <c r="AG609" t="s">
        <v>175</v>
      </c>
      <c r="AH609" t="s">
        <v>175</v>
      </c>
      <c r="AI609" t="s">
        <v>175</v>
      </c>
      <c r="AJ609" t="s">
        <v>175</v>
      </c>
      <c r="AK609" t="s">
        <v>175</v>
      </c>
      <c r="AL609" t="s">
        <v>42</v>
      </c>
      <c r="AM609" s="1">
        <v>0</v>
      </c>
      <c r="AN609" s="1">
        <v>0</v>
      </c>
      <c r="AO609" t="s">
        <v>184</v>
      </c>
      <c r="AP609" s="1">
        <v>0</v>
      </c>
      <c r="AQ609" t="s">
        <v>185</v>
      </c>
      <c r="AR609" t="s">
        <v>183</v>
      </c>
      <c r="AS609" s="1">
        <v>0</v>
      </c>
      <c r="AT609" t="s">
        <v>182</v>
      </c>
      <c r="AU609" s="1">
        <v>0</v>
      </c>
      <c r="AV609" s="1">
        <v>0</v>
      </c>
      <c r="BA609" t="s">
        <v>188</v>
      </c>
      <c r="BC609" t="s">
        <v>209</v>
      </c>
      <c r="BF609" t="s">
        <v>210</v>
      </c>
      <c r="BG609" s="1">
        <v>0</v>
      </c>
      <c r="BH609" t="s">
        <v>190</v>
      </c>
      <c r="BK609" t="s">
        <v>191</v>
      </c>
      <c r="BL609" t="s">
        <v>479</v>
      </c>
      <c r="BM609" t="s">
        <v>218</v>
      </c>
      <c r="BN609" t="s">
        <v>480</v>
      </c>
      <c r="BO609" t="s">
        <v>218</v>
      </c>
      <c r="BP609" t="s">
        <v>481</v>
      </c>
    </row>
    <row r="610" spans="1:69" x14ac:dyDescent="0.25">
      <c r="A610" s="1">
        <v>30449332</v>
      </c>
      <c r="B610" t="s">
        <v>482</v>
      </c>
      <c r="C610" t="s">
        <v>39</v>
      </c>
      <c r="D610" t="s">
        <v>174</v>
      </c>
      <c r="E610" t="s">
        <v>200</v>
      </c>
      <c r="L610" t="s">
        <v>52</v>
      </c>
      <c r="M610" s="1">
        <v>0</v>
      </c>
      <c r="N610" s="1">
        <v>0</v>
      </c>
      <c r="O610" t="s">
        <v>174</v>
      </c>
      <c r="P610" t="s">
        <v>176</v>
      </c>
      <c r="Q610" t="s">
        <v>196</v>
      </c>
      <c r="S610" t="s">
        <v>178</v>
      </c>
      <c r="T610" t="s">
        <v>200</v>
      </c>
      <c r="Y610" t="s">
        <v>224</v>
      </c>
      <c r="AC610" t="s">
        <v>199</v>
      </c>
      <c r="AD610" t="s">
        <v>200</v>
      </c>
      <c r="AE610" t="s">
        <v>200</v>
      </c>
      <c r="AF610" t="s">
        <v>200</v>
      </c>
      <c r="AG610" t="s">
        <v>200</v>
      </c>
      <c r="AH610" t="s">
        <v>200</v>
      </c>
      <c r="AI610" t="s">
        <v>200</v>
      </c>
      <c r="AJ610" t="s">
        <v>200</v>
      </c>
      <c r="AK610" t="s">
        <v>200</v>
      </c>
      <c r="AL610" t="s">
        <v>42</v>
      </c>
      <c r="AM610" t="s">
        <v>205</v>
      </c>
      <c r="AN610" t="s">
        <v>182</v>
      </c>
      <c r="AO610" t="s">
        <v>184</v>
      </c>
      <c r="AP610" t="s">
        <v>206</v>
      </c>
      <c r="AQ610" t="s">
        <v>202</v>
      </c>
      <c r="AR610" t="s">
        <v>203</v>
      </c>
      <c r="AS610" t="s">
        <v>204</v>
      </c>
      <c r="AT610" t="s">
        <v>185</v>
      </c>
      <c r="AU610" t="s">
        <v>183</v>
      </c>
      <c r="AV610" t="s">
        <v>201</v>
      </c>
      <c r="AX610" t="s">
        <v>186</v>
      </c>
      <c r="AY610" t="s">
        <v>187</v>
      </c>
      <c r="AZ610" t="s">
        <v>207</v>
      </c>
      <c r="BA610" t="s">
        <v>188</v>
      </c>
      <c r="BF610" t="s">
        <v>210</v>
      </c>
      <c r="BG610" s="1">
        <v>0</v>
      </c>
      <c r="BH610" t="s">
        <v>464</v>
      </c>
      <c r="BK610" t="s">
        <v>191</v>
      </c>
      <c r="BM610" t="s">
        <v>218</v>
      </c>
      <c r="BO610" t="s">
        <v>191</v>
      </c>
      <c r="BP610" t="s">
        <v>483</v>
      </c>
      <c r="BQ610" t="s">
        <v>484</v>
      </c>
    </row>
    <row r="611" spans="1:69" x14ac:dyDescent="0.25">
      <c r="A611" s="1">
        <v>30449337</v>
      </c>
      <c r="B611" t="s">
        <v>2736</v>
      </c>
      <c r="C611" t="s">
        <v>39</v>
      </c>
      <c r="D611" t="s">
        <v>2512</v>
      </c>
      <c r="E611" t="s">
        <v>195</v>
      </c>
      <c r="L611" t="s">
        <v>52</v>
      </c>
      <c r="M611" s="1">
        <v>0</v>
      </c>
      <c r="N611" s="1">
        <v>0</v>
      </c>
      <c r="O611" t="s">
        <v>2512</v>
      </c>
      <c r="P611" t="s">
        <v>176</v>
      </c>
      <c r="Q611" t="s">
        <v>177</v>
      </c>
      <c r="S611" t="s">
        <v>178</v>
      </c>
      <c r="T611" t="s">
        <v>297</v>
      </c>
      <c r="U611" t="s">
        <v>2737</v>
      </c>
      <c r="AA611" t="s">
        <v>273</v>
      </c>
      <c r="AB611" t="s">
        <v>2738</v>
      </c>
      <c r="AC611" t="s">
        <v>199</v>
      </c>
      <c r="AD611" t="s">
        <v>175</v>
      </c>
      <c r="AE611" t="s">
        <v>230</v>
      </c>
      <c r="AF611" t="s">
        <v>175</v>
      </c>
      <c r="AG611" t="s">
        <v>175</v>
      </c>
      <c r="AH611" t="s">
        <v>175</v>
      </c>
      <c r="AI611" t="s">
        <v>175</v>
      </c>
      <c r="AJ611" t="s">
        <v>175</v>
      </c>
      <c r="AK611" t="s">
        <v>175</v>
      </c>
      <c r="AL611" t="s">
        <v>52</v>
      </c>
      <c r="AM611" t="s">
        <v>184</v>
      </c>
      <c r="AN611" t="s">
        <v>201</v>
      </c>
      <c r="AO611" t="s">
        <v>206</v>
      </c>
      <c r="AP611" t="s">
        <v>182</v>
      </c>
      <c r="AQ611" t="s">
        <v>202</v>
      </c>
      <c r="AR611" t="s">
        <v>203</v>
      </c>
      <c r="AS611" t="s">
        <v>185</v>
      </c>
      <c r="AT611" t="s">
        <v>183</v>
      </c>
      <c r="AU611" t="s">
        <v>205</v>
      </c>
      <c r="AV611" t="s">
        <v>204</v>
      </c>
      <c r="AW611" t="s">
        <v>2739</v>
      </c>
      <c r="AX611" t="s">
        <v>186</v>
      </c>
      <c r="AY611" t="s">
        <v>187</v>
      </c>
      <c r="AZ611" t="s">
        <v>207</v>
      </c>
      <c r="BA611" t="s">
        <v>188</v>
      </c>
      <c r="BB611" t="s">
        <v>208</v>
      </c>
      <c r="BC611" t="s">
        <v>209</v>
      </c>
      <c r="BF611" t="s">
        <v>210</v>
      </c>
      <c r="BG611" s="1">
        <v>0</v>
      </c>
      <c r="BH611" t="s">
        <v>211</v>
      </c>
      <c r="BK611" t="s">
        <v>191</v>
      </c>
      <c r="BL611" t="s">
        <v>1046</v>
      </c>
      <c r="BM611" t="s">
        <v>218</v>
      </c>
      <c r="BO611" t="s">
        <v>218</v>
      </c>
      <c r="BP611" t="s">
        <v>2740</v>
      </c>
    </row>
    <row r="612" spans="1:69" x14ac:dyDescent="0.25">
      <c r="A612" s="1">
        <v>30449339</v>
      </c>
      <c r="B612" t="s">
        <v>65</v>
      </c>
      <c r="C612" t="s">
        <v>39</v>
      </c>
      <c r="L612" t="s">
        <v>42</v>
      </c>
      <c r="M612" t="s">
        <v>42</v>
      </c>
      <c r="N612" s="1">
        <v>0</v>
      </c>
      <c r="O612" s="1">
        <v>0</v>
      </c>
      <c r="P612" s="1">
        <v>0</v>
      </c>
      <c r="Q612" s="1">
        <v>0</v>
      </c>
      <c r="S612" s="1">
        <v>0</v>
      </c>
      <c r="T612" s="1">
        <v>0</v>
      </c>
      <c r="AC612" s="1">
        <v>0</v>
      </c>
      <c r="AD612" s="1">
        <v>0</v>
      </c>
      <c r="AE612" s="1">
        <v>0</v>
      </c>
      <c r="AF612" s="1">
        <v>0</v>
      </c>
      <c r="AG612" s="1">
        <v>0</v>
      </c>
      <c r="AH612" s="1">
        <v>0</v>
      </c>
      <c r="AI612" s="1">
        <v>0</v>
      </c>
      <c r="AJ612" s="1">
        <v>0</v>
      </c>
      <c r="AK612" s="1">
        <v>0</v>
      </c>
      <c r="AL612" s="1">
        <v>0</v>
      </c>
      <c r="AM612" s="1">
        <v>0</v>
      </c>
      <c r="AN612" s="1">
        <v>0</v>
      </c>
      <c r="AO612" s="1">
        <v>0</v>
      </c>
      <c r="AP612" s="1">
        <v>0</v>
      </c>
      <c r="AQ612" s="1">
        <v>0</v>
      </c>
      <c r="AR612" s="1">
        <v>0</v>
      </c>
      <c r="AS612" s="1">
        <v>0</v>
      </c>
      <c r="AT612" s="1">
        <v>0</v>
      </c>
      <c r="AU612" s="1">
        <v>0</v>
      </c>
      <c r="AV612" s="1">
        <v>0</v>
      </c>
      <c r="BF612" s="1">
        <v>0</v>
      </c>
      <c r="BG612" s="1">
        <v>0</v>
      </c>
      <c r="BH612" s="1">
        <v>0</v>
      </c>
      <c r="BK612" s="1">
        <v>0</v>
      </c>
      <c r="BM612" s="1">
        <v>0</v>
      </c>
      <c r="BO612" s="1">
        <v>0</v>
      </c>
    </row>
    <row r="613" spans="1:69" x14ac:dyDescent="0.25">
      <c r="A613" s="1">
        <v>30449340</v>
      </c>
      <c r="B613" t="s">
        <v>3354</v>
      </c>
      <c r="C613" t="s">
        <v>39</v>
      </c>
      <c r="D613" t="s">
        <v>3138</v>
      </c>
      <c r="E613" t="s">
        <v>216</v>
      </c>
      <c r="L613" t="s">
        <v>52</v>
      </c>
      <c r="M613" s="1">
        <v>0</v>
      </c>
      <c r="N613" s="1">
        <v>0</v>
      </c>
      <c r="O613" t="s">
        <v>3139</v>
      </c>
      <c r="P613" t="s">
        <v>216</v>
      </c>
      <c r="Q613" t="s">
        <v>177</v>
      </c>
      <c r="S613" s="1">
        <v>0</v>
      </c>
      <c r="T613" t="s">
        <v>197</v>
      </c>
      <c r="X613" t="s">
        <v>179</v>
      </c>
      <c r="AC613" t="s">
        <v>199</v>
      </c>
      <c r="AD613" t="s">
        <v>181</v>
      </c>
      <c r="AE613" t="s">
        <v>181</v>
      </c>
      <c r="AF613" t="s">
        <v>181</v>
      </c>
      <c r="AG613" t="s">
        <v>181</v>
      </c>
      <c r="AH613" t="s">
        <v>181</v>
      </c>
      <c r="AI613" t="s">
        <v>181</v>
      </c>
      <c r="AJ613" t="s">
        <v>181</v>
      </c>
      <c r="AK613" t="s">
        <v>181</v>
      </c>
      <c r="AL613" t="s">
        <v>42</v>
      </c>
      <c r="AM613" s="1">
        <v>0</v>
      </c>
      <c r="AN613" t="s">
        <v>185</v>
      </c>
      <c r="AO613" s="1">
        <v>0</v>
      </c>
      <c r="AP613" s="1">
        <v>0</v>
      </c>
      <c r="AQ613" s="1">
        <v>0</v>
      </c>
      <c r="AR613" s="1">
        <v>0</v>
      </c>
      <c r="AS613" s="1">
        <v>0</v>
      </c>
      <c r="AT613" s="1">
        <v>0</v>
      </c>
      <c r="AU613" s="1">
        <v>0</v>
      </c>
      <c r="AV613" s="1">
        <v>0</v>
      </c>
      <c r="BA613" t="s">
        <v>188</v>
      </c>
      <c r="BF613" t="s">
        <v>292</v>
      </c>
      <c r="BG613" t="s">
        <v>233</v>
      </c>
      <c r="BH613" t="s">
        <v>211</v>
      </c>
      <c r="BK613" s="1">
        <v>0</v>
      </c>
      <c r="BM613" s="1">
        <v>0</v>
      </c>
      <c r="BO613" s="1">
        <v>0</v>
      </c>
    </row>
    <row r="614" spans="1:69" x14ac:dyDescent="0.25">
      <c r="A614" s="1">
        <v>30449341</v>
      </c>
      <c r="B614" t="s">
        <v>485</v>
      </c>
      <c r="C614" t="s">
        <v>39</v>
      </c>
      <c r="D614" t="s">
        <v>174</v>
      </c>
      <c r="E614" t="s">
        <v>175</v>
      </c>
      <c r="L614" t="s">
        <v>52</v>
      </c>
      <c r="M614" s="1">
        <v>0</v>
      </c>
      <c r="N614" s="1">
        <v>0</v>
      </c>
      <c r="O614" t="s">
        <v>174</v>
      </c>
      <c r="P614" t="s">
        <v>176</v>
      </c>
      <c r="Q614" t="s">
        <v>238</v>
      </c>
      <c r="S614" t="s">
        <v>178</v>
      </c>
      <c r="T614" t="s">
        <v>175</v>
      </c>
      <c r="Y614" t="s">
        <v>224</v>
      </c>
      <c r="AC614" t="s">
        <v>180</v>
      </c>
      <c r="AD614" s="1">
        <v>0</v>
      </c>
      <c r="AE614" s="1">
        <v>0</v>
      </c>
      <c r="AF614" s="1">
        <v>0</v>
      </c>
      <c r="AG614" s="1">
        <v>0</v>
      </c>
      <c r="AH614" s="1">
        <v>0</v>
      </c>
      <c r="AI614" s="1">
        <v>0</v>
      </c>
      <c r="AJ614" s="1">
        <v>0</v>
      </c>
      <c r="AK614" s="1">
        <v>0</v>
      </c>
      <c r="AL614" s="1">
        <v>0</v>
      </c>
      <c r="AM614" s="1">
        <v>0</v>
      </c>
      <c r="AN614" s="1">
        <v>0</v>
      </c>
      <c r="AO614" s="1">
        <v>0</v>
      </c>
      <c r="AP614" s="1">
        <v>0</v>
      </c>
      <c r="AQ614" s="1">
        <v>0</v>
      </c>
      <c r="AR614" s="1">
        <v>0</v>
      </c>
      <c r="AS614" s="1">
        <v>0</v>
      </c>
      <c r="AT614" s="1">
        <v>0</v>
      </c>
      <c r="AU614" s="1">
        <v>0</v>
      </c>
      <c r="AV614" s="1">
        <v>0</v>
      </c>
      <c r="BF614" s="1">
        <v>0</v>
      </c>
      <c r="BG614" s="1">
        <v>0</v>
      </c>
      <c r="BH614" s="1">
        <v>0</v>
      </c>
      <c r="BK614" s="1">
        <v>0</v>
      </c>
      <c r="BM614" s="1">
        <v>0</v>
      </c>
      <c r="BO614" s="1">
        <v>0</v>
      </c>
    </row>
    <row r="615" spans="1:69" x14ac:dyDescent="0.25">
      <c r="A615" s="1">
        <v>30449349</v>
      </c>
      <c r="B615" t="s">
        <v>2741</v>
      </c>
      <c r="C615" t="s">
        <v>39</v>
      </c>
      <c r="D615" t="s">
        <v>2512</v>
      </c>
      <c r="E615" t="s">
        <v>175</v>
      </c>
      <c r="L615" t="s">
        <v>52</v>
      </c>
      <c r="M615" s="1">
        <v>0</v>
      </c>
      <c r="N615" s="1">
        <v>0</v>
      </c>
      <c r="O615" t="s">
        <v>2512</v>
      </c>
      <c r="P615" t="s">
        <v>216</v>
      </c>
      <c r="Q615" t="s">
        <v>322</v>
      </c>
      <c r="S615" s="1">
        <v>0</v>
      </c>
      <c r="T615" t="s">
        <v>175</v>
      </c>
      <c r="V615" t="s">
        <v>397</v>
      </c>
      <c r="Y615" t="s">
        <v>224</v>
      </c>
      <c r="AC615" t="s">
        <v>180</v>
      </c>
      <c r="AD615" t="s">
        <v>175</v>
      </c>
      <c r="AE615" t="s">
        <v>175</v>
      </c>
      <c r="AF615" t="s">
        <v>175</v>
      </c>
      <c r="AG615" t="s">
        <v>175</v>
      </c>
      <c r="AH615" t="s">
        <v>175</v>
      </c>
      <c r="AI615" t="s">
        <v>175</v>
      </c>
      <c r="AJ615" t="s">
        <v>175</v>
      </c>
      <c r="AK615" t="s">
        <v>175</v>
      </c>
      <c r="AL615" t="s">
        <v>42</v>
      </c>
      <c r="AM615" t="s">
        <v>184</v>
      </c>
      <c r="AN615" t="s">
        <v>182</v>
      </c>
      <c r="AO615" t="s">
        <v>185</v>
      </c>
      <c r="AP615" t="s">
        <v>205</v>
      </c>
      <c r="AQ615" t="s">
        <v>203</v>
      </c>
      <c r="AR615" t="s">
        <v>202</v>
      </c>
      <c r="AS615" t="s">
        <v>204</v>
      </c>
      <c r="AT615" t="s">
        <v>183</v>
      </c>
      <c r="AU615" t="s">
        <v>201</v>
      </c>
      <c r="AV615" t="s">
        <v>206</v>
      </c>
      <c r="AX615" t="s">
        <v>186</v>
      </c>
      <c r="AY615" t="s">
        <v>187</v>
      </c>
      <c r="AZ615" t="s">
        <v>207</v>
      </c>
      <c r="BA615" t="s">
        <v>188</v>
      </c>
      <c r="BB615" t="s">
        <v>208</v>
      </c>
      <c r="BF615" t="s">
        <v>210</v>
      </c>
      <c r="BG615" s="1">
        <v>0</v>
      </c>
      <c r="BH615" t="s">
        <v>211</v>
      </c>
      <c r="BK615" t="s">
        <v>191</v>
      </c>
      <c r="BL615" t="s">
        <v>2742</v>
      </c>
      <c r="BM615" t="s">
        <v>191</v>
      </c>
      <c r="BN615" t="s">
        <v>2743</v>
      </c>
      <c r="BO615" t="s">
        <v>218</v>
      </c>
      <c r="BP615" t="s">
        <v>2744</v>
      </c>
      <c r="BQ615" t="s">
        <v>2745</v>
      </c>
    </row>
    <row r="616" spans="1:69" x14ac:dyDescent="0.25">
      <c r="A616" s="1">
        <v>30449351</v>
      </c>
      <c r="B616" t="s">
        <v>3355</v>
      </c>
      <c r="C616" t="s">
        <v>39</v>
      </c>
      <c r="D616" t="s">
        <v>3138</v>
      </c>
      <c r="E616" t="s">
        <v>200</v>
      </c>
      <c r="L616" t="s">
        <v>52</v>
      </c>
      <c r="M616" s="1">
        <v>0</v>
      </c>
      <c r="N616" s="1">
        <v>0</v>
      </c>
      <c r="O616" t="s">
        <v>3139</v>
      </c>
      <c r="P616" t="s">
        <v>176</v>
      </c>
      <c r="Q616" t="s">
        <v>196</v>
      </c>
      <c r="S616" t="s">
        <v>178</v>
      </c>
      <c r="T616" t="s">
        <v>200</v>
      </c>
      <c r="Y616" t="s">
        <v>224</v>
      </c>
      <c r="AC616" t="s">
        <v>180</v>
      </c>
      <c r="AD616" t="s">
        <v>181</v>
      </c>
      <c r="AE616" t="s">
        <v>181</v>
      </c>
      <c r="AF616" t="s">
        <v>175</v>
      </c>
      <c r="AG616" t="s">
        <v>175</v>
      </c>
      <c r="AH616" t="s">
        <v>175</v>
      </c>
      <c r="AI616" t="s">
        <v>181</v>
      </c>
      <c r="AJ616" t="s">
        <v>175</v>
      </c>
      <c r="AK616" t="s">
        <v>181</v>
      </c>
      <c r="AL616" t="s">
        <v>52</v>
      </c>
      <c r="AM616" s="1">
        <v>0</v>
      </c>
      <c r="AN616" s="1">
        <v>0</v>
      </c>
      <c r="AO616" s="1">
        <v>0</v>
      </c>
      <c r="AP616" s="1">
        <v>0</v>
      </c>
      <c r="AQ616" s="1">
        <v>0</v>
      </c>
      <c r="AR616" s="1">
        <v>0</v>
      </c>
      <c r="AS616" s="1">
        <v>0</v>
      </c>
      <c r="AT616" s="1">
        <v>0</v>
      </c>
      <c r="AU616" s="1">
        <v>0</v>
      </c>
      <c r="AV616" s="1">
        <v>0</v>
      </c>
      <c r="BF616" s="1">
        <v>0</v>
      </c>
      <c r="BG616" s="1">
        <v>0</v>
      </c>
      <c r="BH616" s="1">
        <v>0</v>
      </c>
      <c r="BK616" s="1">
        <v>0</v>
      </c>
      <c r="BM616" s="1">
        <v>0</v>
      </c>
      <c r="BO616" s="1">
        <v>0</v>
      </c>
    </row>
    <row r="617" spans="1:69" x14ac:dyDescent="0.25">
      <c r="A617" s="1">
        <v>30449352</v>
      </c>
      <c r="B617" t="s">
        <v>1220</v>
      </c>
      <c r="C617" t="s">
        <v>39</v>
      </c>
      <c r="D617" t="s">
        <v>3727</v>
      </c>
      <c r="E617" t="s">
        <v>175</v>
      </c>
      <c r="L617" t="s">
        <v>52</v>
      </c>
      <c r="M617" s="1">
        <v>0</v>
      </c>
      <c r="N617" s="1">
        <v>0</v>
      </c>
      <c r="O617" t="s">
        <v>3728</v>
      </c>
      <c r="P617" t="s">
        <v>176</v>
      </c>
      <c r="Q617" t="s">
        <v>238</v>
      </c>
      <c r="S617" t="s">
        <v>178</v>
      </c>
      <c r="T617" t="s">
        <v>175</v>
      </c>
      <c r="X617" t="s">
        <v>179</v>
      </c>
      <c r="AA617" t="s">
        <v>273</v>
      </c>
      <c r="AB617" t="s">
        <v>4064</v>
      </c>
      <c r="AC617" t="s">
        <v>199</v>
      </c>
      <c r="AD617" t="s">
        <v>175</v>
      </c>
      <c r="AE617" t="s">
        <v>175</v>
      </c>
      <c r="AF617" t="s">
        <v>200</v>
      </c>
      <c r="AG617" t="s">
        <v>175</v>
      </c>
      <c r="AH617" t="s">
        <v>200</v>
      </c>
      <c r="AI617" t="s">
        <v>181</v>
      </c>
      <c r="AJ617" t="s">
        <v>175</v>
      </c>
      <c r="AK617" t="s">
        <v>175</v>
      </c>
      <c r="AL617" t="s">
        <v>52</v>
      </c>
      <c r="AM617" t="s">
        <v>201</v>
      </c>
      <c r="AN617" t="s">
        <v>202</v>
      </c>
      <c r="AO617" t="s">
        <v>183</v>
      </c>
      <c r="AP617" t="s">
        <v>203</v>
      </c>
      <c r="AQ617" t="s">
        <v>185</v>
      </c>
      <c r="AR617" t="s">
        <v>184</v>
      </c>
      <c r="AS617" t="s">
        <v>182</v>
      </c>
      <c r="AT617" t="s">
        <v>205</v>
      </c>
      <c r="AU617" t="s">
        <v>204</v>
      </c>
      <c r="AV617" t="s">
        <v>206</v>
      </c>
      <c r="AX617" t="s">
        <v>186</v>
      </c>
      <c r="AY617" t="s">
        <v>187</v>
      </c>
      <c r="AZ617" t="s">
        <v>207</v>
      </c>
      <c r="BC617" t="s">
        <v>209</v>
      </c>
      <c r="BF617" s="1">
        <v>0</v>
      </c>
      <c r="BG617" s="1">
        <v>0</v>
      </c>
      <c r="BH617" t="s">
        <v>211</v>
      </c>
      <c r="BK617" t="s">
        <v>191</v>
      </c>
      <c r="BM617" t="s">
        <v>191</v>
      </c>
      <c r="BO617" t="s">
        <v>191</v>
      </c>
    </row>
    <row r="618" spans="1:69" x14ac:dyDescent="0.25">
      <c r="A618" s="1">
        <v>30449353</v>
      </c>
      <c r="B618" t="s">
        <v>1220</v>
      </c>
      <c r="C618" t="s">
        <v>39</v>
      </c>
      <c r="D618" t="s">
        <v>942</v>
      </c>
      <c r="E618" t="s">
        <v>175</v>
      </c>
      <c r="L618" t="s">
        <v>52</v>
      </c>
      <c r="M618" s="1">
        <v>0</v>
      </c>
      <c r="N618" s="1">
        <v>0</v>
      </c>
      <c r="O618" t="s">
        <v>942</v>
      </c>
      <c r="P618" t="s">
        <v>176</v>
      </c>
      <c r="Q618" t="s">
        <v>196</v>
      </c>
      <c r="S618" t="s">
        <v>349</v>
      </c>
      <c r="T618" t="s">
        <v>175</v>
      </c>
      <c r="Z618" t="s">
        <v>244</v>
      </c>
      <c r="AC618" t="s">
        <v>199</v>
      </c>
      <c r="AD618" t="s">
        <v>181</v>
      </c>
      <c r="AE618" t="s">
        <v>181</v>
      </c>
      <c r="AF618" t="s">
        <v>181</v>
      </c>
      <c r="AG618" t="s">
        <v>175</v>
      </c>
      <c r="AH618" t="s">
        <v>181</v>
      </c>
      <c r="AI618" t="s">
        <v>230</v>
      </c>
      <c r="AJ618" t="s">
        <v>175</v>
      </c>
      <c r="AK618" t="s">
        <v>181</v>
      </c>
      <c r="AL618" t="s">
        <v>42</v>
      </c>
      <c r="AM618" s="1">
        <v>0</v>
      </c>
      <c r="AN618" s="1">
        <v>0</v>
      </c>
      <c r="AO618" s="1">
        <v>0</v>
      </c>
      <c r="AP618" s="1">
        <v>0</v>
      </c>
      <c r="AQ618" s="1">
        <v>0</v>
      </c>
      <c r="AR618" s="1">
        <v>0</v>
      </c>
      <c r="AS618" s="1">
        <v>0</v>
      </c>
      <c r="AT618" s="1">
        <v>0</v>
      </c>
      <c r="AU618" s="1">
        <v>0</v>
      </c>
      <c r="AV618" s="1">
        <v>0</v>
      </c>
      <c r="BF618" s="1">
        <v>0</v>
      </c>
      <c r="BG618" s="1">
        <v>0</v>
      </c>
      <c r="BH618" s="1">
        <v>0</v>
      </c>
      <c r="BK618" s="1">
        <v>0</v>
      </c>
      <c r="BM618" s="1">
        <v>0</v>
      </c>
      <c r="BO618" s="1">
        <v>0</v>
      </c>
    </row>
    <row r="619" spans="1:69" x14ac:dyDescent="0.25">
      <c r="A619" s="1">
        <v>30449356</v>
      </c>
      <c r="B619" t="s">
        <v>1967</v>
      </c>
      <c r="C619" t="s">
        <v>39</v>
      </c>
      <c r="D619" t="s">
        <v>1616</v>
      </c>
      <c r="E619" t="s">
        <v>200</v>
      </c>
      <c r="L619" t="s">
        <v>52</v>
      </c>
      <c r="M619" s="1">
        <v>0</v>
      </c>
      <c r="N619" s="1">
        <v>0</v>
      </c>
      <c r="O619" t="s">
        <v>1616</v>
      </c>
      <c r="P619" t="s">
        <v>216</v>
      </c>
      <c r="Q619" t="s">
        <v>196</v>
      </c>
      <c r="S619" s="1">
        <v>0</v>
      </c>
      <c r="T619" t="s">
        <v>200</v>
      </c>
      <c r="AA619" t="s">
        <v>273</v>
      </c>
      <c r="AB619" t="s">
        <v>225</v>
      </c>
      <c r="AC619" t="s">
        <v>180</v>
      </c>
      <c r="AD619" t="s">
        <v>200</v>
      </c>
      <c r="AE619" t="s">
        <v>200</v>
      </c>
      <c r="AF619" t="s">
        <v>200</v>
      </c>
      <c r="AG619" t="s">
        <v>200</v>
      </c>
      <c r="AH619" t="s">
        <v>200</v>
      </c>
      <c r="AI619" t="s">
        <v>200</v>
      </c>
      <c r="AJ619" t="s">
        <v>200</v>
      </c>
      <c r="AK619" t="s">
        <v>200</v>
      </c>
      <c r="AL619" t="s">
        <v>52</v>
      </c>
      <c r="AM619" s="1">
        <v>0</v>
      </c>
      <c r="AN619" t="s">
        <v>183</v>
      </c>
      <c r="AO619" s="1">
        <v>0</v>
      </c>
      <c r="AP619" s="1">
        <v>0</v>
      </c>
      <c r="AQ619" t="s">
        <v>184</v>
      </c>
      <c r="AR619" t="s">
        <v>185</v>
      </c>
      <c r="AS619" t="s">
        <v>182</v>
      </c>
      <c r="AT619" s="1">
        <v>0</v>
      </c>
      <c r="AU619" s="1">
        <v>0</v>
      </c>
      <c r="AV619" s="1">
        <v>0</v>
      </c>
      <c r="AW619" t="s">
        <v>1968</v>
      </c>
      <c r="AZ619" t="s">
        <v>207</v>
      </c>
      <c r="BF619" t="s">
        <v>210</v>
      </c>
      <c r="BG619" s="1">
        <v>0</v>
      </c>
      <c r="BH619" t="s">
        <v>211</v>
      </c>
      <c r="BK619" t="s">
        <v>191</v>
      </c>
      <c r="BL619" t="s">
        <v>518</v>
      </c>
      <c r="BM619" t="s">
        <v>218</v>
      </c>
      <c r="BN619" t="s">
        <v>1969</v>
      </c>
      <c r="BO619" t="s">
        <v>218</v>
      </c>
      <c r="BP619" t="s">
        <v>518</v>
      </c>
      <c r="BQ619" t="s">
        <v>1445</v>
      </c>
    </row>
    <row r="620" spans="1:69" x14ac:dyDescent="0.25">
      <c r="A620" s="1">
        <v>30449357</v>
      </c>
      <c r="B620" t="s">
        <v>2746</v>
      </c>
      <c r="C620" t="s">
        <v>39</v>
      </c>
      <c r="D620" t="s">
        <v>2512</v>
      </c>
      <c r="E620" t="s">
        <v>175</v>
      </c>
      <c r="L620" t="s">
        <v>52</v>
      </c>
      <c r="M620" s="1">
        <v>0</v>
      </c>
      <c r="N620" s="1">
        <v>0</v>
      </c>
      <c r="O620" t="s">
        <v>2512</v>
      </c>
      <c r="P620" t="s">
        <v>176</v>
      </c>
      <c r="Q620" t="s">
        <v>238</v>
      </c>
      <c r="S620" t="s">
        <v>178</v>
      </c>
      <c r="T620" t="s">
        <v>175</v>
      </c>
      <c r="AA620" t="s">
        <v>273</v>
      </c>
      <c r="AB620" t="s">
        <v>2747</v>
      </c>
      <c r="AC620" t="s">
        <v>199</v>
      </c>
      <c r="AD620" s="1">
        <v>0</v>
      </c>
      <c r="AE620" s="1">
        <v>0</v>
      </c>
      <c r="AF620" s="1">
        <v>0</v>
      </c>
      <c r="AG620" s="1">
        <v>0</v>
      </c>
      <c r="AH620" s="1">
        <v>0</v>
      </c>
      <c r="AI620" s="1">
        <v>0</v>
      </c>
      <c r="AJ620" s="1">
        <v>0</v>
      </c>
      <c r="AK620" s="1">
        <v>0</v>
      </c>
      <c r="AL620" s="1">
        <v>0</v>
      </c>
      <c r="AM620" s="1">
        <v>0</v>
      </c>
      <c r="AN620" s="1">
        <v>0</v>
      </c>
      <c r="AO620" s="1">
        <v>0</v>
      </c>
      <c r="AP620" s="1">
        <v>0</v>
      </c>
      <c r="AQ620" s="1">
        <v>0</v>
      </c>
      <c r="AR620" s="1">
        <v>0</v>
      </c>
      <c r="AS620" s="1">
        <v>0</v>
      </c>
      <c r="AT620" s="1">
        <v>0</v>
      </c>
      <c r="AU620" s="1">
        <v>0</v>
      </c>
      <c r="AV620" s="1">
        <v>0</v>
      </c>
      <c r="BF620" s="1">
        <v>0</v>
      </c>
      <c r="BG620" s="1">
        <v>0</v>
      </c>
      <c r="BH620" s="1">
        <v>0</v>
      </c>
      <c r="BK620" s="1">
        <v>0</v>
      </c>
      <c r="BM620" s="1">
        <v>0</v>
      </c>
      <c r="BO620" s="1">
        <v>0</v>
      </c>
    </row>
    <row r="621" spans="1:69" x14ac:dyDescent="0.25">
      <c r="A621" s="1">
        <v>30449358</v>
      </c>
      <c r="B621" t="s">
        <v>1970</v>
      </c>
      <c r="C621" t="s">
        <v>39</v>
      </c>
      <c r="D621" t="s">
        <v>1616</v>
      </c>
      <c r="E621" t="s">
        <v>175</v>
      </c>
      <c r="L621" t="s">
        <v>52</v>
      </c>
      <c r="M621" s="1">
        <v>0</v>
      </c>
      <c r="N621" s="1">
        <v>0</v>
      </c>
      <c r="O621" t="s">
        <v>1616</v>
      </c>
      <c r="P621" t="s">
        <v>176</v>
      </c>
      <c r="Q621" t="s">
        <v>238</v>
      </c>
      <c r="S621" t="s">
        <v>178</v>
      </c>
      <c r="T621" t="s">
        <v>175</v>
      </c>
      <c r="X621" t="s">
        <v>179</v>
      </c>
      <c r="AC621" t="s">
        <v>180</v>
      </c>
      <c r="AD621" t="s">
        <v>175</v>
      </c>
      <c r="AE621" t="s">
        <v>175</v>
      </c>
      <c r="AF621" t="s">
        <v>175</v>
      </c>
      <c r="AG621" t="s">
        <v>181</v>
      </c>
      <c r="AH621" t="s">
        <v>200</v>
      </c>
      <c r="AI621" t="s">
        <v>200</v>
      </c>
      <c r="AJ621" t="s">
        <v>200</v>
      </c>
      <c r="AK621" t="s">
        <v>200</v>
      </c>
      <c r="AL621" t="s">
        <v>52</v>
      </c>
      <c r="AM621" t="s">
        <v>185</v>
      </c>
      <c r="AN621" t="s">
        <v>206</v>
      </c>
      <c r="AO621" t="s">
        <v>183</v>
      </c>
      <c r="AP621" t="s">
        <v>182</v>
      </c>
      <c r="AQ621" t="s">
        <v>203</v>
      </c>
      <c r="AR621" t="s">
        <v>202</v>
      </c>
      <c r="AS621" t="s">
        <v>184</v>
      </c>
      <c r="AT621" t="s">
        <v>204</v>
      </c>
      <c r="AU621" t="s">
        <v>205</v>
      </c>
      <c r="AV621" t="s">
        <v>201</v>
      </c>
      <c r="AX621" t="s">
        <v>186</v>
      </c>
      <c r="AY621" t="s">
        <v>187</v>
      </c>
      <c r="AZ621" t="s">
        <v>207</v>
      </c>
      <c r="BF621" t="s">
        <v>210</v>
      </c>
      <c r="BG621" s="1">
        <v>0</v>
      </c>
      <c r="BH621" t="s">
        <v>211</v>
      </c>
      <c r="BK621" t="s">
        <v>191</v>
      </c>
      <c r="BL621" t="s">
        <v>1971</v>
      </c>
      <c r="BM621" t="s">
        <v>218</v>
      </c>
      <c r="BN621" t="s">
        <v>1972</v>
      </c>
      <c r="BO621" t="s">
        <v>218</v>
      </c>
      <c r="BP621" t="s">
        <v>1973</v>
      </c>
    </row>
    <row r="622" spans="1:69" x14ac:dyDescent="0.25">
      <c r="A622" s="1">
        <v>30449359</v>
      </c>
      <c r="B622" t="s">
        <v>1974</v>
      </c>
      <c r="C622" t="s">
        <v>39</v>
      </c>
      <c r="D622" t="s">
        <v>1616</v>
      </c>
      <c r="E622" t="s">
        <v>175</v>
      </c>
      <c r="L622" t="s">
        <v>52</v>
      </c>
      <c r="M622" s="1">
        <v>0</v>
      </c>
      <c r="N622" s="1">
        <v>0</v>
      </c>
      <c r="O622" t="s">
        <v>1616</v>
      </c>
      <c r="P622" t="s">
        <v>176</v>
      </c>
      <c r="Q622" t="s">
        <v>238</v>
      </c>
      <c r="S622" t="s">
        <v>178</v>
      </c>
      <c r="T622" t="s">
        <v>175</v>
      </c>
      <c r="Y622" t="s">
        <v>224</v>
      </c>
      <c r="AC622" t="s">
        <v>199</v>
      </c>
      <c r="AD622" t="s">
        <v>200</v>
      </c>
      <c r="AE622" t="s">
        <v>200</v>
      </c>
      <c r="AF622" t="s">
        <v>175</v>
      </c>
      <c r="AG622" t="s">
        <v>200</v>
      </c>
      <c r="AH622" t="s">
        <v>200</v>
      </c>
      <c r="AI622" t="s">
        <v>200</v>
      </c>
      <c r="AJ622" t="s">
        <v>200</v>
      </c>
      <c r="AK622" t="s">
        <v>181</v>
      </c>
      <c r="AL622" t="s">
        <v>52</v>
      </c>
      <c r="AM622" t="s">
        <v>204</v>
      </c>
      <c r="AN622" t="s">
        <v>185</v>
      </c>
      <c r="AO622" t="s">
        <v>183</v>
      </c>
      <c r="AP622" t="s">
        <v>206</v>
      </c>
      <c r="AQ622" t="s">
        <v>202</v>
      </c>
      <c r="AR622" t="s">
        <v>203</v>
      </c>
      <c r="AS622" t="s">
        <v>201</v>
      </c>
      <c r="AT622" t="s">
        <v>184</v>
      </c>
      <c r="AU622" t="s">
        <v>182</v>
      </c>
      <c r="AV622" t="s">
        <v>205</v>
      </c>
      <c r="AX622" t="s">
        <v>186</v>
      </c>
      <c r="AZ622" t="s">
        <v>207</v>
      </c>
      <c r="BA622" t="s">
        <v>188</v>
      </c>
      <c r="BC622" t="s">
        <v>209</v>
      </c>
      <c r="BF622" t="s">
        <v>232</v>
      </c>
      <c r="BG622" t="s">
        <v>276</v>
      </c>
      <c r="BH622" t="s">
        <v>211</v>
      </c>
      <c r="BK622" t="s">
        <v>191</v>
      </c>
      <c r="BL622" t="s">
        <v>1975</v>
      </c>
      <c r="BM622" t="s">
        <v>218</v>
      </c>
      <c r="BN622" t="s">
        <v>1976</v>
      </c>
      <c r="BO622" t="s">
        <v>218</v>
      </c>
      <c r="BP622" t="s">
        <v>1977</v>
      </c>
      <c r="BQ622" t="s">
        <v>1978</v>
      </c>
    </row>
    <row r="623" spans="1:69" x14ac:dyDescent="0.25">
      <c r="A623" s="1">
        <v>30449361</v>
      </c>
      <c r="B623" t="s">
        <v>1221</v>
      </c>
      <c r="C623" t="s">
        <v>39</v>
      </c>
      <c r="D623" t="s">
        <v>942</v>
      </c>
      <c r="E623" t="s">
        <v>195</v>
      </c>
      <c r="L623" t="s">
        <v>52</v>
      </c>
      <c r="M623" s="1">
        <v>0</v>
      </c>
      <c r="N623" s="1">
        <v>0</v>
      </c>
      <c r="O623" t="s">
        <v>942</v>
      </c>
      <c r="P623" t="s">
        <v>176</v>
      </c>
      <c r="Q623" t="s">
        <v>177</v>
      </c>
      <c r="S623" t="s">
        <v>349</v>
      </c>
      <c r="T623" t="s">
        <v>197</v>
      </c>
      <c r="U623" t="s">
        <v>1222</v>
      </c>
      <c r="AA623" t="s">
        <v>273</v>
      </c>
      <c r="AB623" t="s">
        <v>1121</v>
      </c>
      <c r="AC623" t="s">
        <v>180</v>
      </c>
      <c r="AD623" t="s">
        <v>175</v>
      </c>
      <c r="AE623" t="s">
        <v>175</v>
      </c>
      <c r="AF623" t="s">
        <v>175</v>
      </c>
      <c r="AG623" t="s">
        <v>175</v>
      </c>
      <c r="AH623" t="s">
        <v>175</v>
      </c>
      <c r="AI623" t="s">
        <v>175</v>
      </c>
      <c r="AJ623" t="s">
        <v>175</v>
      </c>
      <c r="AK623" t="s">
        <v>175</v>
      </c>
      <c r="AL623" t="s">
        <v>42</v>
      </c>
      <c r="AM623" t="s">
        <v>185</v>
      </c>
      <c r="AN623" t="s">
        <v>184</v>
      </c>
      <c r="AO623" s="1">
        <v>0</v>
      </c>
      <c r="AP623" t="s">
        <v>182</v>
      </c>
      <c r="AQ623" s="1">
        <v>0</v>
      </c>
      <c r="AR623" s="1">
        <v>0</v>
      </c>
      <c r="AS623" s="1">
        <v>0</v>
      </c>
      <c r="AT623" s="1">
        <v>0</v>
      </c>
      <c r="AU623" s="1">
        <v>0</v>
      </c>
      <c r="AV623" t="s">
        <v>183</v>
      </c>
      <c r="AW623" t="s">
        <v>1223</v>
      </c>
      <c r="AZ623" t="s">
        <v>207</v>
      </c>
      <c r="BB623" t="s">
        <v>208</v>
      </c>
      <c r="BF623" t="s">
        <v>210</v>
      </c>
      <c r="BG623" s="1">
        <v>0</v>
      </c>
      <c r="BH623" t="s">
        <v>190</v>
      </c>
      <c r="BK623" t="s">
        <v>191</v>
      </c>
      <c r="BL623" t="s">
        <v>1224</v>
      </c>
      <c r="BM623" t="s">
        <v>218</v>
      </c>
      <c r="BO623" t="s">
        <v>191</v>
      </c>
    </row>
    <row r="624" spans="1:69" x14ac:dyDescent="0.25">
      <c r="A624" s="1">
        <v>30449362</v>
      </c>
      <c r="B624" t="s">
        <v>4065</v>
      </c>
      <c r="C624" t="s">
        <v>39</v>
      </c>
      <c r="D624" t="s">
        <v>3727</v>
      </c>
      <c r="E624" t="s">
        <v>200</v>
      </c>
      <c r="L624" t="s">
        <v>52</v>
      </c>
      <c r="M624" s="1">
        <v>0</v>
      </c>
      <c r="N624" s="1">
        <v>0</v>
      </c>
      <c r="O624" t="s">
        <v>3728</v>
      </c>
      <c r="P624" t="s">
        <v>216</v>
      </c>
      <c r="Q624" t="s">
        <v>322</v>
      </c>
      <c r="S624" s="1">
        <v>0</v>
      </c>
      <c r="T624" t="s">
        <v>200</v>
      </c>
      <c r="AA624" t="s">
        <v>273</v>
      </c>
      <c r="AC624" t="s">
        <v>199</v>
      </c>
      <c r="AD624" t="s">
        <v>200</v>
      </c>
      <c r="AE624" t="s">
        <v>200</v>
      </c>
      <c r="AF624" t="s">
        <v>200</v>
      </c>
      <c r="AG624" t="s">
        <v>200</v>
      </c>
      <c r="AH624" t="s">
        <v>200</v>
      </c>
      <c r="AI624" t="s">
        <v>200</v>
      </c>
      <c r="AJ624" t="s">
        <v>200</v>
      </c>
      <c r="AK624" t="s">
        <v>200</v>
      </c>
      <c r="AL624" t="s">
        <v>42</v>
      </c>
      <c r="AM624" t="s">
        <v>184</v>
      </c>
      <c r="AN624" s="1">
        <v>0</v>
      </c>
      <c r="AO624" t="s">
        <v>185</v>
      </c>
      <c r="AP624" s="1">
        <v>0</v>
      </c>
      <c r="AQ624" t="s">
        <v>182</v>
      </c>
      <c r="AR624" s="1">
        <v>0</v>
      </c>
      <c r="AS624" s="1">
        <v>0</v>
      </c>
      <c r="AT624" s="1">
        <v>0</v>
      </c>
      <c r="AU624" s="1">
        <v>0</v>
      </c>
      <c r="AV624" s="1">
        <v>0</v>
      </c>
      <c r="AY624" t="s">
        <v>187</v>
      </c>
      <c r="AZ624" t="s">
        <v>207</v>
      </c>
      <c r="BF624" t="s">
        <v>210</v>
      </c>
      <c r="BG624" s="1">
        <v>0</v>
      </c>
      <c r="BH624" t="s">
        <v>464</v>
      </c>
      <c r="BK624" t="s">
        <v>191</v>
      </c>
      <c r="BL624" t="s">
        <v>4066</v>
      </c>
      <c r="BM624" s="1">
        <v>0</v>
      </c>
      <c r="BN624" t="s">
        <v>1308</v>
      </c>
      <c r="BO624" t="s">
        <v>218</v>
      </c>
    </row>
    <row r="625" spans="1:69" x14ac:dyDescent="0.25">
      <c r="A625" s="1">
        <v>30449370</v>
      </c>
      <c r="B625" t="s">
        <v>2748</v>
      </c>
      <c r="C625" t="s">
        <v>39</v>
      </c>
      <c r="D625" t="s">
        <v>2512</v>
      </c>
      <c r="E625" t="s">
        <v>216</v>
      </c>
      <c r="L625" t="s">
        <v>52</v>
      </c>
      <c r="M625" s="1">
        <v>0</v>
      </c>
      <c r="N625" s="1">
        <v>0</v>
      </c>
      <c r="O625" t="s">
        <v>2512</v>
      </c>
      <c r="P625" t="s">
        <v>216</v>
      </c>
      <c r="Q625" t="s">
        <v>238</v>
      </c>
      <c r="S625" s="1">
        <v>0</v>
      </c>
      <c r="T625" t="s">
        <v>197</v>
      </c>
      <c r="U625" t="s">
        <v>2749</v>
      </c>
      <c r="Y625" t="s">
        <v>224</v>
      </c>
      <c r="Z625" t="s">
        <v>244</v>
      </c>
      <c r="AC625" t="s">
        <v>1357</v>
      </c>
      <c r="AD625" t="s">
        <v>299</v>
      </c>
      <c r="AE625" t="s">
        <v>299</v>
      </c>
      <c r="AF625" t="s">
        <v>299</v>
      </c>
      <c r="AG625" t="s">
        <v>299</v>
      </c>
      <c r="AH625" t="s">
        <v>181</v>
      </c>
      <c r="AI625" t="s">
        <v>181</v>
      </c>
      <c r="AJ625" s="1">
        <v>0</v>
      </c>
      <c r="AK625" t="s">
        <v>230</v>
      </c>
      <c r="AL625" t="s">
        <v>42</v>
      </c>
      <c r="AM625" t="s">
        <v>204</v>
      </c>
      <c r="AN625" t="s">
        <v>206</v>
      </c>
      <c r="AO625" t="s">
        <v>201</v>
      </c>
      <c r="AP625" t="s">
        <v>184</v>
      </c>
      <c r="AQ625" t="s">
        <v>185</v>
      </c>
      <c r="AR625" t="s">
        <v>202</v>
      </c>
      <c r="AS625" t="s">
        <v>203</v>
      </c>
      <c r="AT625" t="s">
        <v>205</v>
      </c>
      <c r="AU625" t="s">
        <v>183</v>
      </c>
      <c r="AV625" t="s">
        <v>182</v>
      </c>
      <c r="AW625" t="s">
        <v>2750</v>
      </c>
      <c r="AX625" t="s">
        <v>186</v>
      </c>
      <c r="AZ625" t="s">
        <v>207</v>
      </c>
      <c r="BF625" t="s">
        <v>49</v>
      </c>
      <c r="BG625" s="1">
        <v>0</v>
      </c>
      <c r="BH625" t="s">
        <v>211</v>
      </c>
      <c r="BK625" t="s">
        <v>191</v>
      </c>
      <c r="BL625" t="s">
        <v>1129</v>
      </c>
      <c r="BM625" t="s">
        <v>218</v>
      </c>
      <c r="BN625" t="s">
        <v>2751</v>
      </c>
      <c r="BO625" t="s">
        <v>191</v>
      </c>
      <c r="BP625" t="s">
        <v>2752</v>
      </c>
      <c r="BQ625" t="s">
        <v>2753</v>
      </c>
    </row>
    <row r="626" spans="1:69" x14ac:dyDescent="0.25">
      <c r="A626" s="1">
        <v>30449373</v>
      </c>
      <c r="B626" t="s">
        <v>2754</v>
      </c>
      <c r="C626" t="s">
        <v>39</v>
      </c>
      <c r="D626" t="s">
        <v>2512</v>
      </c>
      <c r="E626" t="s">
        <v>216</v>
      </c>
      <c r="L626" t="s">
        <v>52</v>
      </c>
      <c r="M626" s="1">
        <v>0</v>
      </c>
      <c r="N626" s="1">
        <v>0</v>
      </c>
      <c r="O626" t="s">
        <v>2512</v>
      </c>
      <c r="P626" t="s">
        <v>216</v>
      </c>
      <c r="Q626" t="s">
        <v>177</v>
      </c>
      <c r="S626" s="1">
        <v>0</v>
      </c>
      <c r="T626" t="s">
        <v>299</v>
      </c>
      <c r="U626" t="s">
        <v>2755</v>
      </c>
      <c r="X626" t="s">
        <v>179</v>
      </c>
      <c r="AC626" t="s">
        <v>609</v>
      </c>
      <c r="AD626" t="s">
        <v>181</v>
      </c>
      <c r="AE626" t="s">
        <v>299</v>
      </c>
      <c r="AF626" t="s">
        <v>299</v>
      </c>
      <c r="AG626" t="s">
        <v>175</v>
      </c>
      <c r="AH626" t="s">
        <v>200</v>
      </c>
      <c r="AI626" t="s">
        <v>200</v>
      </c>
      <c r="AJ626" t="s">
        <v>175</v>
      </c>
      <c r="AK626" t="s">
        <v>181</v>
      </c>
      <c r="AL626" t="s">
        <v>52</v>
      </c>
      <c r="AM626" t="s">
        <v>184</v>
      </c>
      <c r="AN626" t="s">
        <v>182</v>
      </c>
      <c r="AO626" t="s">
        <v>201</v>
      </c>
      <c r="AP626" t="s">
        <v>185</v>
      </c>
      <c r="AQ626" t="s">
        <v>202</v>
      </c>
      <c r="AR626" t="s">
        <v>203</v>
      </c>
      <c r="AS626" t="s">
        <v>183</v>
      </c>
      <c r="AT626" t="s">
        <v>205</v>
      </c>
      <c r="AU626" t="s">
        <v>204</v>
      </c>
      <c r="AV626" t="s">
        <v>206</v>
      </c>
      <c r="AY626" t="s">
        <v>187</v>
      </c>
      <c r="AZ626" t="s">
        <v>207</v>
      </c>
      <c r="BA626" t="s">
        <v>188</v>
      </c>
      <c r="BF626" t="s">
        <v>49</v>
      </c>
      <c r="BG626" s="1">
        <v>0</v>
      </c>
      <c r="BH626" t="s">
        <v>211</v>
      </c>
      <c r="BK626" t="s">
        <v>191</v>
      </c>
      <c r="BM626" t="s">
        <v>191</v>
      </c>
      <c r="BO626" t="s">
        <v>191</v>
      </c>
    </row>
    <row r="627" spans="1:69" x14ac:dyDescent="0.25">
      <c r="A627" s="1">
        <v>30449374</v>
      </c>
      <c r="B627" t="s">
        <v>1979</v>
      </c>
      <c r="C627" t="s">
        <v>39</v>
      </c>
      <c r="D627" t="s">
        <v>1616</v>
      </c>
      <c r="E627" t="s">
        <v>175</v>
      </c>
      <c r="L627" t="s">
        <v>52</v>
      </c>
      <c r="M627" s="1">
        <v>0</v>
      </c>
      <c r="N627" s="1">
        <v>0</v>
      </c>
      <c r="O627" t="s">
        <v>1616</v>
      </c>
      <c r="P627" t="s">
        <v>216</v>
      </c>
      <c r="Q627" t="s">
        <v>322</v>
      </c>
      <c r="S627" s="1">
        <v>0</v>
      </c>
      <c r="T627" t="s">
        <v>175</v>
      </c>
      <c r="AA627" t="s">
        <v>273</v>
      </c>
      <c r="AB627" t="s">
        <v>1980</v>
      </c>
      <c r="AC627" t="s">
        <v>180</v>
      </c>
      <c r="AD627" t="s">
        <v>175</v>
      </c>
      <c r="AE627" t="s">
        <v>175</v>
      </c>
      <c r="AF627" t="s">
        <v>299</v>
      </c>
      <c r="AG627" t="s">
        <v>175</v>
      </c>
      <c r="AH627" t="s">
        <v>175</v>
      </c>
      <c r="AI627" t="s">
        <v>175</v>
      </c>
      <c r="AJ627" t="s">
        <v>175</v>
      </c>
      <c r="AK627" t="s">
        <v>175</v>
      </c>
      <c r="AL627" t="s">
        <v>42</v>
      </c>
      <c r="AM627" s="1">
        <v>0</v>
      </c>
      <c r="AN627" s="1">
        <v>0</v>
      </c>
      <c r="AO627" s="1">
        <v>0</v>
      </c>
      <c r="AP627" s="1">
        <v>0</v>
      </c>
      <c r="AQ627" s="1">
        <v>0</v>
      </c>
      <c r="AR627" s="1">
        <v>0</v>
      </c>
      <c r="AS627" s="1">
        <v>0</v>
      </c>
      <c r="AT627" s="1">
        <v>0</v>
      </c>
      <c r="AU627" s="1">
        <v>0</v>
      </c>
      <c r="AV627" s="1">
        <v>0</v>
      </c>
      <c r="AW627" t="s">
        <v>1981</v>
      </c>
      <c r="BA627" t="s">
        <v>188</v>
      </c>
      <c r="BF627" t="s">
        <v>210</v>
      </c>
      <c r="BG627" s="1">
        <v>0</v>
      </c>
      <c r="BH627" t="s">
        <v>190</v>
      </c>
      <c r="BK627" t="s">
        <v>191</v>
      </c>
      <c r="BL627" t="s">
        <v>1982</v>
      </c>
      <c r="BM627" t="s">
        <v>218</v>
      </c>
      <c r="BN627" t="s">
        <v>1983</v>
      </c>
      <c r="BO627" t="s">
        <v>218</v>
      </c>
      <c r="BP627" t="s">
        <v>1984</v>
      </c>
      <c r="BQ627" t="s">
        <v>1985</v>
      </c>
    </row>
    <row r="628" spans="1:69" x14ac:dyDescent="0.25">
      <c r="A628" s="1">
        <v>30449375</v>
      </c>
      <c r="B628" t="s">
        <v>1986</v>
      </c>
      <c r="C628" t="s">
        <v>39</v>
      </c>
      <c r="D628" t="s">
        <v>1616</v>
      </c>
      <c r="E628" t="s">
        <v>216</v>
      </c>
      <c r="L628" t="s">
        <v>52</v>
      </c>
      <c r="M628" s="1">
        <v>0</v>
      </c>
      <c r="N628" s="1">
        <v>0</v>
      </c>
      <c r="O628" t="s">
        <v>1616</v>
      </c>
      <c r="P628" t="s">
        <v>216</v>
      </c>
      <c r="Q628" t="s">
        <v>177</v>
      </c>
      <c r="S628" s="1">
        <v>0</v>
      </c>
      <c r="T628" t="s">
        <v>197</v>
      </c>
      <c r="U628" t="s">
        <v>1987</v>
      </c>
      <c r="AA628" t="s">
        <v>273</v>
      </c>
      <c r="AB628" t="s">
        <v>1988</v>
      </c>
      <c r="AC628" t="s">
        <v>225</v>
      </c>
      <c r="AD628" t="s">
        <v>181</v>
      </c>
      <c r="AE628" t="s">
        <v>230</v>
      </c>
      <c r="AF628" t="s">
        <v>181</v>
      </c>
      <c r="AG628" t="s">
        <v>181</v>
      </c>
      <c r="AH628" t="s">
        <v>200</v>
      </c>
      <c r="AI628" t="s">
        <v>200</v>
      </c>
      <c r="AJ628" t="s">
        <v>175</v>
      </c>
      <c r="AK628" t="s">
        <v>230</v>
      </c>
      <c r="AL628" t="s">
        <v>52</v>
      </c>
      <c r="AM628" t="s">
        <v>206</v>
      </c>
      <c r="AN628" t="s">
        <v>182</v>
      </c>
      <c r="AO628" t="s">
        <v>201</v>
      </c>
      <c r="AP628" t="s">
        <v>205</v>
      </c>
      <c r="AQ628" t="s">
        <v>202</v>
      </c>
      <c r="AR628" t="s">
        <v>203</v>
      </c>
      <c r="AS628" t="s">
        <v>185</v>
      </c>
      <c r="AT628" t="s">
        <v>184</v>
      </c>
      <c r="AU628" t="s">
        <v>183</v>
      </c>
      <c r="AV628" t="s">
        <v>204</v>
      </c>
      <c r="AW628" t="s">
        <v>1989</v>
      </c>
      <c r="AX628" t="s">
        <v>186</v>
      </c>
      <c r="BF628" t="s">
        <v>292</v>
      </c>
      <c r="BG628" t="s">
        <v>233</v>
      </c>
      <c r="BH628" t="s">
        <v>211</v>
      </c>
      <c r="BK628" t="s">
        <v>191</v>
      </c>
      <c r="BL628" t="s">
        <v>1990</v>
      </c>
      <c r="BM628" t="s">
        <v>218</v>
      </c>
      <c r="BN628" t="s">
        <v>1991</v>
      </c>
      <c r="BO628" t="s">
        <v>191</v>
      </c>
      <c r="BP628" t="s">
        <v>1992</v>
      </c>
      <c r="BQ628" t="s">
        <v>1993</v>
      </c>
    </row>
    <row r="629" spans="1:69" x14ac:dyDescent="0.25">
      <c r="A629" s="1">
        <v>30449378</v>
      </c>
      <c r="B629" t="s">
        <v>1994</v>
      </c>
      <c r="C629" t="s">
        <v>39</v>
      </c>
      <c r="D629" t="s">
        <v>1616</v>
      </c>
      <c r="E629" t="s">
        <v>175</v>
      </c>
      <c r="L629" t="s">
        <v>52</v>
      </c>
      <c r="M629" s="1">
        <v>0</v>
      </c>
      <c r="N629" s="1">
        <v>0</v>
      </c>
      <c r="O629" t="s">
        <v>1616</v>
      </c>
      <c r="P629" t="s">
        <v>176</v>
      </c>
      <c r="Q629" t="s">
        <v>238</v>
      </c>
      <c r="S629" t="s">
        <v>178</v>
      </c>
      <c r="T629" t="s">
        <v>175</v>
      </c>
      <c r="X629" t="s">
        <v>179</v>
      </c>
      <c r="Y629" t="s">
        <v>224</v>
      </c>
      <c r="AC629" t="s">
        <v>199</v>
      </c>
      <c r="AD629" t="s">
        <v>181</v>
      </c>
      <c r="AE629" t="s">
        <v>181</v>
      </c>
      <c r="AF629" t="s">
        <v>175</v>
      </c>
      <c r="AG629" t="s">
        <v>175</v>
      </c>
      <c r="AH629" t="s">
        <v>200</v>
      </c>
      <c r="AI629" t="s">
        <v>200</v>
      </c>
      <c r="AJ629" t="s">
        <v>175</v>
      </c>
      <c r="AK629" t="s">
        <v>175</v>
      </c>
      <c r="AL629" t="s">
        <v>42</v>
      </c>
      <c r="AM629" t="s">
        <v>182</v>
      </c>
      <c r="AN629" t="s">
        <v>185</v>
      </c>
      <c r="AO629" t="s">
        <v>184</v>
      </c>
      <c r="AP629" t="s">
        <v>205</v>
      </c>
      <c r="AQ629" t="s">
        <v>202</v>
      </c>
      <c r="AR629" t="s">
        <v>203</v>
      </c>
      <c r="AS629" t="s">
        <v>204</v>
      </c>
      <c r="AT629" t="s">
        <v>183</v>
      </c>
      <c r="AU629" t="s">
        <v>206</v>
      </c>
      <c r="AV629" t="s">
        <v>201</v>
      </c>
      <c r="AX629" t="s">
        <v>186</v>
      </c>
      <c r="AY629" t="s">
        <v>187</v>
      </c>
      <c r="AZ629" t="s">
        <v>207</v>
      </c>
      <c r="BA629" t="s">
        <v>188</v>
      </c>
      <c r="BB629" t="s">
        <v>208</v>
      </c>
      <c r="BF629" t="s">
        <v>232</v>
      </c>
      <c r="BG629" t="s">
        <v>301</v>
      </c>
      <c r="BH629" t="s">
        <v>211</v>
      </c>
      <c r="BK629" t="s">
        <v>191</v>
      </c>
      <c r="BM629" t="s">
        <v>191</v>
      </c>
      <c r="BO629" t="s">
        <v>191</v>
      </c>
    </row>
    <row r="630" spans="1:69" x14ac:dyDescent="0.25">
      <c r="A630" s="1">
        <v>30449380</v>
      </c>
      <c r="B630" t="s">
        <v>4067</v>
      </c>
      <c r="C630" t="s">
        <v>39</v>
      </c>
      <c r="D630" t="s">
        <v>3727</v>
      </c>
      <c r="E630" t="s">
        <v>175</v>
      </c>
      <c r="L630" t="s">
        <v>52</v>
      </c>
      <c r="M630" s="1">
        <v>0</v>
      </c>
      <c r="N630" s="1">
        <v>0</v>
      </c>
      <c r="O630" t="s">
        <v>3728</v>
      </c>
      <c r="P630" t="s">
        <v>176</v>
      </c>
      <c r="Q630" t="s">
        <v>196</v>
      </c>
      <c r="S630" t="s">
        <v>178</v>
      </c>
      <c r="T630" t="s">
        <v>175</v>
      </c>
      <c r="Y630" t="s">
        <v>224</v>
      </c>
      <c r="AC630" t="s">
        <v>180</v>
      </c>
      <c r="AD630" s="1">
        <v>0</v>
      </c>
      <c r="AE630" s="1">
        <v>0</v>
      </c>
      <c r="AF630" s="1">
        <v>0</v>
      </c>
      <c r="AG630" s="1">
        <v>0</v>
      </c>
      <c r="AH630" s="1">
        <v>0</v>
      </c>
      <c r="AI630" s="1">
        <v>0</v>
      </c>
      <c r="AJ630" s="1">
        <v>0</v>
      </c>
      <c r="AK630" s="1">
        <v>0</v>
      </c>
      <c r="AL630" s="1">
        <v>0</v>
      </c>
      <c r="AM630" s="1">
        <v>0</v>
      </c>
      <c r="AN630" s="1">
        <v>0</v>
      </c>
      <c r="AO630" s="1">
        <v>0</v>
      </c>
      <c r="AP630" s="1">
        <v>0</v>
      </c>
      <c r="AQ630" s="1">
        <v>0</v>
      </c>
      <c r="AR630" s="1">
        <v>0</v>
      </c>
      <c r="AS630" s="1">
        <v>0</v>
      </c>
      <c r="AT630" s="1">
        <v>0</v>
      </c>
      <c r="AU630" s="1">
        <v>0</v>
      </c>
      <c r="AV630" s="1">
        <v>0</v>
      </c>
      <c r="BF630" s="1">
        <v>0</v>
      </c>
      <c r="BG630" s="1">
        <v>0</v>
      </c>
      <c r="BH630" s="1">
        <v>0</v>
      </c>
      <c r="BK630" s="1">
        <v>0</v>
      </c>
      <c r="BM630" s="1">
        <v>0</v>
      </c>
      <c r="BO630" s="1">
        <v>0</v>
      </c>
    </row>
    <row r="631" spans="1:69" x14ac:dyDescent="0.25">
      <c r="A631" s="1">
        <v>30449381</v>
      </c>
      <c r="B631" t="s">
        <v>486</v>
      </c>
      <c r="C631" t="s">
        <v>39</v>
      </c>
      <c r="D631" t="s">
        <v>174</v>
      </c>
      <c r="E631" t="s">
        <v>175</v>
      </c>
      <c r="L631" t="s">
        <v>52</v>
      </c>
      <c r="M631" s="1">
        <v>0</v>
      </c>
      <c r="N631" s="1">
        <v>0</v>
      </c>
      <c r="O631" t="s">
        <v>174</v>
      </c>
      <c r="P631" t="s">
        <v>176</v>
      </c>
      <c r="Q631" t="s">
        <v>177</v>
      </c>
      <c r="S631" t="s">
        <v>178</v>
      </c>
      <c r="T631" t="s">
        <v>175</v>
      </c>
      <c r="Y631" t="s">
        <v>224</v>
      </c>
      <c r="AC631" t="s">
        <v>180</v>
      </c>
      <c r="AD631" t="s">
        <v>299</v>
      </c>
      <c r="AE631" t="s">
        <v>299</v>
      </c>
      <c r="AF631" t="s">
        <v>299</v>
      </c>
      <c r="AG631" t="s">
        <v>299</v>
      </c>
      <c r="AH631" t="s">
        <v>299</v>
      </c>
      <c r="AI631" t="s">
        <v>299</v>
      </c>
      <c r="AJ631" t="s">
        <v>181</v>
      </c>
      <c r="AK631" t="s">
        <v>299</v>
      </c>
      <c r="AL631" t="s">
        <v>42</v>
      </c>
      <c r="AM631" t="s">
        <v>184</v>
      </c>
      <c r="AN631" t="s">
        <v>202</v>
      </c>
      <c r="AO631" t="s">
        <v>185</v>
      </c>
      <c r="AP631" t="s">
        <v>182</v>
      </c>
      <c r="AQ631" t="s">
        <v>206</v>
      </c>
      <c r="AR631" t="s">
        <v>204</v>
      </c>
      <c r="AS631" t="s">
        <v>205</v>
      </c>
      <c r="AT631" t="s">
        <v>201</v>
      </c>
      <c r="AU631" t="s">
        <v>203</v>
      </c>
      <c r="AV631" t="s">
        <v>183</v>
      </c>
      <c r="AY631" t="s">
        <v>187</v>
      </c>
      <c r="AZ631" t="s">
        <v>207</v>
      </c>
      <c r="BC631" t="s">
        <v>209</v>
      </c>
      <c r="BF631" t="s">
        <v>232</v>
      </c>
      <c r="BG631" t="s">
        <v>276</v>
      </c>
      <c r="BH631" t="s">
        <v>211</v>
      </c>
      <c r="BK631" t="s">
        <v>191</v>
      </c>
      <c r="BL631" t="s">
        <v>487</v>
      </c>
      <c r="BM631" t="s">
        <v>218</v>
      </c>
      <c r="BN631" t="s">
        <v>488</v>
      </c>
      <c r="BO631" t="s">
        <v>218</v>
      </c>
      <c r="BP631" t="s">
        <v>489</v>
      </c>
    </row>
    <row r="632" spans="1:69" x14ac:dyDescent="0.25">
      <c r="A632" s="1">
        <v>30449384</v>
      </c>
      <c r="B632" t="s">
        <v>1225</v>
      </c>
      <c r="C632" t="s">
        <v>39</v>
      </c>
      <c r="D632" t="s">
        <v>942</v>
      </c>
      <c r="E632" t="s">
        <v>216</v>
      </c>
      <c r="L632" t="s">
        <v>52</v>
      </c>
      <c r="M632" s="1">
        <v>0</v>
      </c>
      <c r="N632" s="1">
        <v>0</v>
      </c>
      <c r="O632" t="s">
        <v>942</v>
      </c>
      <c r="P632" t="s">
        <v>216</v>
      </c>
      <c r="Q632" t="s">
        <v>177</v>
      </c>
      <c r="S632" s="1">
        <v>0</v>
      </c>
      <c r="T632" t="s">
        <v>197</v>
      </c>
      <c r="U632" t="s">
        <v>1226</v>
      </c>
      <c r="X632" t="s">
        <v>179</v>
      </c>
      <c r="AC632" t="s">
        <v>180</v>
      </c>
      <c r="AD632" t="s">
        <v>181</v>
      </c>
      <c r="AE632" t="s">
        <v>175</v>
      </c>
      <c r="AF632" t="s">
        <v>181</v>
      </c>
      <c r="AG632" t="s">
        <v>175</v>
      </c>
      <c r="AH632" t="s">
        <v>175</v>
      </c>
      <c r="AI632" t="s">
        <v>175</v>
      </c>
      <c r="AJ632" t="s">
        <v>175</v>
      </c>
      <c r="AK632" t="s">
        <v>175</v>
      </c>
      <c r="AL632" t="s">
        <v>42</v>
      </c>
      <c r="AM632" t="s">
        <v>203</v>
      </c>
      <c r="AN632" t="s">
        <v>206</v>
      </c>
      <c r="AO632" t="s">
        <v>185</v>
      </c>
      <c r="AP632" t="s">
        <v>184</v>
      </c>
      <c r="AQ632" t="s">
        <v>205</v>
      </c>
      <c r="AR632" t="s">
        <v>204</v>
      </c>
      <c r="AS632" t="s">
        <v>202</v>
      </c>
      <c r="AT632" t="s">
        <v>201</v>
      </c>
      <c r="AU632" t="s">
        <v>183</v>
      </c>
      <c r="AV632" t="s">
        <v>182</v>
      </c>
      <c r="AW632" t="s">
        <v>1227</v>
      </c>
      <c r="AX632" t="s">
        <v>186</v>
      </c>
      <c r="AY632" t="s">
        <v>187</v>
      </c>
      <c r="AZ632" t="s">
        <v>207</v>
      </c>
      <c r="BA632" t="s">
        <v>188</v>
      </c>
      <c r="BF632" t="s">
        <v>189</v>
      </c>
      <c r="BG632" s="1">
        <v>0</v>
      </c>
      <c r="BH632" t="s">
        <v>211</v>
      </c>
      <c r="BK632" t="s">
        <v>191</v>
      </c>
      <c r="BL632" t="s">
        <v>1228</v>
      </c>
      <c r="BM632" t="s">
        <v>191</v>
      </c>
      <c r="BN632" t="s">
        <v>1229</v>
      </c>
      <c r="BO632" t="s">
        <v>191</v>
      </c>
      <c r="BP632" t="s">
        <v>1230</v>
      </c>
    </row>
    <row r="633" spans="1:69" x14ac:dyDescent="0.25">
      <c r="A633" s="1">
        <v>30449385</v>
      </c>
      <c r="B633" t="s">
        <v>4068</v>
      </c>
      <c r="C633" t="s">
        <v>39</v>
      </c>
      <c r="D633" t="s">
        <v>3727</v>
      </c>
      <c r="E633" t="s">
        <v>195</v>
      </c>
      <c r="L633" t="s">
        <v>52</v>
      </c>
      <c r="M633" s="1">
        <v>0</v>
      </c>
      <c r="N633" s="1">
        <v>0</v>
      </c>
      <c r="O633" t="s">
        <v>3728</v>
      </c>
      <c r="P633" t="s">
        <v>176</v>
      </c>
      <c r="Q633" t="s">
        <v>196</v>
      </c>
      <c r="S633" t="s">
        <v>178</v>
      </c>
      <c r="T633" t="s">
        <v>297</v>
      </c>
      <c r="U633" t="s">
        <v>4069</v>
      </c>
      <c r="AC633" t="s">
        <v>266</v>
      </c>
      <c r="AD633" t="s">
        <v>230</v>
      </c>
      <c r="AE633" t="s">
        <v>181</v>
      </c>
      <c r="AF633" t="s">
        <v>181</v>
      </c>
      <c r="AG633" t="s">
        <v>175</v>
      </c>
      <c r="AH633" t="s">
        <v>175</v>
      </c>
      <c r="AI633" t="s">
        <v>230</v>
      </c>
      <c r="AJ633" t="s">
        <v>175</v>
      </c>
      <c r="AK633" t="s">
        <v>299</v>
      </c>
      <c r="AL633" t="s">
        <v>42</v>
      </c>
      <c r="AM633" t="s">
        <v>184</v>
      </c>
      <c r="AN633" t="s">
        <v>183</v>
      </c>
      <c r="AO633" t="s">
        <v>182</v>
      </c>
      <c r="AP633" t="s">
        <v>185</v>
      </c>
      <c r="AQ633" t="s">
        <v>202</v>
      </c>
      <c r="AR633" t="s">
        <v>204</v>
      </c>
      <c r="AS633" t="s">
        <v>205</v>
      </c>
      <c r="AT633" t="s">
        <v>206</v>
      </c>
      <c r="AU633" t="s">
        <v>203</v>
      </c>
      <c r="AV633" t="s">
        <v>201</v>
      </c>
      <c r="AZ633" t="s">
        <v>207</v>
      </c>
      <c r="BA633" t="s">
        <v>188</v>
      </c>
      <c r="BF633" t="s">
        <v>292</v>
      </c>
      <c r="BG633" t="s">
        <v>315</v>
      </c>
      <c r="BH633" t="s">
        <v>211</v>
      </c>
      <c r="BK633" t="s">
        <v>191</v>
      </c>
      <c r="BM633" t="s">
        <v>218</v>
      </c>
      <c r="BN633" t="s">
        <v>418</v>
      </c>
      <c r="BO633" t="s">
        <v>218</v>
      </c>
      <c r="BP633" t="s">
        <v>911</v>
      </c>
    </row>
    <row r="634" spans="1:69" x14ac:dyDescent="0.25">
      <c r="A634" s="1">
        <v>30449387</v>
      </c>
      <c r="B634" t="s">
        <v>1995</v>
      </c>
      <c r="C634" t="s">
        <v>39</v>
      </c>
      <c r="D634" t="s">
        <v>1616</v>
      </c>
      <c r="E634" t="s">
        <v>216</v>
      </c>
      <c r="L634" t="s">
        <v>52</v>
      </c>
      <c r="M634" s="1">
        <v>0</v>
      </c>
      <c r="N634" s="1">
        <v>0</v>
      </c>
      <c r="O634" t="s">
        <v>1616</v>
      </c>
      <c r="P634" t="s">
        <v>216</v>
      </c>
      <c r="Q634" s="1">
        <v>0</v>
      </c>
      <c r="S634" s="1">
        <v>0</v>
      </c>
      <c r="T634" s="1">
        <v>0</v>
      </c>
      <c r="AC634" s="1">
        <v>0</v>
      </c>
      <c r="AD634" s="1">
        <v>0</v>
      </c>
      <c r="AE634" s="1">
        <v>0</v>
      </c>
      <c r="AF634" s="1">
        <v>0</v>
      </c>
      <c r="AG634" s="1">
        <v>0</v>
      </c>
      <c r="AH634" s="1">
        <v>0</v>
      </c>
      <c r="AI634" s="1">
        <v>0</v>
      </c>
      <c r="AJ634" s="1">
        <v>0</v>
      </c>
      <c r="AK634" s="1">
        <v>0</v>
      </c>
      <c r="AL634" s="1">
        <v>0</v>
      </c>
      <c r="AM634" s="1">
        <v>0</v>
      </c>
      <c r="AN634" s="1">
        <v>0</v>
      </c>
      <c r="AO634" s="1">
        <v>0</v>
      </c>
      <c r="AP634" s="1">
        <v>0</v>
      </c>
      <c r="AQ634" s="1">
        <v>0</v>
      </c>
      <c r="AR634" s="1">
        <v>0</v>
      </c>
      <c r="AS634" s="1">
        <v>0</v>
      </c>
      <c r="AT634" s="1">
        <v>0</v>
      </c>
      <c r="AU634" s="1">
        <v>0</v>
      </c>
      <c r="AV634" s="1">
        <v>0</v>
      </c>
      <c r="BF634" s="1">
        <v>0</v>
      </c>
      <c r="BG634" s="1">
        <v>0</v>
      </c>
      <c r="BH634" s="1">
        <v>0</v>
      </c>
      <c r="BK634" s="1">
        <v>0</v>
      </c>
      <c r="BM634" s="1">
        <v>0</v>
      </c>
      <c r="BO634" s="1">
        <v>0</v>
      </c>
    </row>
    <row r="635" spans="1:69" x14ac:dyDescent="0.25">
      <c r="A635" s="1">
        <v>30449388</v>
      </c>
      <c r="B635" t="s">
        <v>490</v>
      </c>
      <c r="C635" t="s">
        <v>39</v>
      </c>
      <c r="D635" t="s">
        <v>174</v>
      </c>
      <c r="E635" t="s">
        <v>200</v>
      </c>
      <c r="L635" t="s">
        <v>52</v>
      </c>
      <c r="M635" s="1">
        <v>0</v>
      </c>
      <c r="N635" s="1">
        <v>0</v>
      </c>
      <c r="O635" t="s">
        <v>174</v>
      </c>
      <c r="P635" t="s">
        <v>216</v>
      </c>
      <c r="Q635" t="s">
        <v>238</v>
      </c>
      <c r="S635" s="1">
        <v>0</v>
      </c>
      <c r="T635" t="s">
        <v>200</v>
      </c>
      <c r="Z635" t="s">
        <v>244</v>
      </c>
      <c r="AC635" t="s">
        <v>199</v>
      </c>
      <c r="AD635" t="s">
        <v>200</v>
      </c>
      <c r="AE635" t="s">
        <v>200</v>
      </c>
      <c r="AF635" t="s">
        <v>200</v>
      </c>
      <c r="AG635" t="s">
        <v>200</v>
      </c>
      <c r="AH635" t="s">
        <v>200</v>
      </c>
      <c r="AI635" t="s">
        <v>200</v>
      </c>
      <c r="AJ635" t="s">
        <v>200</v>
      </c>
      <c r="AK635" t="s">
        <v>200</v>
      </c>
      <c r="AL635" t="s">
        <v>52</v>
      </c>
      <c r="AM635" t="s">
        <v>182</v>
      </c>
      <c r="AN635" t="s">
        <v>201</v>
      </c>
      <c r="AO635" t="s">
        <v>184</v>
      </c>
      <c r="AP635" t="s">
        <v>185</v>
      </c>
      <c r="AQ635" t="s">
        <v>202</v>
      </c>
      <c r="AR635" t="s">
        <v>203</v>
      </c>
      <c r="AS635" t="s">
        <v>183</v>
      </c>
      <c r="AT635" t="s">
        <v>206</v>
      </c>
      <c r="AU635" t="s">
        <v>205</v>
      </c>
      <c r="AV635" t="s">
        <v>204</v>
      </c>
      <c r="AX635" t="s">
        <v>186</v>
      </c>
      <c r="AZ635" t="s">
        <v>207</v>
      </c>
      <c r="BA635" t="s">
        <v>188</v>
      </c>
      <c r="BC635" t="s">
        <v>209</v>
      </c>
      <c r="BF635" t="s">
        <v>210</v>
      </c>
      <c r="BG635" s="1">
        <v>0</v>
      </c>
      <c r="BH635" t="s">
        <v>464</v>
      </c>
      <c r="BK635" t="s">
        <v>191</v>
      </c>
      <c r="BL635" t="s">
        <v>491</v>
      </c>
      <c r="BM635" t="s">
        <v>191</v>
      </c>
      <c r="BN635" t="s">
        <v>492</v>
      </c>
      <c r="BO635" t="s">
        <v>218</v>
      </c>
      <c r="BP635" t="s">
        <v>493</v>
      </c>
      <c r="BQ635" t="s">
        <v>494</v>
      </c>
    </row>
    <row r="636" spans="1:69" x14ac:dyDescent="0.25">
      <c r="A636" s="1">
        <v>30449389</v>
      </c>
      <c r="B636" t="s">
        <v>3356</v>
      </c>
      <c r="C636" t="s">
        <v>39</v>
      </c>
      <c r="D636" t="s">
        <v>3138</v>
      </c>
      <c r="E636" t="s">
        <v>175</v>
      </c>
      <c r="L636" t="s">
        <v>52</v>
      </c>
      <c r="M636" s="1">
        <v>0</v>
      </c>
      <c r="N636" s="1">
        <v>0</v>
      </c>
      <c r="O636" t="s">
        <v>3139</v>
      </c>
      <c r="P636" t="s">
        <v>176</v>
      </c>
      <c r="Q636" t="s">
        <v>238</v>
      </c>
      <c r="S636" t="s">
        <v>222</v>
      </c>
      <c r="T636" t="s">
        <v>175</v>
      </c>
      <c r="AA636" t="s">
        <v>273</v>
      </c>
      <c r="AB636" t="s">
        <v>1121</v>
      </c>
      <c r="AC636" t="s">
        <v>199</v>
      </c>
      <c r="AD636" t="s">
        <v>175</v>
      </c>
      <c r="AE636" t="s">
        <v>175</v>
      </c>
      <c r="AF636" t="s">
        <v>175</v>
      </c>
      <c r="AG636" t="s">
        <v>175</v>
      </c>
      <c r="AH636" t="s">
        <v>200</v>
      </c>
      <c r="AI636" t="s">
        <v>200</v>
      </c>
      <c r="AJ636" t="s">
        <v>200</v>
      </c>
      <c r="AK636" t="s">
        <v>175</v>
      </c>
      <c r="AL636" t="s">
        <v>42</v>
      </c>
      <c r="AM636" t="s">
        <v>183</v>
      </c>
      <c r="AN636" t="s">
        <v>185</v>
      </c>
      <c r="AO636" t="s">
        <v>205</v>
      </c>
      <c r="AP636" t="s">
        <v>201</v>
      </c>
      <c r="AQ636" t="s">
        <v>203</v>
      </c>
      <c r="AR636" t="s">
        <v>202</v>
      </c>
      <c r="AS636" t="s">
        <v>204</v>
      </c>
      <c r="AT636" t="s">
        <v>182</v>
      </c>
      <c r="AU636" t="s">
        <v>184</v>
      </c>
      <c r="AV636" t="s">
        <v>206</v>
      </c>
      <c r="AX636" t="s">
        <v>186</v>
      </c>
      <c r="AY636" t="s">
        <v>187</v>
      </c>
      <c r="AZ636" t="s">
        <v>207</v>
      </c>
      <c r="BA636" t="s">
        <v>188</v>
      </c>
      <c r="BF636" t="s">
        <v>189</v>
      </c>
      <c r="BG636" s="1">
        <v>0</v>
      </c>
      <c r="BH636" t="s">
        <v>211</v>
      </c>
      <c r="BK636" t="s">
        <v>191</v>
      </c>
      <c r="BL636" t="s">
        <v>3357</v>
      </c>
      <c r="BM636" t="s">
        <v>191</v>
      </c>
      <c r="BN636" t="s">
        <v>3358</v>
      </c>
      <c r="BO636" t="s">
        <v>218</v>
      </c>
      <c r="BP636" t="s">
        <v>3359</v>
      </c>
      <c r="BQ636" t="s">
        <v>3360</v>
      </c>
    </row>
    <row r="637" spans="1:69" x14ac:dyDescent="0.25">
      <c r="A637" s="1">
        <v>30449391</v>
      </c>
      <c r="B637" t="s">
        <v>3361</v>
      </c>
      <c r="C637" t="s">
        <v>39</v>
      </c>
      <c r="D637" t="s">
        <v>3138</v>
      </c>
      <c r="E637" t="s">
        <v>195</v>
      </c>
      <c r="L637" t="s">
        <v>52</v>
      </c>
      <c r="M637" s="1">
        <v>0</v>
      </c>
      <c r="N637" s="1">
        <v>0</v>
      </c>
      <c r="O637" t="s">
        <v>3139</v>
      </c>
      <c r="P637" t="s">
        <v>176</v>
      </c>
      <c r="Q637" t="s">
        <v>196</v>
      </c>
      <c r="S637" t="s">
        <v>349</v>
      </c>
      <c r="T637" t="s">
        <v>197</v>
      </c>
      <c r="AC637" s="1">
        <v>0</v>
      </c>
      <c r="AD637" s="1">
        <v>0</v>
      </c>
      <c r="AE637" s="1">
        <v>0</v>
      </c>
      <c r="AF637" s="1">
        <v>0</v>
      </c>
      <c r="AG637" s="1">
        <v>0</v>
      </c>
      <c r="AH637" s="1">
        <v>0</v>
      </c>
      <c r="AI637" s="1">
        <v>0</v>
      </c>
      <c r="AJ637" s="1">
        <v>0</v>
      </c>
      <c r="AK637" s="1">
        <v>0</v>
      </c>
      <c r="AL637" s="1">
        <v>0</v>
      </c>
      <c r="AM637" s="1">
        <v>0</v>
      </c>
      <c r="AN637" s="1">
        <v>0</v>
      </c>
      <c r="AO637" s="1">
        <v>0</v>
      </c>
      <c r="AP637" s="1">
        <v>0</v>
      </c>
      <c r="AQ637" s="1">
        <v>0</v>
      </c>
      <c r="AR637" s="1">
        <v>0</v>
      </c>
      <c r="AS637" s="1">
        <v>0</v>
      </c>
      <c r="AT637" s="1">
        <v>0</v>
      </c>
      <c r="AU637" s="1">
        <v>0</v>
      </c>
      <c r="AV637" s="1">
        <v>0</v>
      </c>
      <c r="BF637" s="1">
        <v>0</v>
      </c>
      <c r="BG637" s="1">
        <v>0</v>
      </c>
      <c r="BH637" s="1">
        <v>0</v>
      </c>
      <c r="BK637" s="1">
        <v>0</v>
      </c>
      <c r="BM637" s="1">
        <v>0</v>
      </c>
      <c r="BO637" s="1">
        <v>0</v>
      </c>
    </row>
    <row r="638" spans="1:69" x14ac:dyDescent="0.25">
      <c r="A638" s="1">
        <v>30449392</v>
      </c>
      <c r="B638" t="s">
        <v>495</v>
      </c>
      <c r="C638" t="s">
        <v>39</v>
      </c>
      <c r="D638" t="s">
        <v>174</v>
      </c>
      <c r="E638" t="s">
        <v>200</v>
      </c>
      <c r="L638" t="s">
        <v>52</v>
      </c>
      <c r="M638" s="1">
        <v>0</v>
      </c>
      <c r="N638" s="1">
        <v>0</v>
      </c>
      <c r="O638" t="s">
        <v>174</v>
      </c>
      <c r="P638" t="s">
        <v>216</v>
      </c>
      <c r="Q638" t="s">
        <v>238</v>
      </c>
      <c r="S638" s="1">
        <v>0</v>
      </c>
      <c r="T638" t="s">
        <v>200</v>
      </c>
      <c r="V638" t="s">
        <v>397</v>
      </c>
      <c r="W638" t="s">
        <v>262</v>
      </c>
      <c r="AC638" t="s">
        <v>180</v>
      </c>
      <c r="AD638" t="s">
        <v>175</v>
      </c>
      <c r="AE638" t="s">
        <v>181</v>
      </c>
      <c r="AF638" t="s">
        <v>175</v>
      </c>
      <c r="AG638" t="s">
        <v>175</v>
      </c>
      <c r="AH638" t="s">
        <v>175</v>
      </c>
      <c r="AI638" t="s">
        <v>175</v>
      </c>
      <c r="AJ638" t="s">
        <v>181</v>
      </c>
      <c r="AK638" t="s">
        <v>175</v>
      </c>
      <c r="AL638" t="s">
        <v>42</v>
      </c>
      <c r="AM638" s="1">
        <v>0</v>
      </c>
      <c r="AN638" s="1">
        <v>0</v>
      </c>
      <c r="AO638" s="1">
        <v>0</v>
      </c>
      <c r="AP638" s="1">
        <v>0</v>
      </c>
      <c r="AQ638" s="1">
        <v>0</v>
      </c>
      <c r="AR638" s="1">
        <v>0</v>
      </c>
      <c r="AS638" s="1">
        <v>0</v>
      </c>
      <c r="AT638" s="1">
        <v>0</v>
      </c>
      <c r="AU638" s="1">
        <v>0</v>
      </c>
      <c r="AV638" s="1">
        <v>0</v>
      </c>
      <c r="BF638" s="1">
        <v>0</v>
      </c>
      <c r="BG638" s="1">
        <v>0</v>
      </c>
      <c r="BH638" s="1">
        <v>0</v>
      </c>
      <c r="BK638" s="1">
        <v>0</v>
      </c>
      <c r="BM638" s="1">
        <v>0</v>
      </c>
      <c r="BO638" s="1">
        <v>0</v>
      </c>
    </row>
    <row r="639" spans="1:69" x14ac:dyDescent="0.25">
      <c r="A639" s="1">
        <v>30449395</v>
      </c>
      <c r="B639" t="s">
        <v>3362</v>
      </c>
      <c r="C639" t="s">
        <v>39</v>
      </c>
      <c r="D639" t="s">
        <v>3138</v>
      </c>
      <c r="E639" t="s">
        <v>175</v>
      </c>
      <c r="L639" t="s">
        <v>52</v>
      </c>
      <c r="M639" s="1">
        <v>0</v>
      </c>
      <c r="N639" s="1">
        <v>0</v>
      </c>
      <c r="O639" t="s">
        <v>3139</v>
      </c>
      <c r="P639" t="s">
        <v>176</v>
      </c>
      <c r="Q639" t="s">
        <v>196</v>
      </c>
      <c r="S639" t="s">
        <v>349</v>
      </c>
      <c r="T639" t="s">
        <v>175</v>
      </c>
      <c r="X639" t="s">
        <v>179</v>
      </c>
      <c r="AC639" t="s">
        <v>180</v>
      </c>
      <c r="AD639" t="s">
        <v>175</v>
      </c>
      <c r="AE639" t="s">
        <v>175</v>
      </c>
      <c r="AF639" t="s">
        <v>181</v>
      </c>
      <c r="AG639" t="s">
        <v>230</v>
      </c>
      <c r="AH639" t="s">
        <v>181</v>
      </c>
      <c r="AI639" t="s">
        <v>175</v>
      </c>
      <c r="AJ639" t="s">
        <v>175</v>
      </c>
      <c r="AK639" t="s">
        <v>181</v>
      </c>
      <c r="AL639" t="s">
        <v>42</v>
      </c>
      <c r="AM639" t="s">
        <v>185</v>
      </c>
      <c r="AN639" t="s">
        <v>183</v>
      </c>
      <c r="AO639" t="s">
        <v>182</v>
      </c>
      <c r="AP639" t="s">
        <v>184</v>
      </c>
      <c r="AQ639" t="s">
        <v>202</v>
      </c>
      <c r="AR639" t="s">
        <v>204</v>
      </c>
      <c r="AS639" t="s">
        <v>203</v>
      </c>
      <c r="AT639" t="s">
        <v>206</v>
      </c>
      <c r="AU639" t="s">
        <v>201</v>
      </c>
      <c r="AV639" t="s">
        <v>205</v>
      </c>
      <c r="AY639" t="s">
        <v>187</v>
      </c>
      <c r="AZ639" t="s">
        <v>207</v>
      </c>
      <c r="BA639" t="s">
        <v>188</v>
      </c>
      <c r="BF639" t="s">
        <v>232</v>
      </c>
      <c r="BG639" t="s">
        <v>276</v>
      </c>
      <c r="BH639" t="s">
        <v>211</v>
      </c>
      <c r="BK639" t="s">
        <v>191</v>
      </c>
      <c r="BM639" t="s">
        <v>191</v>
      </c>
      <c r="BO639" t="s">
        <v>191</v>
      </c>
      <c r="BP639" t="s">
        <v>3363</v>
      </c>
      <c r="BQ639" t="s">
        <v>3364</v>
      </c>
    </row>
    <row r="640" spans="1:69" x14ac:dyDescent="0.25">
      <c r="A640" s="1">
        <v>30449396</v>
      </c>
      <c r="B640" t="s">
        <v>1996</v>
      </c>
      <c r="C640" t="s">
        <v>39</v>
      </c>
      <c r="D640" t="s">
        <v>1616</v>
      </c>
      <c r="E640" t="s">
        <v>175</v>
      </c>
      <c r="L640" t="s">
        <v>52</v>
      </c>
      <c r="M640" s="1">
        <v>0</v>
      </c>
      <c r="N640" s="1">
        <v>0</v>
      </c>
      <c r="O640" t="s">
        <v>1616</v>
      </c>
      <c r="P640" t="s">
        <v>176</v>
      </c>
      <c r="Q640" t="s">
        <v>238</v>
      </c>
      <c r="S640" t="s">
        <v>178</v>
      </c>
      <c r="T640" t="s">
        <v>175</v>
      </c>
      <c r="W640" t="s">
        <v>262</v>
      </c>
      <c r="X640" t="s">
        <v>179</v>
      </c>
      <c r="Y640" t="s">
        <v>224</v>
      </c>
      <c r="AC640" t="s">
        <v>180</v>
      </c>
      <c r="AD640" t="s">
        <v>175</v>
      </c>
      <c r="AE640" t="s">
        <v>175</v>
      </c>
      <c r="AF640" t="s">
        <v>175</v>
      </c>
      <c r="AG640" t="s">
        <v>175</v>
      </c>
      <c r="AH640" t="s">
        <v>175</v>
      </c>
      <c r="AI640" t="s">
        <v>175</v>
      </c>
      <c r="AJ640" t="s">
        <v>175</v>
      </c>
      <c r="AK640" t="s">
        <v>175</v>
      </c>
      <c r="AL640" t="s">
        <v>52</v>
      </c>
      <c r="AM640" t="s">
        <v>184</v>
      </c>
      <c r="AN640" t="s">
        <v>206</v>
      </c>
      <c r="AO640" t="s">
        <v>201</v>
      </c>
      <c r="AP640" t="s">
        <v>182</v>
      </c>
      <c r="AQ640" t="s">
        <v>205</v>
      </c>
      <c r="AR640" t="s">
        <v>204</v>
      </c>
      <c r="AS640" t="s">
        <v>185</v>
      </c>
      <c r="AT640" t="s">
        <v>202</v>
      </c>
      <c r="AU640" t="s">
        <v>183</v>
      </c>
      <c r="AV640" t="s">
        <v>203</v>
      </c>
      <c r="AZ640" t="s">
        <v>207</v>
      </c>
      <c r="BF640" t="s">
        <v>189</v>
      </c>
      <c r="BG640" s="1">
        <v>0</v>
      </c>
      <c r="BH640" t="s">
        <v>302</v>
      </c>
      <c r="BI640" t="s">
        <v>1997</v>
      </c>
      <c r="BK640" t="s">
        <v>191</v>
      </c>
      <c r="BL640" t="s">
        <v>1998</v>
      </c>
      <c r="BM640" t="s">
        <v>191</v>
      </c>
      <c r="BN640" t="s">
        <v>1999</v>
      </c>
      <c r="BO640" t="s">
        <v>191</v>
      </c>
      <c r="BP640" t="s">
        <v>2000</v>
      </c>
    </row>
    <row r="641" spans="1:69" x14ac:dyDescent="0.25">
      <c r="A641" s="1">
        <v>30449398</v>
      </c>
      <c r="B641" t="s">
        <v>1231</v>
      </c>
      <c r="C641" t="s">
        <v>39</v>
      </c>
      <c r="D641" t="s">
        <v>942</v>
      </c>
      <c r="E641" t="s">
        <v>175</v>
      </c>
      <c r="L641" t="s">
        <v>52</v>
      </c>
      <c r="M641" s="1">
        <v>0</v>
      </c>
      <c r="N641" s="1">
        <v>0</v>
      </c>
      <c r="O641" t="s">
        <v>942</v>
      </c>
      <c r="P641" t="s">
        <v>176</v>
      </c>
      <c r="Q641" t="s">
        <v>177</v>
      </c>
      <c r="S641" t="s">
        <v>349</v>
      </c>
      <c r="T641" t="s">
        <v>175</v>
      </c>
      <c r="Z641" t="s">
        <v>244</v>
      </c>
      <c r="AC641" t="s">
        <v>199</v>
      </c>
      <c r="AD641" t="s">
        <v>230</v>
      </c>
      <c r="AE641" t="s">
        <v>181</v>
      </c>
      <c r="AF641" t="s">
        <v>175</v>
      </c>
      <c r="AG641" t="s">
        <v>175</v>
      </c>
      <c r="AH641" t="s">
        <v>175</v>
      </c>
      <c r="AI641" t="s">
        <v>175</v>
      </c>
      <c r="AJ641" t="s">
        <v>175</v>
      </c>
      <c r="AK641" t="s">
        <v>181</v>
      </c>
      <c r="AL641" t="s">
        <v>42</v>
      </c>
      <c r="AM641" t="s">
        <v>183</v>
      </c>
      <c r="AN641" t="s">
        <v>206</v>
      </c>
      <c r="AO641" t="s">
        <v>201</v>
      </c>
      <c r="AP641" t="s">
        <v>182</v>
      </c>
      <c r="AQ641" t="s">
        <v>185</v>
      </c>
      <c r="AR641" t="s">
        <v>184</v>
      </c>
      <c r="AS641" t="s">
        <v>202</v>
      </c>
      <c r="AT641" t="s">
        <v>205</v>
      </c>
      <c r="AU641" t="s">
        <v>204</v>
      </c>
      <c r="AV641" t="s">
        <v>203</v>
      </c>
      <c r="AX641" t="s">
        <v>186</v>
      </c>
      <c r="AZ641" t="s">
        <v>207</v>
      </c>
      <c r="BA641" t="s">
        <v>188</v>
      </c>
      <c r="BF641" t="s">
        <v>189</v>
      </c>
      <c r="BG641" s="1">
        <v>0</v>
      </c>
      <c r="BH641" t="s">
        <v>247</v>
      </c>
      <c r="BK641" t="s">
        <v>191</v>
      </c>
      <c r="BL641" t="s">
        <v>1232</v>
      </c>
      <c r="BM641" t="s">
        <v>191</v>
      </c>
      <c r="BN641" t="s">
        <v>1233</v>
      </c>
      <c r="BO641" t="s">
        <v>191</v>
      </c>
      <c r="BP641" t="s">
        <v>1234</v>
      </c>
      <c r="BQ641" t="s">
        <v>1235</v>
      </c>
    </row>
    <row r="642" spans="1:69" x14ac:dyDescent="0.25">
      <c r="A642" s="1">
        <v>30449399</v>
      </c>
      <c r="B642" t="s">
        <v>66</v>
      </c>
      <c r="C642" t="s">
        <v>39</v>
      </c>
      <c r="L642" s="1">
        <v>0</v>
      </c>
      <c r="M642" s="1">
        <v>0</v>
      </c>
      <c r="N642" s="1">
        <v>0</v>
      </c>
      <c r="O642" s="1">
        <v>0</v>
      </c>
      <c r="P642" s="1">
        <v>0</v>
      </c>
      <c r="Q642" s="1">
        <v>0</v>
      </c>
      <c r="S642" s="1">
        <v>0</v>
      </c>
      <c r="T642" s="1">
        <v>0</v>
      </c>
      <c r="AC642" s="1">
        <v>0</v>
      </c>
      <c r="AD642" s="1">
        <v>0</v>
      </c>
      <c r="AE642" s="1">
        <v>0</v>
      </c>
      <c r="AF642" s="1">
        <v>0</v>
      </c>
      <c r="AG642" s="1">
        <v>0</v>
      </c>
      <c r="AH642" s="1">
        <v>0</v>
      </c>
      <c r="AI642" s="1">
        <v>0</v>
      </c>
      <c r="AJ642" s="1">
        <v>0</v>
      </c>
      <c r="AK642" s="1">
        <v>0</v>
      </c>
      <c r="AL642" s="1">
        <v>0</v>
      </c>
      <c r="AM642" s="1">
        <v>0</v>
      </c>
      <c r="AN642" s="1">
        <v>0</v>
      </c>
      <c r="AO642" s="1">
        <v>0</v>
      </c>
      <c r="AP642" s="1">
        <v>0</v>
      </c>
      <c r="AQ642" s="1">
        <v>0</v>
      </c>
      <c r="AR642" s="1">
        <v>0</v>
      </c>
      <c r="AS642" s="1">
        <v>0</v>
      </c>
      <c r="AT642" s="1">
        <v>0</v>
      </c>
      <c r="AU642" s="1">
        <v>0</v>
      </c>
      <c r="AV642" s="1">
        <v>0</v>
      </c>
      <c r="BF642" s="1">
        <v>0</v>
      </c>
      <c r="BG642" s="1">
        <v>0</v>
      </c>
      <c r="BH642" s="1">
        <v>0</v>
      </c>
      <c r="BK642" s="1">
        <v>0</v>
      </c>
      <c r="BM642" s="1">
        <v>0</v>
      </c>
      <c r="BO642" s="1">
        <v>0</v>
      </c>
    </row>
    <row r="643" spans="1:69" x14ac:dyDescent="0.25">
      <c r="A643" s="1">
        <v>30449401</v>
      </c>
      <c r="B643" t="s">
        <v>67</v>
      </c>
      <c r="C643" t="s">
        <v>39</v>
      </c>
      <c r="L643" s="1">
        <v>0</v>
      </c>
      <c r="M643" s="1">
        <v>0</v>
      </c>
      <c r="N643" s="1">
        <v>0</v>
      </c>
      <c r="O643" s="1">
        <v>0</v>
      </c>
      <c r="P643" s="1">
        <v>0</v>
      </c>
      <c r="Q643" s="1">
        <v>0</v>
      </c>
      <c r="S643" s="1">
        <v>0</v>
      </c>
      <c r="T643" s="1">
        <v>0</v>
      </c>
      <c r="AC643" s="1">
        <v>0</v>
      </c>
      <c r="AD643" s="1">
        <v>0</v>
      </c>
      <c r="AE643" s="1">
        <v>0</v>
      </c>
      <c r="AF643" s="1">
        <v>0</v>
      </c>
      <c r="AG643" s="1">
        <v>0</v>
      </c>
      <c r="AH643" s="1">
        <v>0</v>
      </c>
      <c r="AI643" s="1">
        <v>0</v>
      </c>
      <c r="AJ643" s="1">
        <v>0</v>
      </c>
      <c r="AK643" s="1">
        <v>0</v>
      </c>
      <c r="AL643" s="1">
        <v>0</v>
      </c>
      <c r="AM643" s="1">
        <v>0</v>
      </c>
      <c r="AN643" s="1">
        <v>0</v>
      </c>
      <c r="AO643" s="1">
        <v>0</v>
      </c>
      <c r="AP643" s="1">
        <v>0</v>
      </c>
      <c r="AQ643" s="1">
        <v>0</v>
      </c>
      <c r="AR643" s="1">
        <v>0</v>
      </c>
      <c r="AS643" s="1">
        <v>0</v>
      </c>
      <c r="AT643" s="1">
        <v>0</v>
      </c>
      <c r="AU643" s="1">
        <v>0</v>
      </c>
      <c r="AV643" s="1">
        <v>0</v>
      </c>
      <c r="BF643" s="1">
        <v>0</v>
      </c>
      <c r="BG643" s="1">
        <v>0</v>
      </c>
      <c r="BH643" s="1">
        <v>0</v>
      </c>
      <c r="BK643" s="1">
        <v>0</v>
      </c>
      <c r="BM643" s="1">
        <v>0</v>
      </c>
      <c r="BO643" s="1">
        <v>0</v>
      </c>
    </row>
    <row r="644" spans="1:69" x14ac:dyDescent="0.25">
      <c r="A644" s="1">
        <v>30449402</v>
      </c>
      <c r="B644" t="s">
        <v>68</v>
      </c>
      <c r="C644" t="s">
        <v>39</v>
      </c>
      <c r="L644" s="1">
        <v>0</v>
      </c>
      <c r="M644" s="1">
        <v>0</v>
      </c>
      <c r="N644" s="1">
        <v>0</v>
      </c>
      <c r="O644" s="1">
        <v>0</v>
      </c>
      <c r="P644" s="1">
        <v>0</v>
      </c>
      <c r="Q644" s="1">
        <v>0</v>
      </c>
      <c r="S644" s="1">
        <v>0</v>
      </c>
      <c r="T644" s="1">
        <v>0</v>
      </c>
      <c r="AC644" s="1">
        <v>0</v>
      </c>
      <c r="AD644" s="1">
        <v>0</v>
      </c>
      <c r="AE644" s="1">
        <v>0</v>
      </c>
      <c r="AF644" s="1">
        <v>0</v>
      </c>
      <c r="AG644" s="1">
        <v>0</v>
      </c>
      <c r="AH644" s="1">
        <v>0</v>
      </c>
      <c r="AI644" s="1">
        <v>0</v>
      </c>
      <c r="AJ644" s="1">
        <v>0</v>
      </c>
      <c r="AK644" s="1">
        <v>0</v>
      </c>
      <c r="AL644" s="1">
        <v>0</v>
      </c>
      <c r="AM644" s="1">
        <v>0</v>
      </c>
      <c r="AN644" s="1">
        <v>0</v>
      </c>
      <c r="AO644" s="1">
        <v>0</v>
      </c>
      <c r="AP644" s="1">
        <v>0</v>
      </c>
      <c r="AQ644" s="1">
        <v>0</v>
      </c>
      <c r="AR644" s="1">
        <v>0</v>
      </c>
      <c r="AS644" s="1">
        <v>0</v>
      </c>
      <c r="AT644" s="1">
        <v>0</v>
      </c>
      <c r="AU644" s="1">
        <v>0</v>
      </c>
      <c r="AV644" s="1">
        <v>0</v>
      </c>
      <c r="BF644" s="1">
        <v>0</v>
      </c>
      <c r="BG644" s="1">
        <v>0</v>
      </c>
      <c r="BH644" s="1">
        <v>0</v>
      </c>
      <c r="BK644" s="1">
        <v>0</v>
      </c>
      <c r="BM644" s="1">
        <v>0</v>
      </c>
      <c r="BO644" s="1">
        <v>0</v>
      </c>
    </row>
    <row r="645" spans="1:69" x14ac:dyDescent="0.25">
      <c r="A645" s="1">
        <v>30449403</v>
      </c>
      <c r="B645" t="s">
        <v>69</v>
      </c>
      <c r="C645" t="s">
        <v>39</v>
      </c>
      <c r="L645" s="1">
        <v>0</v>
      </c>
      <c r="M645" s="1">
        <v>0</v>
      </c>
      <c r="N645" s="1">
        <v>0</v>
      </c>
      <c r="O645" s="1">
        <v>0</v>
      </c>
      <c r="P645" s="1">
        <v>0</v>
      </c>
      <c r="Q645" s="1">
        <v>0</v>
      </c>
      <c r="S645" s="1">
        <v>0</v>
      </c>
      <c r="T645" s="1">
        <v>0</v>
      </c>
      <c r="AC645" s="1">
        <v>0</v>
      </c>
      <c r="AD645" s="1">
        <v>0</v>
      </c>
      <c r="AE645" s="1">
        <v>0</v>
      </c>
      <c r="AF645" s="1">
        <v>0</v>
      </c>
      <c r="AG645" s="1">
        <v>0</v>
      </c>
      <c r="AH645" s="1">
        <v>0</v>
      </c>
      <c r="AI645" s="1">
        <v>0</v>
      </c>
      <c r="AJ645" s="1">
        <v>0</v>
      </c>
      <c r="AK645" s="1">
        <v>0</v>
      </c>
      <c r="AL645" s="1">
        <v>0</v>
      </c>
      <c r="AM645" s="1">
        <v>0</v>
      </c>
      <c r="AN645" s="1">
        <v>0</v>
      </c>
      <c r="AO645" s="1">
        <v>0</v>
      </c>
      <c r="AP645" s="1">
        <v>0</v>
      </c>
      <c r="AQ645" s="1">
        <v>0</v>
      </c>
      <c r="AR645" s="1">
        <v>0</v>
      </c>
      <c r="AS645" s="1">
        <v>0</v>
      </c>
      <c r="AT645" s="1">
        <v>0</v>
      </c>
      <c r="AU645" s="1">
        <v>0</v>
      </c>
      <c r="AV645" s="1">
        <v>0</v>
      </c>
      <c r="BF645" s="1">
        <v>0</v>
      </c>
      <c r="BG645" s="1">
        <v>0</v>
      </c>
      <c r="BH645" s="1">
        <v>0</v>
      </c>
      <c r="BK645" s="1">
        <v>0</v>
      </c>
      <c r="BM645" s="1">
        <v>0</v>
      </c>
      <c r="BO645" s="1">
        <v>0</v>
      </c>
    </row>
    <row r="646" spans="1:69" x14ac:dyDescent="0.25">
      <c r="A646" s="1">
        <v>30449405</v>
      </c>
      <c r="B646" t="s">
        <v>70</v>
      </c>
      <c r="C646" t="s">
        <v>39</v>
      </c>
      <c r="L646" s="1">
        <v>0</v>
      </c>
      <c r="M646" s="1">
        <v>0</v>
      </c>
      <c r="N646" s="1">
        <v>0</v>
      </c>
      <c r="O646" s="1">
        <v>0</v>
      </c>
      <c r="P646" s="1">
        <v>0</v>
      </c>
      <c r="Q646" s="1">
        <v>0</v>
      </c>
      <c r="S646" s="1">
        <v>0</v>
      </c>
      <c r="T646" s="1">
        <v>0</v>
      </c>
      <c r="AC646" s="1">
        <v>0</v>
      </c>
      <c r="AD646" s="1">
        <v>0</v>
      </c>
      <c r="AE646" s="1">
        <v>0</v>
      </c>
      <c r="AF646" s="1">
        <v>0</v>
      </c>
      <c r="AG646" s="1">
        <v>0</v>
      </c>
      <c r="AH646" s="1">
        <v>0</v>
      </c>
      <c r="AI646" s="1">
        <v>0</v>
      </c>
      <c r="AJ646" s="1">
        <v>0</v>
      </c>
      <c r="AK646" s="1">
        <v>0</v>
      </c>
      <c r="AL646" s="1">
        <v>0</v>
      </c>
      <c r="AM646" s="1">
        <v>0</v>
      </c>
      <c r="AN646" s="1">
        <v>0</v>
      </c>
      <c r="AO646" s="1">
        <v>0</v>
      </c>
      <c r="AP646" s="1">
        <v>0</v>
      </c>
      <c r="AQ646" s="1">
        <v>0</v>
      </c>
      <c r="AR646" s="1">
        <v>0</v>
      </c>
      <c r="AS646" s="1">
        <v>0</v>
      </c>
      <c r="AT646" s="1">
        <v>0</v>
      </c>
      <c r="AU646" s="1">
        <v>0</v>
      </c>
      <c r="AV646" s="1">
        <v>0</v>
      </c>
      <c r="BF646" s="1">
        <v>0</v>
      </c>
      <c r="BG646" s="1">
        <v>0</v>
      </c>
      <c r="BH646" s="1">
        <v>0</v>
      </c>
      <c r="BK646" s="1">
        <v>0</v>
      </c>
      <c r="BM646" s="1">
        <v>0</v>
      </c>
      <c r="BO646" s="1">
        <v>0</v>
      </c>
    </row>
    <row r="647" spans="1:69" x14ac:dyDescent="0.25">
      <c r="A647" s="1">
        <v>30449407</v>
      </c>
      <c r="B647" t="s">
        <v>71</v>
      </c>
      <c r="C647" t="s">
        <v>39</v>
      </c>
      <c r="L647" s="1">
        <v>0</v>
      </c>
      <c r="M647" s="1">
        <v>0</v>
      </c>
      <c r="N647" s="1">
        <v>0</v>
      </c>
      <c r="O647" s="1">
        <v>0</v>
      </c>
      <c r="P647" s="1">
        <v>0</v>
      </c>
      <c r="Q647" s="1">
        <v>0</v>
      </c>
      <c r="S647" s="1">
        <v>0</v>
      </c>
      <c r="T647" s="1">
        <v>0</v>
      </c>
      <c r="AC647" s="1">
        <v>0</v>
      </c>
      <c r="AD647" s="1">
        <v>0</v>
      </c>
      <c r="AE647" s="1">
        <v>0</v>
      </c>
      <c r="AF647" s="1">
        <v>0</v>
      </c>
      <c r="AG647" s="1">
        <v>0</v>
      </c>
      <c r="AH647" s="1">
        <v>0</v>
      </c>
      <c r="AI647" s="1">
        <v>0</v>
      </c>
      <c r="AJ647" s="1">
        <v>0</v>
      </c>
      <c r="AK647" s="1">
        <v>0</v>
      </c>
      <c r="AL647" s="1">
        <v>0</v>
      </c>
      <c r="AM647" s="1">
        <v>0</v>
      </c>
      <c r="AN647" s="1">
        <v>0</v>
      </c>
      <c r="AO647" s="1">
        <v>0</v>
      </c>
      <c r="AP647" s="1">
        <v>0</v>
      </c>
      <c r="AQ647" s="1">
        <v>0</v>
      </c>
      <c r="AR647" s="1">
        <v>0</v>
      </c>
      <c r="AS647" s="1">
        <v>0</v>
      </c>
      <c r="AT647" s="1">
        <v>0</v>
      </c>
      <c r="AU647" s="1">
        <v>0</v>
      </c>
      <c r="AV647" s="1">
        <v>0</v>
      </c>
      <c r="BF647" s="1">
        <v>0</v>
      </c>
      <c r="BG647" s="1">
        <v>0</v>
      </c>
      <c r="BH647" s="1">
        <v>0</v>
      </c>
      <c r="BK647" s="1">
        <v>0</v>
      </c>
      <c r="BM647" s="1">
        <v>0</v>
      </c>
      <c r="BO647" s="1">
        <v>0</v>
      </c>
    </row>
    <row r="648" spans="1:69" x14ac:dyDescent="0.25">
      <c r="A648" s="1">
        <v>30449408</v>
      </c>
      <c r="B648" t="s">
        <v>496</v>
      </c>
      <c r="C648" t="s">
        <v>39</v>
      </c>
      <c r="D648" t="s">
        <v>174</v>
      </c>
      <c r="E648" t="s">
        <v>195</v>
      </c>
      <c r="L648" t="s">
        <v>52</v>
      </c>
      <c r="M648" s="1">
        <v>0</v>
      </c>
      <c r="N648" s="1">
        <v>0</v>
      </c>
      <c r="O648" t="s">
        <v>174</v>
      </c>
      <c r="P648" t="s">
        <v>176</v>
      </c>
      <c r="Q648" t="s">
        <v>258</v>
      </c>
      <c r="S648" t="s">
        <v>315</v>
      </c>
      <c r="T648" t="s">
        <v>197</v>
      </c>
      <c r="U648" t="s">
        <v>497</v>
      </c>
      <c r="W648" t="s">
        <v>262</v>
      </c>
      <c r="AC648" t="s">
        <v>225</v>
      </c>
      <c r="AD648" t="s">
        <v>200</v>
      </c>
      <c r="AE648" t="s">
        <v>200</v>
      </c>
      <c r="AF648" t="s">
        <v>200</v>
      </c>
      <c r="AG648" t="s">
        <v>200</v>
      </c>
      <c r="AH648" t="s">
        <v>200</v>
      </c>
      <c r="AI648" t="s">
        <v>200</v>
      </c>
      <c r="AJ648" t="s">
        <v>200</v>
      </c>
      <c r="AK648" t="s">
        <v>200</v>
      </c>
      <c r="AL648" t="s">
        <v>52</v>
      </c>
      <c r="AM648" t="s">
        <v>204</v>
      </c>
      <c r="AN648" t="s">
        <v>201</v>
      </c>
      <c r="AO648" t="s">
        <v>203</v>
      </c>
      <c r="AP648" t="s">
        <v>182</v>
      </c>
      <c r="AQ648" t="s">
        <v>184</v>
      </c>
      <c r="AR648" t="s">
        <v>185</v>
      </c>
      <c r="AS648" t="s">
        <v>202</v>
      </c>
      <c r="AT648" t="s">
        <v>183</v>
      </c>
      <c r="AU648" t="s">
        <v>206</v>
      </c>
      <c r="AV648" t="s">
        <v>205</v>
      </c>
      <c r="AW648" t="s">
        <v>498</v>
      </c>
      <c r="AY648" t="s">
        <v>187</v>
      </c>
      <c r="BA648" t="s">
        <v>188</v>
      </c>
      <c r="BC648" t="s">
        <v>209</v>
      </c>
      <c r="BF648" t="s">
        <v>189</v>
      </c>
      <c r="BG648" s="1">
        <v>0</v>
      </c>
      <c r="BH648" t="s">
        <v>190</v>
      </c>
      <c r="BK648" t="s">
        <v>191</v>
      </c>
      <c r="BL648" t="s">
        <v>499</v>
      </c>
      <c r="BM648" t="s">
        <v>191</v>
      </c>
      <c r="BN648" t="s">
        <v>500</v>
      </c>
      <c r="BO648" t="s">
        <v>191</v>
      </c>
      <c r="BP648" t="s">
        <v>501</v>
      </c>
    </row>
    <row r="649" spans="1:69" x14ac:dyDescent="0.25">
      <c r="A649" s="1">
        <v>30449411</v>
      </c>
      <c r="B649" t="s">
        <v>72</v>
      </c>
      <c r="C649" t="s">
        <v>39</v>
      </c>
      <c r="L649" s="1">
        <v>0</v>
      </c>
      <c r="M649" s="1">
        <v>0</v>
      </c>
      <c r="N649" s="1">
        <v>0</v>
      </c>
      <c r="O649" s="1">
        <v>0</v>
      </c>
      <c r="P649" s="1">
        <v>0</v>
      </c>
      <c r="Q649" s="1">
        <v>0</v>
      </c>
      <c r="S649" s="1">
        <v>0</v>
      </c>
      <c r="T649" s="1">
        <v>0</v>
      </c>
      <c r="AC649" s="1">
        <v>0</v>
      </c>
      <c r="AD649" s="1">
        <v>0</v>
      </c>
      <c r="AE649" s="1">
        <v>0</v>
      </c>
      <c r="AF649" s="1">
        <v>0</v>
      </c>
      <c r="AG649" s="1">
        <v>0</v>
      </c>
      <c r="AH649" s="1">
        <v>0</v>
      </c>
      <c r="AI649" s="1">
        <v>0</v>
      </c>
      <c r="AJ649" s="1">
        <v>0</v>
      </c>
      <c r="AK649" s="1">
        <v>0</v>
      </c>
      <c r="AL649" s="1">
        <v>0</v>
      </c>
      <c r="AM649" s="1">
        <v>0</v>
      </c>
      <c r="AN649" s="1">
        <v>0</v>
      </c>
      <c r="AO649" s="1">
        <v>0</v>
      </c>
      <c r="AP649" s="1">
        <v>0</v>
      </c>
      <c r="AQ649" s="1">
        <v>0</v>
      </c>
      <c r="AR649" s="1">
        <v>0</v>
      </c>
      <c r="AS649" s="1">
        <v>0</v>
      </c>
      <c r="AT649" s="1">
        <v>0</v>
      </c>
      <c r="AU649" s="1">
        <v>0</v>
      </c>
      <c r="AV649" s="1">
        <v>0</v>
      </c>
      <c r="BF649" s="1">
        <v>0</v>
      </c>
      <c r="BG649" s="1">
        <v>0</v>
      </c>
      <c r="BH649" s="1">
        <v>0</v>
      </c>
      <c r="BK649" s="1">
        <v>0</v>
      </c>
      <c r="BM649" s="1">
        <v>0</v>
      </c>
      <c r="BO649" s="1">
        <v>0</v>
      </c>
    </row>
    <row r="650" spans="1:69" x14ac:dyDescent="0.25">
      <c r="A650" s="1">
        <v>30449412</v>
      </c>
      <c r="B650" t="s">
        <v>1236</v>
      </c>
      <c r="C650" t="s">
        <v>39</v>
      </c>
      <c r="D650" t="s">
        <v>942</v>
      </c>
      <c r="E650" t="s">
        <v>175</v>
      </c>
      <c r="L650" t="s">
        <v>52</v>
      </c>
      <c r="M650" s="1">
        <v>0</v>
      </c>
      <c r="N650" s="1">
        <v>0</v>
      </c>
      <c r="O650" t="s">
        <v>942</v>
      </c>
      <c r="P650" t="s">
        <v>176</v>
      </c>
      <c r="Q650" t="s">
        <v>196</v>
      </c>
      <c r="S650" t="s">
        <v>178</v>
      </c>
      <c r="T650" t="s">
        <v>175</v>
      </c>
      <c r="W650" t="s">
        <v>262</v>
      </c>
      <c r="AC650" t="s">
        <v>180</v>
      </c>
      <c r="AD650" t="s">
        <v>175</v>
      </c>
      <c r="AE650" t="s">
        <v>175</v>
      </c>
      <c r="AF650" t="s">
        <v>175</v>
      </c>
      <c r="AG650" t="s">
        <v>175</v>
      </c>
      <c r="AH650" t="s">
        <v>175</v>
      </c>
      <c r="AI650" t="s">
        <v>175</v>
      </c>
      <c r="AJ650" t="s">
        <v>175</v>
      </c>
      <c r="AK650" t="s">
        <v>181</v>
      </c>
      <c r="AL650" t="s">
        <v>52</v>
      </c>
      <c r="AM650" t="s">
        <v>184</v>
      </c>
      <c r="AN650" t="s">
        <v>182</v>
      </c>
      <c r="AO650" t="s">
        <v>185</v>
      </c>
      <c r="AP650" t="s">
        <v>206</v>
      </c>
      <c r="AQ650" t="s">
        <v>204</v>
      </c>
      <c r="AR650" t="s">
        <v>205</v>
      </c>
      <c r="AS650" t="s">
        <v>203</v>
      </c>
      <c r="AT650" t="s">
        <v>183</v>
      </c>
      <c r="AU650" t="s">
        <v>201</v>
      </c>
      <c r="AV650" t="s">
        <v>202</v>
      </c>
      <c r="AX650" t="s">
        <v>186</v>
      </c>
      <c r="AY650" t="s">
        <v>187</v>
      </c>
      <c r="AZ650" t="s">
        <v>207</v>
      </c>
      <c r="BF650" t="s">
        <v>210</v>
      </c>
      <c r="BG650" s="1">
        <v>0</v>
      </c>
      <c r="BH650" t="s">
        <v>247</v>
      </c>
      <c r="BK650" t="s">
        <v>191</v>
      </c>
      <c r="BL650" t="s">
        <v>1237</v>
      </c>
      <c r="BM650" t="s">
        <v>218</v>
      </c>
      <c r="BN650" t="s">
        <v>1237</v>
      </c>
      <c r="BO650" t="s">
        <v>218</v>
      </c>
      <c r="BP650" t="s">
        <v>1238</v>
      </c>
    </row>
    <row r="651" spans="1:69" x14ac:dyDescent="0.25">
      <c r="A651" s="1">
        <v>30449414</v>
      </c>
      <c r="B651" t="s">
        <v>2756</v>
      </c>
      <c r="C651" t="s">
        <v>39</v>
      </c>
      <c r="D651" t="s">
        <v>2512</v>
      </c>
      <c r="E651" t="s">
        <v>195</v>
      </c>
      <c r="L651" t="s">
        <v>52</v>
      </c>
      <c r="M651" s="1">
        <v>0</v>
      </c>
      <c r="N651" s="1">
        <v>0</v>
      </c>
      <c r="O651" t="s">
        <v>2512</v>
      </c>
      <c r="P651" t="s">
        <v>176</v>
      </c>
      <c r="Q651" t="s">
        <v>238</v>
      </c>
      <c r="S651" t="s">
        <v>222</v>
      </c>
      <c r="T651" t="s">
        <v>197</v>
      </c>
      <c r="X651" t="s">
        <v>179</v>
      </c>
      <c r="Y651" t="s">
        <v>224</v>
      </c>
      <c r="AC651" t="s">
        <v>199</v>
      </c>
      <c r="AD651" t="s">
        <v>175</v>
      </c>
      <c r="AE651" t="s">
        <v>181</v>
      </c>
      <c r="AF651" t="s">
        <v>181</v>
      </c>
      <c r="AG651" t="s">
        <v>181</v>
      </c>
      <c r="AH651" t="s">
        <v>175</v>
      </c>
      <c r="AI651" t="s">
        <v>181</v>
      </c>
      <c r="AJ651" t="s">
        <v>175</v>
      </c>
      <c r="AK651" t="s">
        <v>175</v>
      </c>
      <c r="AL651" t="s">
        <v>52</v>
      </c>
      <c r="AM651" s="1">
        <v>0</v>
      </c>
      <c r="AN651" s="1">
        <v>0</v>
      </c>
      <c r="AO651" s="1">
        <v>0</v>
      </c>
      <c r="AP651" s="1">
        <v>0</v>
      </c>
      <c r="AQ651" s="1">
        <v>0</v>
      </c>
      <c r="AR651" s="1">
        <v>0</v>
      </c>
      <c r="AS651" s="1">
        <v>0</v>
      </c>
      <c r="AT651" s="1">
        <v>0</v>
      </c>
      <c r="AU651" s="1">
        <v>0</v>
      </c>
      <c r="AV651" s="1">
        <v>0</v>
      </c>
      <c r="BF651" s="1">
        <v>0</v>
      </c>
      <c r="BG651" s="1">
        <v>0</v>
      </c>
      <c r="BH651" s="1">
        <v>0</v>
      </c>
      <c r="BK651" s="1">
        <v>0</v>
      </c>
      <c r="BM651" s="1">
        <v>0</v>
      </c>
      <c r="BO651" s="1">
        <v>0</v>
      </c>
    </row>
    <row r="652" spans="1:69" x14ac:dyDescent="0.25">
      <c r="A652" s="1">
        <v>30449416</v>
      </c>
      <c r="B652" t="s">
        <v>502</v>
      </c>
      <c r="C652" t="s">
        <v>39</v>
      </c>
      <c r="D652" t="s">
        <v>174</v>
      </c>
      <c r="E652" t="s">
        <v>200</v>
      </c>
      <c r="L652" t="s">
        <v>52</v>
      </c>
      <c r="M652" s="1">
        <v>0</v>
      </c>
      <c r="N652" s="1">
        <v>0</v>
      </c>
      <c r="O652" t="s">
        <v>174</v>
      </c>
      <c r="P652" t="s">
        <v>176</v>
      </c>
      <c r="Q652" t="s">
        <v>177</v>
      </c>
      <c r="S652" t="s">
        <v>315</v>
      </c>
      <c r="T652" t="s">
        <v>200</v>
      </c>
      <c r="AA652" t="s">
        <v>273</v>
      </c>
      <c r="AB652" t="s">
        <v>503</v>
      </c>
      <c r="AC652" t="s">
        <v>225</v>
      </c>
      <c r="AD652" t="s">
        <v>200</v>
      </c>
      <c r="AE652" t="s">
        <v>200</v>
      </c>
      <c r="AF652" t="s">
        <v>200</v>
      </c>
      <c r="AG652" t="s">
        <v>200</v>
      </c>
      <c r="AH652" t="s">
        <v>200</v>
      </c>
      <c r="AI652" t="s">
        <v>200</v>
      </c>
      <c r="AJ652" t="s">
        <v>200</v>
      </c>
      <c r="AK652" t="s">
        <v>200</v>
      </c>
      <c r="AL652" t="s">
        <v>42</v>
      </c>
      <c r="AM652" s="1">
        <v>0</v>
      </c>
      <c r="AN652" s="1">
        <v>0</v>
      </c>
      <c r="AO652" t="s">
        <v>184</v>
      </c>
      <c r="AP652" t="s">
        <v>182</v>
      </c>
      <c r="AQ652" s="1">
        <v>0</v>
      </c>
      <c r="AR652" s="1">
        <v>0</v>
      </c>
      <c r="AS652" s="1">
        <v>0</v>
      </c>
      <c r="AT652" s="1">
        <v>0</v>
      </c>
      <c r="AU652" t="s">
        <v>185</v>
      </c>
      <c r="AV652" s="1">
        <v>0</v>
      </c>
      <c r="AW652" t="s">
        <v>504</v>
      </c>
      <c r="AZ652" t="s">
        <v>207</v>
      </c>
      <c r="BA652" t="s">
        <v>188</v>
      </c>
      <c r="BB652" t="s">
        <v>208</v>
      </c>
      <c r="BF652" t="s">
        <v>210</v>
      </c>
      <c r="BG652" s="1">
        <v>0</v>
      </c>
      <c r="BH652" t="s">
        <v>211</v>
      </c>
      <c r="BK652" t="s">
        <v>191</v>
      </c>
      <c r="BL652" t="s">
        <v>505</v>
      </c>
      <c r="BM652" t="s">
        <v>191</v>
      </c>
      <c r="BN652" t="s">
        <v>506</v>
      </c>
      <c r="BO652" t="s">
        <v>191</v>
      </c>
      <c r="BP652" t="s">
        <v>325</v>
      </c>
      <c r="BQ652" t="s">
        <v>507</v>
      </c>
    </row>
    <row r="653" spans="1:69" x14ac:dyDescent="0.25">
      <c r="A653" s="1">
        <v>30449422</v>
      </c>
      <c r="B653" t="s">
        <v>1239</v>
      </c>
      <c r="C653" t="s">
        <v>39</v>
      </c>
      <c r="D653" t="s">
        <v>942</v>
      </c>
      <c r="E653" t="s">
        <v>175</v>
      </c>
      <c r="L653" t="s">
        <v>52</v>
      </c>
      <c r="M653" s="1">
        <v>0</v>
      </c>
      <c r="N653" s="1">
        <v>0</v>
      </c>
      <c r="O653" t="s">
        <v>942</v>
      </c>
      <c r="P653" t="s">
        <v>216</v>
      </c>
      <c r="Q653" t="s">
        <v>322</v>
      </c>
      <c r="S653" s="1">
        <v>0</v>
      </c>
      <c r="T653" t="s">
        <v>175</v>
      </c>
      <c r="W653" t="s">
        <v>262</v>
      </c>
      <c r="Z653" t="s">
        <v>244</v>
      </c>
      <c r="AC653" t="s">
        <v>180</v>
      </c>
      <c r="AD653" t="s">
        <v>181</v>
      </c>
      <c r="AE653" t="s">
        <v>175</v>
      </c>
      <c r="AF653" t="s">
        <v>175</v>
      </c>
      <c r="AG653" t="s">
        <v>181</v>
      </c>
      <c r="AH653" t="s">
        <v>175</v>
      </c>
      <c r="AI653" t="s">
        <v>175</v>
      </c>
      <c r="AJ653" t="s">
        <v>181</v>
      </c>
      <c r="AK653" t="s">
        <v>181</v>
      </c>
      <c r="AL653" t="s">
        <v>42</v>
      </c>
      <c r="AM653" t="s">
        <v>185</v>
      </c>
      <c r="AN653" t="s">
        <v>182</v>
      </c>
      <c r="AO653" t="s">
        <v>201</v>
      </c>
      <c r="AP653" t="s">
        <v>184</v>
      </c>
      <c r="AQ653" t="s">
        <v>206</v>
      </c>
      <c r="AR653" t="s">
        <v>205</v>
      </c>
      <c r="AS653" t="s">
        <v>203</v>
      </c>
      <c r="AT653" t="s">
        <v>183</v>
      </c>
      <c r="AU653" t="s">
        <v>204</v>
      </c>
      <c r="AV653" t="s">
        <v>202</v>
      </c>
      <c r="AY653" t="s">
        <v>187</v>
      </c>
      <c r="AZ653" t="s">
        <v>207</v>
      </c>
      <c r="BF653" t="s">
        <v>210</v>
      </c>
      <c r="BG653" s="1">
        <v>0</v>
      </c>
      <c r="BH653" t="s">
        <v>211</v>
      </c>
      <c r="BK653" t="s">
        <v>191</v>
      </c>
      <c r="BM653" t="s">
        <v>191</v>
      </c>
      <c r="BO653" s="1">
        <v>0</v>
      </c>
    </row>
    <row r="654" spans="1:69" x14ac:dyDescent="0.25">
      <c r="A654" s="1">
        <v>30449424</v>
      </c>
      <c r="B654" t="s">
        <v>3365</v>
      </c>
      <c r="C654" t="s">
        <v>39</v>
      </c>
      <c r="D654" t="s">
        <v>3138</v>
      </c>
      <c r="E654" t="s">
        <v>175</v>
      </c>
      <c r="L654" t="s">
        <v>52</v>
      </c>
      <c r="M654" s="1">
        <v>0</v>
      </c>
      <c r="N654" s="1">
        <v>0</v>
      </c>
      <c r="O654" t="s">
        <v>3139</v>
      </c>
      <c r="P654" t="s">
        <v>216</v>
      </c>
      <c r="Q654" t="s">
        <v>322</v>
      </c>
      <c r="S654" s="1">
        <v>0</v>
      </c>
      <c r="T654" t="s">
        <v>175</v>
      </c>
      <c r="Y654" t="s">
        <v>224</v>
      </c>
      <c r="AC654" t="s">
        <v>180</v>
      </c>
      <c r="AD654" t="s">
        <v>175</v>
      </c>
      <c r="AE654" t="s">
        <v>181</v>
      </c>
      <c r="AF654" t="s">
        <v>181</v>
      </c>
      <c r="AG654" t="s">
        <v>175</v>
      </c>
      <c r="AH654" t="s">
        <v>175</v>
      </c>
      <c r="AI654" t="s">
        <v>175</v>
      </c>
      <c r="AJ654" t="s">
        <v>175</v>
      </c>
      <c r="AK654" t="s">
        <v>175</v>
      </c>
      <c r="AL654" t="s">
        <v>42</v>
      </c>
      <c r="AM654" t="s">
        <v>183</v>
      </c>
      <c r="AN654" t="s">
        <v>206</v>
      </c>
      <c r="AO654" t="s">
        <v>182</v>
      </c>
      <c r="AP654" t="s">
        <v>203</v>
      </c>
      <c r="AQ654" t="s">
        <v>185</v>
      </c>
      <c r="AR654" t="s">
        <v>184</v>
      </c>
      <c r="AS654" t="s">
        <v>202</v>
      </c>
      <c r="AT654" t="s">
        <v>201</v>
      </c>
      <c r="AU654" t="s">
        <v>205</v>
      </c>
      <c r="AV654" t="s">
        <v>204</v>
      </c>
      <c r="AX654" t="s">
        <v>186</v>
      </c>
      <c r="AY654" t="s">
        <v>187</v>
      </c>
      <c r="AZ654" t="s">
        <v>207</v>
      </c>
      <c r="BA654" t="s">
        <v>188</v>
      </c>
      <c r="BB654" t="s">
        <v>208</v>
      </c>
      <c r="BF654" t="s">
        <v>49</v>
      </c>
      <c r="BG654" s="1">
        <v>0</v>
      </c>
      <c r="BH654" t="s">
        <v>302</v>
      </c>
      <c r="BI654" t="s">
        <v>3366</v>
      </c>
      <c r="BK654" t="s">
        <v>191</v>
      </c>
      <c r="BL654" t="s">
        <v>3367</v>
      </c>
      <c r="BM654" t="s">
        <v>191</v>
      </c>
      <c r="BN654" t="s">
        <v>401</v>
      </c>
      <c r="BO654" t="s">
        <v>191</v>
      </c>
      <c r="BP654" t="s">
        <v>3368</v>
      </c>
    </row>
    <row r="655" spans="1:69" x14ac:dyDescent="0.25">
      <c r="A655" s="1">
        <v>30449431</v>
      </c>
      <c r="B655" t="s">
        <v>4070</v>
      </c>
      <c r="C655" t="s">
        <v>39</v>
      </c>
      <c r="D655" t="s">
        <v>3727</v>
      </c>
      <c r="E655" t="s">
        <v>195</v>
      </c>
      <c r="L655" t="s">
        <v>52</v>
      </c>
      <c r="M655" s="1">
        <v>0</v>
      </c>
      <c r="N655" s="1">
        <v>0</v>
      </c>
      <c r="O655" t="s">
        <v>3728</v>
      </c>
      <c r="P655" t="s">
        <v>176</v>
      </c>
      <c r="Q655" t="s">
        <v>238</v>
      </c>
      <c r="S655" t="s">
        <v>315</v>
      </c>
      <c r="T655" t="s">
        <v>197</v>
      </c>
      <c r="U655" t="s">
        <v>4071</v>
      </c>
      <c r="AA655" t="s">
        <v>273</v>
      </c>
      <c r="AB655" t="s">
        <v>4072</v>
      </c>
      <c r="AC655" t="s">
        <v>180</v>
      </c>
      <c r="AD655" t="s">
        <v>175</v>
      </c>
      <c r="AE655" t="s">
        <v>175</v>
      </c>
      <c r="AF655" t="s">
        <v>175</v>
      </c>
      <c r="AG655" t="s">
        <v>175</v>
      </c>
      <c r="AH655" t="s">
        <v>175</v>
      </c>
      <c r="AI655" t="s">
        <v>175</v>
      </c>
      <c r="AJ655" t="s">
        <v>175</v>
      </c>
      <c r="AK655" t="s">
        <v>175</v>
      </c>
      <c r="AL655" t="s">
        <v>42</v>
      </c>
      <c r="AM655" t="s">
        <v>184</v>
      </c>
      <c r="AN655" s="1">
        <v>0</v>
      </c>
      <c r="AO655" t="s">
        <v>185</v>
      </c>
      <c r="AP655" t="s">
        <v>182</v>
      </c>
      <c r="AQ655" s="1">
        <v>0</v>
      </c>
      <c r="AR655" s="1">
        <v>0</v>
      </c>
      <c r="AS655" s="1">
        <v>0</v>
      </c>
      <c r="AT655" s="1">
        <v>0</v>
      </c>
      <c r="AU655" s="1">
        <v>0</v>
      </c>
      <c r="AV655" s="1">
        <v>0</v>
      </c>
      <c r="AW655" t="s">
        <v>4073</v>
      </c>
      <c r="AX655" t="s">
        <v>186</v>
      </c>
      <c r="BF655" t="s">
        <v>292</v>
      </c>
      <c r="BG655" t="s">
        <v>233</v>
      </c>
      <c r="BH655" t="s">
        <v>211</v>
      </c>
      <c r="BK655" t="s">
        <v>191</v>
      </c>
      <c r="BL655" t="s">
        <v>4074</v>
      </c>
      <c r="BM655" t="s">
        <v>191</v>
      </c>
      <c r="BN655" t="s">
        <v>4075</v>
      </c>
      <c r="BO655" t="s">
        <v>191</v>
      </c>
      <c r="BP655" t="s">
        <v>801</v>
      </c>
      <c r="BQ655" t="s">
        <v>4076</v>
      </c>
    </row>
    <row r="656" spans="1:69" x14ac:dyDescent="0.25">
      <c r="A656" s="1">
        <v>30449439</v>
      </c>
      <c r="B656" t="s">
        <v>4077</v>
      </c>
      <c r="C656" t="s">
        <v>39</v>
      </c>
      <c r="D656" t="s">
        <v>3727</v>
      </c>
      <c r="E656" t="s">
        <v>175</v>
      </c>
      <c r="L656" t="s">
        <v>52</v>
      </c>
      <c r="M656" s="1">
        <v>0</v>
      </c>
      <c r="N656" s="1">
        <v>0</v>
      </c>
      <c r="O656" t="s">
        <v>3728</v>
      </c>
      <c r="P656" t="s">
        <v>176</v>
      </c>
      <c r="Q656" t="s">
        <v>196</v>
      </c>
      <c r="S656" t="s">
        <v>178</v>
      </c>
      <c r="T656" t="s">
        <v>175</v>
      </c>
      <c r="AA656" t="s">
        <v>273</v>
      </c>
      <c r="AB656" t="s">
        <v>4078</v>
      </c>
      <c r="AC656" t="s">
        <v>180</v>
      </c>
      <c r="AD656" t="s">
        <v>175</v>
      </c>
      <c r="AE656" t="s">
        <v>200</v>
      </c>
      <c r="AF656" t="s">
        <v>181</v>
      </c>
      <c r="AG656" t="s">
        <v>175</v>
      </c>
      <c r="AH656" t="s">
        <v>200</v>
      </c>
      <c r="AI656" t="s">
        <v>200</v>
      </c>
      <c r="AJ656" t="s">
        <v>175</v>
      </c>
      <c r="AK656" t="s">
        <v>181</v>
      </c>
      <c r="AL656" t="s">
        <v>42</v>
      </c>
      <c r="AM656" t="s">
        <v>184</v>
      </c>
      <c r="AN656" t="s">
        <v>201</v>
      </c>
      <c r="AO656" t="s">
        <v>185</v>
      </c>
      <c r="AP656" t="s">
        <v>182</v>
      </c>
      <c r="AQ656" t="s">
        <v>203</v>
      </c>
      <c r="AR656" t="s">
        <v>202</v>
      </c>
      <c r="AS656" t="s">
        <v>204</v>
      </c>
      <c r="AT656" t="s">
        <v>206</v>
      </c>
      <c r="AU656" t="s">
        <v>205</v>
      </c>
      <c r="AV656" t="s">
        <v>183</v>
      </c>
      <c r="AW656" t="s">
        <v>4079</v>
      </c>
      <c r="AX656" t="s">
        <v>186</v>
      </c>
      <c r="AZ656" t="s">
        <v>207</v>
      </c>
      <c r="BF656" t="s">
        <v>210</v>
      </c>
      <c r="BG656" s="1">
        <v>0</v>
      </c>
      <c r="BH656" t="s">
        <v>302</v>
      </c>
      <c r="BI656" t="s">
        <v>4080</v>
      </c>
      <c r="BK656" t="s">
        <v>191</v>
      </c>
      <c r="BL656" t="s">
        <v>4081</v>
      </c>
      <c r="BM656" t="s">
        <v>191</v>
      </c>
      <c r="BN656" t="s">
        <v>4082</v>
      </c>
      <c r="BO656" t="s">
        <v>218</v>
      </c>
      <c r="BP656" t="s">
        <v>4083</v>
      </c>
    </row>
    <row r="657" spans="1:69" x14ac:dyDescent="0.25">
      <c r="A657" s="1">
        <v>30449441</v>
      </c>
      <c r="B657" t="s">
        <v>3369</v>
      </c>
      <c r="C657" t="s">
        <v>39</v>
      </c>
      <c r="D657" t="s">
        <v>3138</v>
      </c>
      <c r="E657" t="s">
        <v>175</v>
      </c>
      <c r="L657" t="s">
        <v>52</v>
      </c>
      <c r="M657" s="1">
        <v>0</v>
      </c>
      <c r="N657" s="1">
        <v>0</v>
      </c>
      <c r="O657" t="s">
        <v>3139</v>
      </c>
      <c r="P657" t="s">
        <v>176</v>
      </c>
      <c r="Q657" t="s">
        <v>177</v>
      </c>
      <c r="S657" t="s">
        <v>222</v>
      </c>
      <c r="T657" t="s">
        <v>175</v>
      </c>
      <c r="Y657" t="s">
        <v>224</v>
      </c>
      <c r="AC657" t="s">
        <v>180</v>
      </c>
      <c r="AD657" t="s">
        <v>175</v>
      </c>
      <c r="AE657" t="s">
        <v>175</v>
      </c>
      <c r="AF657" t="s">
        <v>175</v>
      </c>
      <c r="AG657" t="s">
        <v>175</v>
      </c>
      <c r="AH657" t="s">
        <v>175</v>
      </c>
      <c r="AI657" t="s">
        <v>175</v>
      </c>
      <c r="AJ657" t="s">
        <v>175</v>
      </c>
      <c r="AK657" t="s">
        <v>175</v>
      </c>
      <c r="AL657" t="s">
        <v>52</v>
      </c>
      <c r="AM657" t="s">
        <v>206</v>
      </c>
      <c r="AN657" t="s">
        <v>204</v>
      </c>
      <c r="AO657" t="s">
        <v>185</v>
      </c>
      <c r="AP657" t="s">
        <v>182</v>
      </c>
      <c r="AQ657" t="s">
        <v>184</v>
      </c>
      <c r="AR657" t="s">
        <v>183</v>
      </c>
      <c r="AS657" t="s">
        <v>201</v>
      </c>
      <c r="AT657" t="s">
        <v>202</v>
      </c>
      <c r="AU657" t="s">
        <v>203</v>
      </c>
      <c r="AV657" t="s">
        <v>205</v>
      </c>
      <c r="AY657" t="s">
        <v>187</v>
      </c>
      <c r="AZ657" t="s">
        <v>207</v>
      </c>
      <c r="BA657" t="s">
        <v>188</v>
      </c>
      <c r="BB657" t="s">
        <v>208</v>
      </c>
      <c r="BC657" t="s">
        <v>209</v>
      </c>
      <c r="BF657" t="s">
        <v>49</v>
      </c>
      <c r="BG657" s="1">
        <v>0</v>
      </c>
      <c r="BH657" t="s">
        <v>211</v>
      </c>
      <c r="BK657" t="s">
        <v>191</v>
      </c>
      <c r="BL657" t="s">
        <v>3370</v>
      </c>
      <c r="BM657" t="s">
        <v>191</v>
      </c>
      <c r="BN657" t="s">
        <v>3371</v>
      </c>
      <c r="BO657" t="s">
        <v>191</v>
      </c>
      <c r="BP657" t="s">
        <v>3372</v>
      </c>
    </row>
    <row r="658" spans="1:69" x14ac:dyDescent="0.25">
      <c r="A658" s="1">
        <v>30449444</v>
      </c>
      <c r="B658" t="s">
        <v>4084</v>
      </c>
      <c r="C658" t="s">
        <v>39</v>
      </c>
      <c r="D658" t="s">
        <v>3727</v>
      </c>
      <c r="L658" t="s">
        <v>52</v>
      </c>
      <c r="M658" s="1">
        <v>0</v>
      </c>
      <c r="N658" s="1">
        <v>0</v>
      </c>
      <c r="O658" t="s">
        <v>3728</v>
      </c>
      <c r="P658" s="1">
        <v>0</v>
      </c>
      <c r="Q658" s="1">
        <v>0</v>
      </c>
      <c r="S658" s="1">
        <v>0</v>
      </c>
      <c r="T658" s="1">
        <v>0</v>
      </c>
      <c r="Y658" t="s">
        <v>224</v>
      </c>
      <c r="AC658" t="s">
        <v>199</v>
      </c>
      <c r="AD658" t="s">
        <v>175</v>
      </c>
      <c r="AE658" t="s">
        <v>175</v>
      </c>
      <c r="AF658" t="s">
        <v>175</v>
      </c>
      <c r="AG658" t="s">
        <v>175</v>
      </c>
      <c r="AH658" t="s">
        <v>200</v>
      </c>
      <c r="AI658" t="s">
        <v>175</v>
      </c>
      <c r="AJ658" t="s">
        <v>175</v>
      </c>
      <c r="AK658" t="s">
        <v>175</v>
      </c>
      <c r="AL658" t="s">
        <v>52</v>
      </c>
      <c r="AM658" t="s">
        <v>183</v>
      </c>
      <c r="AN658" s="1">
        <v>0</v>
      </c>
      <c r="AO658" s="1">
        <v>0</v>
      </c>
      <c r="AP658" t="s">
        <v>185</v>
      </c>
      <c r="AQ658" s="1">
        <v>0</v>
      </c>
      <c r="AR658" t="s">
        <v>201</v>
      </c>
      <c r="AS658" s="1">
        <v>0</v>
      </c>
      <c r="AT658" t="s">
        <v>184</v>
      </c>
      <c r="AU658" s="1">
        <v>0</v>
      </c>
      <c r="AV658" t="s">
        <v>182</v>
      </c>
      <c r="AX658" t="s">
        <v>186</v>
      </c>
      <c r="AZ658" t="s">
        <v>207</v>
      </c>
      <c r="BC658" t="s">
        <v>209</v>
      </c>
      <c r="BF658" t="s">
        <v>292</v>
      </c>
      <c r="BG658" t="s">
        <v>233</v>
      </c>
      <c r="BH658" t="s">
        <v>211</v>
      </c>
      <c r="BK658" t="s">
        <v>191</v>
      </c>
      <c r="BL658" t="s">
        <v>4085</v>
      </c>
      <c r="BM658" t="s">
        <v>191</v>
      </c>
      <c r="BN658" t="s">
        <v>4086</v>
      </c>
      <c r="BO658" t="s">
        <v>191</v>
      </c>
      <c r="BP658" t="s">
        <v>317</v>
      </c>
    </row>
    <row r="659" spans="1:69" x14ac:dyDescent="0.25">
      <c r="A659" s="1">
        <v>30449445</v>
      </c>
      <c r="B659" t="s">
        <v>4087</v>
      </c>
      <c r="C659" t="s">
        <v>39</v>
      </c>
      <c r="D659" t="s">
        <v>3727</v>
      </c>
      <c r="E659" t="s">
        <v>200</v>
      </c>
      <c r="L659" t="s">
        <v>52</v>
      </c>
      <c r="M659" s="1">
        <v>0</v>
      </c>
      <c r="N659" s="1">
        <v>0</v>
      </c>
      <c r="O659" t="s">
        <v>3728</v>
      </c>
      <c r="P659" t="s">
        <v>176</v>
      </c>
      <c r="Q659" t="s">
        <v>196</v>
      </c>
      <c r="S659" t="s">
        <v>178</v>
      </c>
      <c r="T659" t="s">
        <v>200</v>
      </c>
      <c r="Y659" t="s">
        <v>224</v>
      </c>
      <c r="Z659" t="s">
        <v>244</v>
      </c>
      <c r="AC659" t="s">
        <v>180</v>
      </c>
      <c r="AD659" t="s">
        <v>175</v>
      </c>
      <c r="AE659" t="s">
        <v>200</v>
      </c>
      <c r="AF659" t="s">
        <v>200</v>
      </c>
      <c r="AG659" t="s">
        <v>200</v>
      </c>
      <c r="AH659" t="s">
        <v>200</v>
      </c>
      <c r="AI659" t="s">
        <v>200</v>
      </c>
      <c r="AJ659" t="s">
        <v>200</v>
      </c>
      <c r="AK659" t="s">
        <v>200</v>
      </c>
      <c r="AL659" t="s">
        <v>42</v>
      </c>
      <c r="AM659" t="s">
        <v>182</v>
      </c>
      <c r="AN659" t="s">
        <v>201</v>
      </c>
      <c r="AO659" t="s">
        <v>184</v>
      </c>
      <c r="AP659" t="s">
        <v>206</v>
      </c>
      <c r="AQ659" t="s">
        <v>185</v>
      </c>
      <c r="AR659" t="s">
        <v>202</v>
      </c>
      <c r="AS659" t="s">
        <v>203</v>
      </c>
      <c r="AT659" t="s">
        <v>183</v>
      </c>
      <c r="AU659" t="s">
        <v>204</v>
      </c>
      <c r="AV659" t="s">
        <v>205</v>
      </c>
      <c r="AY659" t="s">
        <v>187</v>
      </c>
      <c r="BA659" t="s">
        <v>188</v>
      </c>
      <c r="BF659" t="s">
        <v>232</v>
      </c>
      <c r="BG659" t="s">
        <v>301</v>
      </c>
      <c r="BH659" t="s">
        <v>211</v>
      </c>
      <c r="BK659" t="s">
        <v>191</v>
      </c>
      <c r="BL659" t="s">
        <v>4088</v>
      </c>
      <c r="BM659" t="s">
        <v>191</v>
      </c>
      <c r="BN659" t="s">
        <v>2853</v>
      </c>
      <c r="BO659" t="s">
        <v>191</v>
      </c>
      <c r="BP659" t="s">
        <v>575</v>
      </c>
    </row>
    <row r="660" spans="1:69" x14ac:dyDescent="0.25">
      <c r="A660" s="1">
        <v>30449448</v>
      </c>
      <c r="B660" t="s">
        <v>508</v>
      </c>
      <c r="C660" t="s">
        <v>39</v>
      </c>
      <c r="D660" t="s">
        <v>174</v>
      </c>
      <c r="E660" t="s">
        <v>175</v>
      </c>
      <c r="L660" t="s">
        <v>52</v>
      </c>
      <c r="M660" s="1">
        <v>0</v>
      </c>
      <c r="N660" s="1">
        <v>0</v>
      </c>
      <c r="O660" t="s">
        <v>174</v>
      </c>
      <c r="P660" t="s">
        <v>216</v>
      </c>
      <c r="Q660" t="s">
        <v>177</v>
      </c>
      <c r="S660" s="1">
        <v>0</v>
      </c>
      <c r="T660" t="s">
        <v>175</v>
      </c>
      <c r="X660" t="s">
        <v>179</v>
      </c>
      <c r="Z660" t="s">
        <v>244</v>
      </c>
      <c r="AC660" t="s">
        <v>266</v>
      </c>
      <c r="AD660" t="s">
        <v>181</v>
      </c>
      <c r="AE660" t="s">
        <v>230</v>
      </c>
      <c r="AF660" t="s">
        <v>181</v>
      </c>
      <c r="AG660" t="s">
        <v>181</v>
      </c>
      <c r="AH660" t="s">
        <v>181</v>
      </c>
      <c r="AI660" t="s">
        <v>181</v>
      </c>
      <c r="AJ660" t="s">
        <v>175</v>
      </c>
      <c r="AK660" t="s">
        <v>175</v>
      </c>
      <c r="AL660" t="s">
        <v>42</v>
      </c>
      <c r="AM660" t="s">
        <v>185</v>
      </c>
      <c r="AN660" t="s">
        <v>183</v>
      </c>
      <c r="AO660" t="s">
        <v>182</v>
      </c>
      <c r="AP660" t="s">
        <v>184</v>
      </c>
      <c r="AQ660" s="1">
        <v>0</v>
      </c>
      <c r="AR660" s="1">
        <v>0</v>
      </c>
      <c r="AS660" s="1">
        <v>0</v>
      </c>
      <c r="AT660" t="s">
        <v>205</v>
      </c>
      <c r="AU660" t="s">
        <v>201</v>
      </c>
      <c r="AV660" t="s">
        <v>206</v>
      </c>
      <c r="AW660" t="s">
        <v>509</v>
      </c>
      <c r="AX660" t="s">
        <v>186</v>
      </c>
      <c r="AZ660" t="s">
        <v>207</v>
      </c>
      <c r="BA660" t="s">
        <v>188</v>
      </c>
      <c r="BD660" t="s">
        <v>273</v>
      </c>
      <c r="BE660" t="s">
        <v>510</v>
      </c>
      <c r="BF660" t="s">
        <v>189</v>
      </c>
      <c r="BG660" s="1">
        <v>0</v>
      </c>
      <c r="BH660" t="s">
        <v>464</v>
      </c>
      <c r="BK660" t="s">
        <v>191</v>
      </c>
      <c r="BL660" t="s">
        <v>511</v>
      </c>
      <c r="BM660" t="s">
        <v>191</v>
      </c>
      <c r="BN660" t="s">
        <v>512</v>
      </c>
      <c r="BO660" t="s">
        <v>218</v>
      </c>
      <c r="BP660" t="s">
        <v>513</v>
      </c>
    </row>
    <row r="661" spans="1:69" x14ac:dyDescent="0.25">
      <c r="A661" s="1">
        <v>30449451</v>
      </c>
      <c r="B661" t="s">
        <v>2001</v>
      </c>
      <c r="C661" t="s">
        <v>39</v>
      </c>
      <c r="D661" t="s">
        <v>1616</v>
      </c>
      <c r="E661" t="s">
        <v>175</v>
      </c>
      <c r="L661" t="s">
        <v>52</v>
      </c>
      <c r="M661" s="1">
        <v>0</v>
      </c>
      <c r="N661" s="1">
        <v>0</v>
      </c>
      <c r="O661" t="s">
        <v>1616</v>
      </c>
      <c r="P661" t="s">
        <v>216</v>
      </c>
      <c r="Q661" t="s">
        <v>322</v>
      </c>
      <c r="S661" s="1">
        <v>0</v>
      </c>
      <c r="T661" t="s">
        <v>175</v>
      </c>
      <c r="X661" t="s">
        <v>179</v>
      </c>
      <c r="Y661" t="s">
        <v>224</v>
      </c>
      <c r="Z661" t="s">
        <v>244</v>
      </c>
      <c r="AC661" t="s">
        <v>180</v>
      </c>
      <c r="AD661" t="s">
        <v>175</v>
      </c>
      <c r="AE661" t="s">
        <v>181</v>
      </c>
      <c r="AF661" t="s">
        <v>175</v>
      </c>
      <c r="AG661" t="s">
        <v>175</v>
      </c>
      <c r="AH661" t="s">
        <v>175</v>
      </c>
      <c r="AI661" t="s">
        <v>175</v>
      </c>
      <c r="AJ661" t="s">
        <v>181</v>
      </c>
      <c r="AK661" t="s">
        <v>181</v>
      </c>
      <c r="AL661" t="s">
        <v>42</v>
      </c>
      <c r="AM661" t="s">
        <v>206</v>
      </c>
      <c r="AN661" t="s">
        <v>185</v>
      </c>
      <c r="AO661" t="s">
        <v>183</v>
      </c>
      <c r="AP661" t="s">
        <v>201</v>
      </c>
      <c r="AQ661" s="1">
        <v>0</v>
      </c>
      <c r="AR661" s="1">
        <v>0</v>
      </c>
      <c r="AS661" s="1">
        <v>0</v>
      </c>
      <c r="AT661" t="s">
        <v>184</v>
      </c>
      <c r="AU661" t="s">
        <v>182</v>
      </c>
      <c r="AV661" t="s">
        <v>205</v>
      </c>
      <c r="AW661" t="s">
        <v>2002</v>
      </c>
      <c r="AX661" t="s">
        <v>186</v>
      </c>
      <c r="AZ661" t="s">
        <v>207</v>
      </c>
      <c r="BA661" t="s">
        <v>188</v>
      </c>
      <c r="BF661" t="s">
        <v>210</v>
      </c>
      <c r="BG661" s="1">
        <v>0</v>
      </c>
      <c r="BH661" t="s">
        <v>211</v>
      </c>
      <c r="BK661" t="s">
        <v>191</v>
      </c>
      <c r="BL661" t="s">
        <v>2003</v>
      </c>
      <c r="BM661" t="s">
        <v>191</v>
      </c>
      <c r="BN661" t="s">
        <v>2004</v>
      </c>
      <c r="BO661" t="s">
        <v>191</v>
      </c>
      <c r="BP661" t="s">
        <v>2005</v>
      </c>
    </row>
    <row r="662" spans="1:69" x14ac:dyDescent="0.25">
      <c r="A662" s="1">
        <v>30449454</v>
      </c>
      <c r="B662" t="s">
        <v>3373</v>
      </c>
      <c r="C662" t="s">
        <v>39</v>
      </c>
      <c r="D662" t="s">
        <v>3138</v>
      </c>
      <c r="E662" t="s">
        <v>175</v>
      </c>
      <c r="L662" t="s">
        <v>52</v>
      </c>
      <c r="M662" s="1">
        <v>0</v>
      </c>
      <c r="N662" s="1">
        <v>0</v>
      </c>
      <c r="O662" t="s">
        <v>3139</v>
      </c>
      <c r="P662" t="s">
        <v>176</v>
      </c>
      <c r="Q662" t="s">
        <v>238</v>
      </c>
      <c r="S662" t="s">
        <v>178</v>
      </c>
      <c r="T662" t="s">
        <v>175</v>
      </c>
      <c r="Z662" t="s">
        <v>244</v>
      </c>
      <c r="AC662" t="s">
        <v>199</v>
      </c>
      <c r="AD662" t="s">
        <v>175</v>
      </c>
      <c r="AE662" t="s">
        <v>175</v>
      </c>
      <c r="AF662" t="s">
        <v>181</v>
      </c>
      <c r="AG662" t="s">
        <v>181</v>
      </c>
      <c r="AH662" t="s">
        <v>200</v>
      </c>
      <c r="AI662" t="s">
        <v>200</v>
      </c>
      <c r="AJ662" t="s">
        <v>175</v>
      </c>
      <c r="AK662" t="s">
        <v>175</v>
      </c>
      <c r="AL662" t="s">
        <v>42</v>
      </c>
      <c r="AM662" t="s">
        <v>205</v>
      </c>
      <c r="AN662" t="s">
        <v>204</v>
      </c>
      <c r="AO662" t="s">
        <v>183</v>
      </c>
      <c r="AP662" t="s">
        <v>184</v>
      </c>
      <c r="AQ662" t="s">
        <v>201</v>
      </c>
      <c r="AR662" t="s">
        <v>206</v>
      </c>
      <c r="AS662" t="s">
        <v>182</v>
      </c>
      <c r="AT662" t="s">
        <v>202</v>
      </c>
      <c r="AU662" t="s">
        <v>203</v>
      </c>
      <c r="AV662" t="s">
        <v>185</v>
      </c>
      <c r="AX662" t="s">
        <v>186</v>
      </c>
      <c r="AZ662" t="s">
        <v>207</v>
      </c>
      <c r="BB662" t="s">
        <v>208</v>
      </c>
      <c r="BC662" t="s">
        <v>209</v>
      </c>
      <c r="BF662" t="s">
        <v>232</v>
      </c>
      <c r="BG662" t="s">
        <v>301</v>
      </c>
      <c r="BH662" t="s">
        <v>190</v>
      </c>
      <c r="BK662" t="s">
        <v>191</v>
      </c>
      <c r="BL662" t="s">
        <v>3374</v>
      </c>
      <c r="BM662" t="s">
        <v>191</v>
      </c>
      <c r="BO662" t="s">
        <v>191</v>
      </c>
    </row>
    <row r="663" spans="1:69" x14ac:dyDescent="0.25">
      <c r="A663" s="1">
        <v>30449455</v>
      </c>
      <c r="B663" t="s">
        <v>73</v>
      </c>
      <c r="C663" t="s">
        <v>39</v>
      </c>
      <c r="L663" s="1">
        <v>0</v>
      </c>
      <c r="M663" s="1">
        <v>0</v>
      </c>
      <c r="N663" s="1">
        <v>0</v>
      </c>
      <c r="O663" s="1">
        <v>0</v>
      </c>
      <c r="P663" s="1">
        <v>0</v>
      </c>
      <c r="Q663" s="1">
        <v>0</v>
      </c>
      <c r="S663" s="1">
        <v>0</v>
      </c>
      <c r="T663" s="1">
        <v>0</v>
      </c>
      <c r="AC663" s="1">
        <v>0</v>
      </c>
      <c r="AD663" s="1">
        <v>0</v>
      </c>
      <c r="AE663" s="1">
        <v>0</v>
      </c>
      <c r="AF663" s="1">
        <v>0</v>
      </c>
      <c r="AG663" s="1">
        <v>0</v>
      </c>
      <c r="AH663" s="1">
        <v>0</v>
      </c>
      <c r="AI663" s="1">
        <v>0</v>
      </c>
      <c r="AJ663" s="1">
        <v>0</v>
      </c>
      <c r="AK663" s="1">
        <v>0</v>
      </c>
      <c r="AL663" s="1">
        <v>0</v>
      </c>
      <c r="AM663" s="1">
        <v>0</v>
      </c>
      <c r="AN663" s="1">
        <v>0</v>
      </c>
      <c r="AO663" s="1">
        <v>0</v>
      </c>
      <c r="AP663" s="1">
        <v>0</v>
      </c>
      <c r="AQ663" s="1">
        <v>0</v>
      </c>
      <c r="AR663" s="1">
        <v>0</v>
      </c>
      <c r="AS663" s="1">
        <v>0</v>
      </c>
      <c r="AT663" s="1">
        <v>0</v>
      </c>
      <c r="AU663" s="1">
        <v>0</v>
      </c>
      <c r="AV663" s="1">
        <v>0</v>
      </c>
      <c r="BF663" s="1">
        <v>0</v>
      </c>
      <c r="BG663" s="1">
        <v>0</v>
      </c>
      <c r="BH663" s="1">
        <v>0</v>
      </c>
      <c r="BK663" s="1">
        <v>0</v>
      </c>
      <c r="BM663" s="1">
        <v>0</v>
      </c>
      <c r="BO663" s="1">
        <v>0</v>
      </c>
    </row>
    <row r="664" spans="1:69" x14ac:dyDescent="0.25">
      <c r="A664" s="1">
        <v>30449458</v>
      </c>
      <c r="B664" t="s">
        <v>514</v>
      </c>
      <c r="C664" t="s">
        <v>39</v>
      </c>
      <c r="D664" t="s">
        <v>174</v>
      </c>
      <c r="E664" t="s">
        <v>175</v>
      </c>
      <c r="L664" t="s">
        <v>52</v>
      </c>
      <c r="M664" s="1">
        <v>0</v>
      </c>
      <c r="N664" s="1">
        <v>0</v>
      </c>
      <c r="O664" t="s">
        <v>174</v>
      </c>
      <c r="P664" t="s">
        <v>176</v>
      </c>
      <c r="Q664" t="s">
        <v>196</v>
      </c>
      <c r="S664" t="s">
        <v>178</v>
      </c>
      <c r="T664" t="s">
        <v>175</v>
      </c>
      <c r="Y664" t="s">
        <v>224</v>
      </c>
      <c r="AC664" t="s">
        <v>180</v>
      </c>
      <c r="AD664" t="s">
        <v>175</v>
      </c>
      <c r="AE664" t="s">
        <v>175</v>
      </c>
      <c r="AF664" t="s">
        <v>181</v>
      </c>
      <c r="AG664" t="s">
        <v>175</v>
      </c>
      <c r="AH664" t="s">
        <v>175</v>
      </c>
      <c r="AI664" t="s">
        <v>175</v>
      </c>
      <c r="AJ664" t="s">
        <v>175</v>
      </c>
      <c r="AK664" t="s">
        <v>230</v>
      </c>
      <c r="AL664" t="s">
        <v>52</v>
      </c>
      <c r="AM664" t="s">
        <v>184</v>
      </c>
      <c r="AN664" t="s">
        <v>206</v>
      </c>
      <c r="AO664" t="s">
        <v>183</v>
      </c>
      <c r="AP664" t="s">
        <v>185</v>
      </c>
      <c r="AQ664" t="s">
        <v>202</v>
      </c>
      <c r="AR664" t="s">
        <v>203</v>
      </c>
      <c r="AS664" t="s">
        <v>182</v>
      </c>
      <c r="AT664" t="s">
        <v>205</v>
      </c>
      <c r="AU664" t="s">
        <v>204</v>
      </c>
      <c r="AV664" t="s">
        <v>201</v>
      </c>
      <c r="AX664" t="s">
        <v>186</v>
      </c>
      <c r="AY664" t="s">
        <v>187</v>
      </c>
      <c r="AZ664" t="s">
        <v>207</v>
      </c>
      <c r="BA664" t="s">
        <v>188</v>
      </c>
      <c r="BB664" t="s">
        <v>208</v>
      </c>
      <c r="BC664" t="s">
        <v>209</v>
      </c>
      <c r="BF664" t="s">
        <v>189</v>
      </c>
      <c r="BG664" s="1">
        <v>0</v>
      </c>
      <c r="BH664" t="s">
        <v>211</v>
      </c>
      <c r="BK664" t="s">
        <v>191</v>
      </c>
      <c r="BM664" t="s">
        <v>191</v>
      </c>
      <c r="BO664" t="s">
        <v>191</v>
      </c>
    </row>
    <row r="665" spans="1:69" x14ac:dyDescent="0.25">
      <c r="A665" s="1">
        <v>30449459</v>
      </c>
      <c r="B665" t="s">
        <v>3375</v>
      </c>
      <c r="C665" t="s">
        <v>39</v>
      </c>
      <c r="D665" t="s">
        <v>3138</v>
      </c>
      <c r="E665" t="s">
        <v>200</v>
      </c>
      <c r="L665" t="s">
        <v>52</v>
      </c>
      <c r="M665" s="1">
        <v>0</v>
      </c>
      <c r="N665" s="1">
        <v>0</v>
      </c>
      <c r="O665" t="s">
        <v>3139</v>
      </c>
      <c r="P665" t="s">
        <v>216</v>
      </c>
      <c r="Q665" t="s">
        <v>328</v>
      </c>
      <c r="S665" s="1">
        <v>0</v>
      </c>
      <c r="T665" t="s">
        <v>200</v>
      </c>
      <c r="Y665" t="s">
        <v>224</v>
      </c>
      <c r="AC665" t="s">
        <v>180</v>
      </c>
      <c r="AD665" t="s">
        <v>200</v>
      </c>
      <c r="AE665" t="s">
        <v>200</v>
      </c>
      <c r="AF665" t="s">
        <v>181</v>
      </c>
      <c r="AG665" t="s">
        <v>181</v>
      </c>
      <c r="AH665" t="s">
        <v>200</v>
      </c>
      <c r="AI665" t="s">
        <v>200</v>
      </c>
      <c r="AJ665" t="s">
        <v>181</v>
      </c>
      <c r="AK665" t="s">
        <v>175</v>
      </c>
      <c r="AL665" t="s">
        <v>42</v>
      </c>
      <c r="AM665" t="s">
        <v>204</v>
      </c>
      <c r="AN665" t="s">
        <v>182</v>
      </c>
      <c r="AO665" t="s">
        <v>206</v>
      </c>
      <c r="AP665" t="s">
        <v>203</v>
      </c>
      <c r="AQ665" t="s">
        <v>185</v>
      </c>
      <c r="AR665" t="s">
        <v>184</v>
      </c>
      <c r="AS665" t="s">
        <v>183</v>
      </c>
      <c r="AT665" t="s">
        <v>201</v>
      </c>
      <c r="AU665" t="s">
        <v>205</v>
      </c>
      <c r="AV665" t="s">
        <v>202</v>
      </c>
      <c r="AX665" t="s">
        <v>186</v>
      </c>
      <c r="BA665" t="s">
        <v>188</v>
      </c>
      <c r="BC665" t="s">
        <v>209</v>
      </c>
      <c r="BF665" t="s">
        <v>210</v>
      </c>
      <c r="BG665" s="1">
        <v>0</v>
      </c>
      <c r="BH665" t="s">
        <v>211</v>
      </c>
      <c r="BK665" t="s">
        <v>191</v>
      </c>
      <c r="BL665" t="s">
        <v>3376</v>
      </c>
      <c r="BM665" t="s">
        <v>191</v>
      </c>
      <c r="BN665" t="s">
        <v>3377</v>
      </c>
      <c r="BO665" t="s">
        <v>218</v>
      </c>
      <c r="BP665" t="s">
        <v>3378</v>
      </c>
    </row>
    <row r="666" spans="1:69" x14ac:dyDescent="0.25">
      <c r="A666" s="1">
        <v>30449460</v>
      </c>
      <c r="B666" t="s">
        <v>3379</v>
      </c>
      <c r="C666" t="s">
        <v>39</v>
      </c>
      <c r="D666" t="s">
        <v>3138</v>
      </c>
      <c r="E666" t="s">
        <v>200</v>
      </c>
      <c r="L666" t="s">
        <v>52</v>
      </c>
      <c r="M666" s="1">
        <v>0</v>
      </c>
      <c r="N666" s="1">
        <v>0</v>
      </c>
      <c r="O666" t="s">
        <v>3139</v>
      </c>
      <c r="P666" t="s">
        <v>216</v>
      </c>
      <c r="Q666" t="s">
        <v>322</v>
      </c>
      <c r="S666" s="1">
        <v>0</v>
      </c>
      <c r="T666" t="s">
        <v>200</v>
      </c>
      <c r="W666" t="s">
        <v>262</v>
      </c>
      <c r="X666" t="s">
        <v>179</v>
      </c>
      <c r="Z666" t="s">
        <v>244</v>
      </c>
      <c r="AC666" t="s">
        <v>180</v>
      </c>
      <c r="AD666" t="s">
        <v>175</v>
      </c>
      <c r="AE666" t="s">
        <v>175</v>
      </c>
      <c r="AF666" t="s">
        <v>175</v>
      </c>
      <c r="AG666" t="s">
        <v>181</v>
      </c>
      <c r="AH666" t="s">
        <v>200</v>
      </c>
      <c r="AI666" t="s">
        <v>200</v>
      </c>
      <c r="AJ666" t="s">
        <v>175</v>
      </c>
      <c r="AK666" t="s">
        <v>175</v>
      </c>
      <c r="AL666" t="s">
        <v>42</v>
      </c>
      <c r="AM666" t="s">
        <v>182</v>
      </c>
      <c r="AN666" t="s">
        <v>183</v>
      </c>
      <c r="AO666" t="s">
        <v>185</v>
      </c>
      <c r="AP666" t="s">
        <v>184</v>
      </c>
      <c r="AQ666" t="s">
        <v>202</v>
      </c>
      <c r="AR666" t="s">
        <v>204</v>
      </c>
      <c r="AS666" t="s">
        <v>203</v>
      </c>
      <c r="AT666" t="s">
        <v>201</v>
      </c>
      <c r="AU666" t="s">
        <v>206</v>
      </c>
      <c r="AV666" t="s">
        <v>205</v>
      </c>
      <c r="AW666" t="s">
        <v>3380</v>
      </c>
      <c r="AX666" t="s">
        <v>186</v>
      </c>
      <c r="AY666" t="s">
        <v>187</v>
      </c>
      <c r="AZ666" t="s">
        <v>207</v>
      </c>
      <c r="BB666" t="s">
        <v>208</v>
      </c>
      <c r="BF666" t="s">
        <v>210</v>
      </c>
      <c r="BG666" s="1">
        <v>0</v>
      </c>
      <c r="BH666" t="s">
        <v>211</v>
      </c>
      <c r="BK666" t="s">
        <v>191</v>
      </c>
      <c r="BL666" t="s">
        <v>3381</v>
      </c>
      <c r="BM666" t="s">
        <v>191</v>
      </c>
      <c r="BN666" t="s">
        <v>3382</v>
      </c>
      <c r="BO666" t="s">
        <v>191</v>
      </c>
      <c r="BP666" t="s">
        <v>3383</v>
      </c>
    </row>
    <row r="667" spans="1:69" x14ac:dyDescent="0.25">
      <c r="A667" s="1">
        <v>30449461</v>
      </c>
      <c r="B667" t="s">
        <v>2757</v>
      </c>
      <c r="C667" t="s">
        <v>39</v>
      </c>
      <c r="D667" t="s">
        <v>2512</v>
      </c>
      <c r="E667" t="s">
        <v>200</v>
      </c>
      <c r="L667" t="s">
        <v>52</v>
      </c>
      <c r="M667" s="1">
        <v>0</v>
      </c>
      <c r="N667" s="1">
        <v>0</v>
      </c>
      <c r="O667" t="s">
        <v>2512</v>
      </c>
      <c r="P667" t="s">
        <v>216</v>
      </c>
      <c r="Q667" t="s">
        <v>177</v>
      </c>
      <c r="S667" s="1">
        <v>0</v>
      </c>
      <c r="T667" t="s">
        <v>200</v>
      </c>
      <c r="Y667" t="s">
        <v>224</v>
      </c>
      <c r="AC667" t="s">
        <v>180</v>
      </c>
      <c r="AD667" t="s">
        <v>200</v>
      </c>
      <c r="AE667" t="s">
        <v>175</v>
      </c>
      <c r="AF667" t="s">
        <v>175</v>
      </c>
      <c r="AG667" t="s">
        <v>175</v>
      </c>
      <c r="AH667" t="s">
        <v>200</v>
      </c>
      <c r="AI667" t="s">
        <v>175</v>
      </c>
      <c r="AJ667" t="s">
        <v>175</v>
      </c>
      <c r="AK667" t="s">
        <v>175</v>
      </c>
      <c r="AL667" t="s">
        <v>42</v>
      </c>
      <c r="AM667" t="s">
        <v>201</v>
      </c>
      <c r="AN667" t="s">
        <v>206</v>
      </c>
      <c r="AO667" t="s">
        <v>182</v>
      </c>
      <c r="AP667" t="s">
        <v>183</v>
      </c>
      <c r="AQ667" t="s">
        <v>185</v>
      </c>
      <c r="AR667" t="s">
        <v>184</v>
      </c>
      <c r="AS667" t="s">
        <v>203</v>
      </c>
      <c r="AT667" t="s">
        <v>205</v>
      </c>
      <c r="AU667" t="s">
        <v>204</v>
      </c>
      <c r="AV667" t="s">
        <v>202</v>
      </c>
      <c r="AZ667" t="s">
        <v>207</v>
      </c>
      <c r="BA667" t="s">
        <v>188</v>
      </c>
      <c r="BC667" t="s">
        <v>209</v>
      </c>
      <c r="BF667" t="s">
        <v>210</v>
      </c>
      <c r="BG667" s="1">
        <v>0</v>
      </c>
      <c r="BH667" t="s">
        <v>247</v>
      </c>
      <c r="BK667" t="s">
        <v>191</v>
      </c>
      <c r="BL667" t="s">
        <v>2758</v>
      </c>
      <c r="BM667" t="s">
        <v>191</v>
      </c>
      <c r="BN667" t="s">
        <v>1300</v>
      </c>
      <c r="BO667" t="s">
        <v>191</v>
      </c>
      <c r="BP667" t="s">
        <v>317</v>
      </c>
    </row>
    <row r="668" spans="1:69" x14ac:dyDescent="0.25">
      <c r="A668" s="1">
        <v>30449462</v>
      </c>
      <c r="B668" t="s">
        <v>4089</v>
      </c>
      <c r="C668" t="s">
        <v>39</v>
      </c>
      <c r="D668" t="s">
        <v>3727</v>
      </c>
      <c r="E668" t="s">
        <v>175</v>
      </c>
      <c r="L668" t="s">
        <v>52</v>
      </c>
      <c r="M668" s="1">
        <v>0</v>
      </c>
      <c r="N668" s="1">
        <v>0</v>
      </c>
      <c r="O668" t="s">
        <v>3728</v>
      </c>
      <c r="P668" t="s">
        <v>176</v>
      </c>
      <c r="Q668" t="s">
        <v>238</v>
      </c>
      <c r="S668" t="s">
        <v>178</v>
      </c>
      <c r="T668" t="s">
        <v>175</v>
      </c>
      <c r="AA668" t="s">
        <v>273</v>
      </c>
      <c r="AB668" t="s">
        <v>4090</v>
      </c>
      <c r="AC668" t="s">
        <v>180</v>
      </c>
      <c r="AD668" t="s">
        <v>200</v>
      </c>
      <c r="AE668" t="s">
        <v>200</v>
      </c>
      <c r="AF668" t="s">
        <v>175</v>
      </c>
      <c r="AG668" t="s">
        <v>200</v>
      </c>
      <c r="AH668" t="s">
        <v>200</v>
      </c>
      <c r="AI668" t="s">
        <v>200</v>
      </c>
      <c r="AJ668" t="s">
        <v>200</v>
      </c>
      <c r="AK668" t="s">
        <v>200</v>
      </c>
      <c r="AL668" t="s">
        <v>42</v>
      </c>
      <c r="AM668" t="s">
        <v>206</v>
      </c>
      <c r="AN668" t="s">
        <v>204</v>
      </c>
      <c r="AO668" t="s">
        <v>183</v>
      </c>
      <c r="AP668" t="s">
        <v>182</v>
      </c>
      <c r="AQ668" t="s">
        <v>185</v>
      </c>
      <c r="AR668" t="s">
        <v>184</v>
      </c>
      <c r="AS668" t="s">
        <v>203</v>
      </c>
      <c r="AT668" t="s">
        <v>205</v>
      </c>
      <c r="AU668" t="s">
        <v>202</v>
      </c>
      <c r="AV668" t="s">
        <v>201</v>
      </c>
      <c r="AW668" t="s">
        <v>4091</v>
      </c>
      <c r="AX668" t="s">
        <v>186</v>
      </c>
      <c r="AY668" t="s">
        <v>187</v>
      </c>
      <c r="AZ668" t="s">
        <v>207</v>
      </c>
      <c r="BA668" t="s">
        <v>188</v>
      </c>
      <c r="BB668" t="s">
        <v>208</v>
      </c>
      <c r="BF668" t="s">
        <v>210</v>
      </c>
      <c r="BG668" s="1">
        <v>0</v>
      </c>
      <c r="BH668" t="s">
        <v>211</v>
      </c>
      <c r="BK668" t="s">
        <v>191</v>
      </c>
      <c r="BL668" t="s">
        <v>4092</v>
      </c>
      <c r="BM668" t="s">
        <v>191</v>
      </c>
      <c r="BN668" t="s">
        <v>4093</v>
      </c>
      <c r="BO668" t="s">
        <v>191</v>
      </c>
      <c r="BP668" t="s">
        <v>4094</v>
      </c>
      <c r="BQ668" t="s">
        <v>4095</v>
      </c>
    </row>
    <row r="669" spans="1:69" x14ac:dyDescent="0.25">
      <c r="A669" s="1">
        <v>30449464</v>
      </c>
      <c r="B669" t="s">
        <v>515</v>
      </c>
      <c r="C669" t="s">
        <v>39</v>
      </c>
      <c r="D669" t="s">
        <v>174</v>
      </c>
      <c r="E669" t="s">
        <v>200</v>
      </c>
      <c r="L669" t="s">
        <v>52</v>
      </c>
      <c r="M669" s="1">
        <v>0</v>
      </c>
      <c r="N669" s="1">
        <v>0</v>
      </c>
      <c r="O669" t="s">
        <v>174</v>
      </c>
      <c r="P669" t="s">
        <v>176</v>
      </c>
      <c r="Q669" t="s">
        <v>196</v>
      </c>
      <c r="S669" t="s">
        <v>178</v>
      </c>
      <c r="T669" t="s">
        <v>200</v>
      </c>
      <c r="Y669" t="s">
        <v>224</v>
      </c>
      <c r="AC669" t="s">
        <v>266</v>
      </c>
      <c r="AD669" t="s">
        <v>175</v>
      </c>
      <c r="AE669" t="s">
        <v>175</v>
      </c>
      <c r="AF669" t="s">
        <v>299</v>
      </c>
      <c r="AG669" t="s">
        <v>299</v>
      </c>
      <c r="AH669" t="s">
        <v>175</v>
      </c>
      <c r="AI669" t="s">
        <v>175</v>
      </c>
      <c r="AJ669" t="s">
        <v>181</v>
      </c>
      <c r="AK669" t="s">
        <v>175</v>
      </c>
      <c r="AL669" t="s">
        <v>42</v>
      </c>
      <c r="AM669" s="1">
        <v>0</v>
      </c>
      <c r="AN669" s="1">
        <v>0</v>
      </c>
      <c r="AO669" s="1">
        <v>0</v>
      </c>
      <c r="AP669" s="1">
        <v>0</v>
      </c>
      <c r="AQ669" s="1">
        <v>0</v>
      </c>
      <c r="AR669" s="1">
        <v>0</v>
      </c>
      <c r="AS669" s="1">
        <v>0</v>
      </c>
      <c r="AT669" s="1">
        <v>0</v>
      </c>
      <c r="AU669" s="1">
        <v>0</v>
      </c>
      <c r="AV669" s="1">
        <v>0</v>
      </c>
      <c r="BF669" s="1">
        <v>0</v>
      </c>
      <c r="BG669" s="1">
        <v>0</v>
      </c>
      <c r="BH669" s="1">
        <v>0</v>
      </c>
      <c r="BK669" s="1">
        <v>0</v>
      </c>
      <c r="BM669" s="1">
        <v>0</v>
      </c>
      <c r="BO669" s="1">
        <v>0</v>
      </c>
    </row>
    <row r="670" spans="1:69" x14ac:dyDescent="0.25">
      <c r="A670" s="1">
        <v>30449466</v>
      </c>
      <c r="B670" t="s">
        <v>2006</v>
      </c>
      <c r="C670" t="s">
        <v>39</v>
      </c>
      <c r="D670" t="s">
        <v>1616</v>
      </c>
      <c r="E670" t="s">
        <v>175</v>
      </c>
      <c r="L670" t="s">
        <v>52</v>
      </c>
      <c r="M670" s="1">
        <v>0</v>
      </c>
      <c r="N670" s="1">
        <v>0</v>
      </c>
      <c r="O670" t="s">
        <v>1616</v>
      </c>
      <c r="P670" t="s">
        <v>176</v>
      </c>
      <c r="Q670" t="s">
        <v>177</v>
      </c>
      <c r="S670" t="s">
        <v>222</v>
      </c>
      <c r="T670" t="s">
        <v>175</v>
      </c>
      <c r="X670" t="s">
        <v>179</v>
      </c>
      <c r="AC670" s="1">
        <v>0</v>
      </c>
      <c r="AD670" s="1">
        <v>0</v>
      </c>
      <c r="AE670" s="1">
        <v>0</v>
      </c>
      <c r="AF670" s="1">
        <v>0</v>
      </c>
      <c r="AG670" s="1">
        <v>0</v>
      </c>
      <c r="AH670" s="1">
        <v>0</v>
      </c>
      <c r="AI670" s="1">
        <v>0</v>
      </c>
      <c r="AJ670" s="1">
        <v>0</v>
      </c>
      <c r="AK670" s="1">
        <v>0</v>
      </c>
      <c r="AL670" s="1">
        <v>0</v>
      </c>
      <c r="AM670" s="1">
        <v>0</v>
      </c>
      <c r="AN670" s="1">
        <v>0</v>
      </c>
      <c r="AO670" s="1">
        <v>0</v>
      </c>
      <c r="AP670" s="1">
        <v>0</v>
      </c>
      <c r="AQ670" s="1">
        <v>0</v>
      </c>
      <c r="AR670" s="1">
        <v>0</v>
      </c>
      <c r="AS670" s="1">
        <v>0</v>
      </c>
      <c r="AT670" s="1">
        <v>0</v>
      </c>
      <c r="AU670" s="1">
        <v>0</v>
      </c>
      <c r="AV670" s="1">
        <v>0</v>
      </c>
      <c r="BF670" s="1">
        <v>0</v>
      </c>
      <c r="BG670" s="1">
        <v>0</v>
      </c>
      <c r="BH670" s="1">
        <v>0</v>
      </c>
      <c r="BK670" s="1">
        <v>0</v>
      </c>
      <c r="BM670" s="1">
        <v>0</v>
      </c>
      <c r="BO670" s="1">
        <v>0</v>
      </c>
    </row>
    <row r="671" spans="1:69" x14ac:dyDescent="0.25">
      <c r="A671" s="1">
        <v>30449468</v>
      </c>
      <c r="B671" t="s">
        <v>2759</v>
      </c>
      <c r="C671" t="s">
        <v>39</v>
      </c>
      <c r="D671" t="s">
        <v>2512</v>
      </c>
      <c r="E671" t="s">
        <v>200</v>
      </c>
      <c r="L671" t="s">
        <v>52</v>
      </c>
      <c r="M671" s="1">
        <v>0</v>
      </c>
      <c r="N671" s="1">
        <v>0</v>
      </c>
      <c r="O671" t="s">
        <v>2512</v>
      </c>
      <c r="P671" t="s">
        <v>176</v>
      </c>
      <c r="Q671" t="s">
        <v>177</v>
      </c>
      <c r="S671" t="s">
        <v>178</v>
      </c>
      <c r="T671" t="s">
        <v>200</v>
      </c>
      <c r="W671" t="s">
        <v>262</v>
      </c>
      <c r="AC671" t="s">
        <v>180</v>
      </c>
      <c r="AD671" t="s">
        <v>200</v>
      </c>
      <c r="AE671" t="s">
        <v>200</v>
      </c>
      <c r="AF671" t="s">
        <v>200</v>
      </c>
      <c r="AG671" t="s">
        <v>200</v>
      </c>
      <c r="AH671" t="s">
        <v>200</v>
      </c>
      <c r="AI671" t="s">
        <v>200</v>
      </c>
      <c r="AJ671" t="s">
        <v>200</v>
      </c>
      <c r="AK671" t="s">
        <v>200</v>
      </c>
      <c r="AL671" t="s">
        <v>42</v>
      </c>
      <c r="AM671" t="s">
        <v>184</v>
      </c>
      <c r="AN671" t="s">
        <v>204</v>
      </c>
      <c r="AO671" t="s">
        <v>185</v>
      </c>
      <c r="AP671" t="s">
        <v>182</v>
      </c>
      <c r="AQ671" t="s">
        <v>202</v>
      </c>
      <c r="AR671" t="s">
        <v>203</v>
      </c>
      <c r="AS671" t="s">
        <v>201</v>
      </c>
      <c r="AT671" t="s">
        <v>205</v>
      </c>
      <c r="AU671" t="s">
        <v>206</v>
      </c>
      <c r="AV671" t="s">
        <v>183</v>
      </c>
      <c r="AW671" t="s">
        <v>2760</v>
      </c>
      <c r="AX671" t="s">
        <v>186</v>
      </c>
      <c r="AY671" t="s">
        <v>187</v>
      </c>
      <c r="AZ671" t="s">
        <v>207</v>
      </c>
      <c r="BB671" t="s">
        <v>208</v>
      </c>
      <c r="BF671" t="s">
        <v>210</v>
      </c>
      <c r="BG671" s="1">
        <v>0</v>
      </c>
      <c r="BH671" t="s">
        <v>464</v>
      </c>
      <c r="BK671" t="s">
        <v>191</v>
      </c>
      <c r="BL671" t="s">
        <v>2761</v>
      </c>
      <c r="BM671" t="s">
        <v>191</v>
      </c>
      <c r="BN671" t="s">
        <v>2762</v>
      </c>
      <c r="BO671" t="s">
        <v>191</v>
      </c>
      <c r="BP671" t="s">
        <v>2763</v>
      </c>
      <c r="BQ671" t="s">
        <v>2760</v>
      </c>
    </row>
    <row r="672" spans="1:69" x14ac:dyDescent="0.25">
      <c r="A672" s="1">
        <v>30449469</v>
      </c>
      <c r="B672" t="s">
        <v>516</v>
      </c>
      <c r="C672" t="s">
        <v>39</v>
      </c>
      <c r="D672" t="s">
        <v>174</v>
      </c>
      <c r="E672" t="s">
        <v>175</v>
      </c>
      <c r="L672" t="s">
        <v>52</v>
      </c>
      <c r="M672" s="1">
        <v>0</v>
      </c>
      <c r="N672" s="1">
        <v>0</v>
      </c>
      <c r="O672" t="s">
        <v>174</v>
      </c>
      <c r="P672" t="s">
        <v>176</v>
      </c>
      <c r="Q672" t="s">
        <v>177</v>
      </c>
      <c r="S672" t="s">
        <v>178</v>
      </c>
      <c r="T672" t="s">
        <v>175</v>
      </c>
      <c r="AC672" t="s">
        <v>180</v>
      </c>
      <c r="AD672" t="s">
        <v>175</v>
      </c>
      <c r="AE672" t="s">
        <v>175</v>
      </c>
      <c r="AF672" t="s">
        <v>175</v>
      </c>
      <c r="AG672" t="s">
        <v>175</v>
      </c>
      <c r="AH672" t="s">
        <v>200</v>
      </c>
      <c r="AI672" t="s">
        <v>200</v>
      </c>
      <c r="AJ672" t="s">
        <v>175</v>
      </c>
      <c r="AK672" t="s">
        <v>175</v>
      </c>
      <c r="AL672" t="s">
        <v>52</v>
      </c>
      <c r="AM672" s="1">
        <v>0</v>
      </c>
      <c r="AN672" s="1">
        <v>0</v>
      </c>
      <c r="AO672" s="1">
        <v>0</v>
      </c>
      <c r="AP672" s="1">
        <v>0</v>
      </c>
      <c r="AQ672" s="1">
        <v>0</v>
      </c>
      <c r="AR672" s="1">
        <v>0</v>
      </c>
      <c r="AS672" s="1">
        <v>0</v>
      </c>
      <c r="AT672" s="1">
        <v>0</v>
      </c>
      <c r="AU672" s="1">
        <v>0</v>
      </c>
      <c r="AV672" s="1">
        <v>0</v>
      </c>
      <c r="BF672" t="s">
        <v>210</v>
      </c>
      <c r="BG672" s="1">
        <v>0</v>
      </c>
      <c r="BH672" t="s">
        <v>211</v>
      </c>
      <c r="BK672" t="s">
        <v>191</v>
      </c>
      <c r="BL672" t="s">
        <v>517</v>
      </c>
      <c r="BM672" s="1">
        <v>0</v>
      </c>
      <c r="BN672" t="s">
        <v>518</v>
      </c>
      <c r="BO672" t="s">
        <v>218</v>
      </c>
      <c r="BP672" t="s">
        <v>519</v>
      </c>
    </row>
    <row r="673" spans="1:69" x14ac:dyDescent="0.25">
      <c r="A673" s="1">
        <v>30449473</v>
      </c>
      <c r="B673" t="s">
        <v>4096</v>
      </c>
      <c r="C673" t="s">
        <v>39</v>
      </c>
      <c r="D673" t="s">
        <v>3727</v>
      </c>
      <c r="E673" t="s">
        <v>200</v>
      </c>
      <c r="L673" t="s">
        <v>52</v>
      </c>
      <c r="M673" s="1">
        <v>0</v>
      </c>
      <c r="N673" s="1">
        <v>0</v>
      </c>
      <c r="O673" t="s">
        <v>3728</v>
      </c>
      <c r="P673" t="s">
        <v>176</v>
      </c>
      <c r="Q673" t="s">
        <v>196</v>
      </c>
      <c r="S673" t="s">
        <v>222</v>
      </c>
      <c r="T673" t="s">
        <v>200</v>
      </c>
      <c r="Z673" t="s">
        <v>244</v>
      </c>
      <c r="AC673" t="s">
        <v>225</v>
      </c>
      <c r="AD673" t="s">
        <v>200</v>
      </c>
      <c r="AE673" t="s">
        <v>200</v>
      </c>
      <c r="AF673" t="s">
        <v>200</v>
      </c>
      <c r="AG673" t="s">
        <v>200</v>
      </c>
      <c r="AH673" t="s">
        <v>200</v>
      </c>
      <c r="AI673" t="s">
        <v>200</v>
      </c>
      <c r="AJ673" t="s">
        <v>181</v>
      </c>
      <c r="AK673" t="s">
        <v>175</v>
      </c>
      <c r="AL673" t="s">
        <v>42</v>
      </c>
      <c r="AM673" t="s">
        <v>205</v>
      </c>
      <c r="AN673" t="s">
        <v>185</v>
      </c>
      <c r="AO673" t="s">
        <v>202</v>
      </c>
      <c r="AP673" t="s">
        <v>206</v>
      </c>
      <c r="AQ673" t="s">
        <v>201</v>
      </c>
      <c r="AR673" t="s">
        <v>183</v>
      </c>
      <c r="AS673" t="s">
        <v>204</v>
      </c>
      <c r="AT673" t="s">
        <v>184</v>
      </c>
      <c r="AU673" t="s">
        <v>182</v>
      </c>
      <c r="AV673" t="s">
        <v>203</v>
      </c>
      <c r="AW673" t="s">
        <v>4097</v>
      </c>
      <c r="AY673" t="s">
        <v>187</v>
      </c>
      <c r="AZ673" t="s">
        <v>207</v>
      </c>
      <c r="BA673" t="s">
        <v>188</v>
      </c>
      <c r="BF673" t="s">
        <v>292</v>
      </c>
      <c r="BG673" t="s">
        <v>301</v>
      </c>
      <c r="BH673" t="s">
        <v>211</v>
      </c>
      <c r="BK673" t="s">
        <v>191</v>
      </c>
      <c r="BL673" t="s">
        <v>4098</v>
      </c>
      <c r="BM673" t="s">
        <v>218</v>
      </c>
      <c r="BN673" t="s">
        <v>4099</v>
      </c>
      <c r="BO673" t="s">
        <v>191</v>
      </c>
      <c r="BP673" t="s">
        <v>3446</v>
      </c>
      <c r="BQ673" t="s">
        <v>4100</v>
      </c>
    </row>
    <row r="674" spans="1:69" x14ac:dyDescent="0.25">
      <c r="A674" s="1">
        <v>30449474</v>
      </c>
      <c r="B674" t="s">
        <v>74</v>
      </c>
      <c r="C674" t="s">
        <v>39</v>
      </c>
      <c r="L674" s="1">
        <v>0</v>
      </c>
      <c r="M674" s="1">
        <v>0</v>
      </c>
      <c r="N674" s="1">
        <v>0</v>
      </c>
      <c r="O674" s="1">
        <v>0</v>
      </c>
      <c r="P674" s="1">
        <v>0</v>
      </c>
      <c r="Q674" s="1">
        <v>0</v>
      </c>
      <c r="S674" s="1">
        <v>0</v>
      </c>
      <c r="T674" s="1">
        <v>0</v>
      </c>
      <c r="AC674" s="1">
        <v>0</v>
      </c>
      <c r="AD674" s="1">
        <v>0</v>
      </c>
      <c r="AE674" s="1">
        <v>0</v>
      </c>
      <c r="AF674" s="1">
        <v>0</v>
      </c>
      <c r="AG674" s="1">
        <v>0</v>
      </c>
      <c r="AH674" s="1">
        <v>0</v>
      </c>
      <c r="AI674" s="1">
        <v>0</v>
      </c>
      <c r="AJ674" s="1">
        <v>0</v>
      </c>
      <c r="AK674" s="1">
        <v>0</v>
      </c>
      <c r="AL674" s="1">
        <v>0</v>
      </c>
      <c r="AM674" s="1">
        <v>0</v>
      </c>
      <c r="AN674" s="1">
        <v>0</v>
      </c>
      <c r="AO674" s="1">
        <v>0</v>
      </c>
      <c r="AP674" s="1">
        <v>0</v>
      </c>
      <c r="AQ674" s="1">
        <v>0</v>
      </c>
      <c r="AR674" s="1">
        <v>0</v>
      </c>
      <c r="AS674" s="1">
        <v>0</v>
      </c>
      <c r="AT674" s="1">
        <v>0</v>
      </c>
      <c r="AU674" s="1">
        <v>0</v>
      </c>
      <c r="AV674" s="1">
        <v>0</v>
      </c>
      <c r="BF674" s="1">
        <v>0</v>
      </c>
      <c r="BG674" s="1">
        <v>0</v>
      </c>
      <c r="BH674" s="1">
        <v>0</v>
      </c>
      <c r="BK674" s="1">
        <v>0</v>
      </c>
      <c r="BM674" s="1">
        <v>0</v>
      </c>
      <c r="BO674" s="1">
        <v>0</v>
      </c>
    </row>
    <row r="675" spans="1:69" x14ac:dyDescent="0.25">
      <c r="A675" s="1">
        <v>30449475</v>
      </c>
      <c r="B675" t="s">
        <v>4101</v>
      </c>
      <c r="C675" t="s">
        <v>39</v>
      </c>
      <c r="D675" t="s">
        <v>3727</v>
      </c>
      <c r="E675" t="s">
        <v>175</v>
      </c>
      <c r="L675" t="s">
        <v>52</v>
      </c>
      <c r="M675" s="1">
        <v>0</v>
      </c>
      <c r="N675" s="1">
        <v>0</v>
      </c>
      <c r="O675" t="s">
        <v>3728</v>
      </c>
      <c r="P675" t="s">
        <v>176</v>
      </c>
      <c r="Q675" t="s">
        <v>196</v>
      </c>
      <c r="S675" t="s">
        <v>349</v>
      </c>
      <c r="T675" t="s">
        <v>175</v>
      </c>
      <c r="AC675" t="s">
        <v>180</v>
      </c>
      <c r="AD675" t="s">
        <v>175</v>
      </c>
      <c r="AE675" t="s">
        <v>175</v>
      </c>
      <c r="AF675" t="s">
        <v>175</v>
      </c>
      <c r="AG675" t="s">
        <v>175</v>
      </c>
      <c r="AH675" t="s">
        <v>175</v>
      </c>
      <c r="AI675" t="s">
        <v>175</v>
      </c>
      <c r="AJ675" t="s">
        <v>175</v>
      </c>
      <c r="AK675" t="s">
        <v>175</v>
      </c>
      <c r="AL675" t="s">
        <v>52</v>
      </c>
      <c r="AM675" t="s">
        <v>206</v>
      </c>
      <c r="AN675" t="s">
        <v>182</v>
      </c>
      <c r="AO675" t="s">
        <v>184</v>
      </c>
      <c r="AP675" t="s">
        <v>205</v>
      </c>
      <c r="AQ675" t="s">
        <v>203</v>
      </c>
      <c r="AR675" t="s">
        <v>202</v>
      </c>
      <c r="AS675" t="s">
        <v>185</v>
      </c>
      <c r="AT675" t="s">
        <v>183</v>
      </c>
      <c r="AU675" t="s">
        <v>201</v>
      </c>
      <c r="AV675" t="s">
        <v>204</v>
      </c>
      <c r="AZ675" t="s">
        <v>207</v>
      </c>
      <c r="BF675" t="s">
        <v>210</v>
      </c>
      <c r="BG675" s="1">
        <v>0</v>
      </c>
      <c r="BH675" t="s">
        <v>211</v>
      </c>
      <c r="BK675" t="s">
        <v>191</v>
      </c>
      <c r="BL675" t="s">
        <v>4102</v>
      </c>
      <c r="BM675" t="s">
        <v>191</v>
      </c>
      <c r="BN675" t="s">
        <v>4103</v>
      </c>
      <c r="BO675" t="s">
        <v>191</v>
      </c>
    </row>
    <row r="676" spans="1:69" x14ac:dyDescent="0.25">
      <c r="A676" s="1">
        <v>30449476</v>
      </c>
      <c r="B676" t="s">
        <v>3384</v>
      </c>
      <c r="C676" t="s">
        <v>39</v>
      </c>
      <c r="D676" t="s">
        <v>3138</v>
      </c>
      <c r="E676" t="s">
        <v>175</v>
      </c>
      <c r="L676" t="s">
        <v>52</v>
      </c>
      <c r="M676" s="1">
        <v>0</v>
      </c>
      <c r="N676" s="1">
        <v>0</v>
      </c>
      <c r="O676" t="s">
        <v>3139</v>
      </c>
      <c r="P676" t="s">
        <v>176</v>
      </c>
      <c r="Q676" t="s">
        <v>238</v>
      </c>
      <c r="S676" t="s">
        <v>178</v>
      </c>
      <c r="T676" t="s">
        <v>175</v>
      </c>
      <c r="Y676" t="s">
        <v>224</v>
      </c>
      <c r="AC676" t="s">
        <v>180</v>
      </c>
      <c r="AD676" t="s">
        <v>175</v>
      </c>
      <c r="AE676" t="s">
        <v>175</v>
      </c>
      <c r="AF676" t="s">
        <v>181</v>
      </c>
      <c r="AG676" t="s">
        <v>175</v>
      </c>
      <c r="AH676" t="s">
        <v>200</v>
      </c>
      <c r="AI676" t="s">
        <v>200</v>
      </c>
      <c r="AJ676" t="s">
        <v>200</v>
      </c>
      <c r="AK676" t="s">
        <v>175</v>
      </c>
      <c r="AL676" t="s">
        <v>52</v>
      </c>
      <c r="AM676" t="s">
        <v>185</v>
      </c>
      <c r="AN676" t="s">
        <v>203</v>
      </c>
      <c r="AO676" t="s">
        <v>184</v>
      </c>
      <c r="AP676" t="s">
        <v>183</v>
      </c>
      <c r="AQ676" t="s">
        <v>205</v>
      </c>
      <c r="AR676" t="s">
        <v>206</v>
      </c>
      <c r="AS676" t="s">
        <v>201</v>
      </c>
      <c r="AT676" t="s">
        <v>204</v>
      </c>
      <c r="AU676" t="s">
        <v>202</v>
      </c>
      <c r="AV676" t="s">
        <v>182</v>
      </c>
      <c r="AX676" t="s">
        <v>186</v>
      </c>
      <c r="AY676" t="s">
        <v>187</v>
      </c>
      <c r="AZ676" t="s">
        <v>207</v>
      </c>
      <c r="BB676" t="s">
        <v>208</v>
      </c>
      <c r="BF676" t="s">
        <v>292</v>
      </c>
      <c r="BG676" t="s">
        <v>301</v>
      </c>
      <c r="BH676" t="s">
        <v>247</v>
      </c>
      <c r="BK676" t="s">
        <v>191</v>
      </c>
      <c r="BL676" t="s">
        <v>3385</v>
      </c>
      <c r="BM676" t="s">
        <v>191</v>
      </c>
      <c r="BN676" t="s">
        <v>3386</v>
      </c>
      <c r="BO676" t="s">
        <v>191</v>
      </c>
      <c r="BP676" t="s">
        <v>3387</v>
      </c>
    </row>
    <row r="677" spans="1:69" x14ac:dyDescent="0.25">
      <c r="A677" s="1">
        <v>30449478</v>
      </c>
      <c r="B677" t="s">
        <v>2007</v>
      </c>
      <c r="C677" t="s">
        <v>39</v>
      </c>
      <c r="D677" t="s">
        <v>1616</v>
      </c>
      <c r="E677" t="s">
        <v>216</v>
      </c>
      <c r="L677" t="s">
        <v>52</v>
      </c>
      <c r="M677" s="1">
        <v>0</v>
      </c>
      <c r="N677" s="1">
        <v>0</v>
      </c>
      <c r="O677" t="s">
        <v>1616</v>
      </c>
      <c r="P677" t="s">
        <v>216</v>
      </c>
      <c r="Q677" t="s">
        <v>322</v>
      </c>
      <c r="S677" s="1">
        <v>0</v>
      </c>
      <c r="T677" t="s">
        <v>197</v>
      </c>
      <c r="U677" t="s">
        <v>2008</v>
      </c>
      <c r="X677" t="s">
        <v>179</v>
      </c>
      <c r="Z677" t="s">
        <v>244</v>
      </c>
      <c r="AC677" t="s">
        <v>199</v>
      </c>
      <c r="AD677" t="s">
        <v>181</v>
      </c>
      <c r="AE677" t="s">
        <v>175</v>
      </c>
      <c r="AF677" t="s">
        <v>175</v>
      </c>
      <c r="AG677" t="s">
        <v>230</v>
      </c>
      <c r="AH677" t="s">
        <v>200</v>
      </c>
      <c r="AI677" t="s">
        <v>175</v>
      </c>
      <c r="AJ677" t="s">
        <v>175</v>
      </c>
      <c r="AK677" t="s">
        <v>175</v>
      </c>
      <c r="AL677" t="s">
        <v>42</v>
      </c>
      <c r="AM677" t="s">
        <v>183</v>
      </c>
      <c r="AN677" t="s">
        <v>206</v>
      </c>
      <c r="AO677" t="s">
        <v>184</v>
      </c>
      <c r="AP677" t="s">
        <v>204</v>
      </c>
      <c r="AQ677" t="s">
        <v>185</v>
      </c>
      <c r="AR677" t="s">
        <v>202</v>
      </c>
      <c r="AS677" t="s">
        <v>203</v>
      </c>
      <c r="AT677" t="s">
        <v>182</v>
      </c>
      <c r="AU677" t="s">
        <v>205</v>
      </c>
      <c r="AV677" t="s">
        <v>201</v>
      </c>
      <c r="AW677" t="s">
        <v>2009</v>
      </c>
      <c r="AX677" t="s">
        <v>186</v>
      </c>
      <c r="AY677" t="s">
        <v>187</v>
      </c>
      <c r="AZ677" t="s">
        <v>207</v>
      </c>
      <c r="BF677" t="s">
        <v>210</v>
      </c>
      <c r="BG677" s="1">
        <v>0</v>
      </c>
      <c r="BH677" s="1">
        <v>0</v>
      </c>
      <c r="BK677" s="1">
        <v>0</v>
      </c>
      <c r="BM677" s="1">
        <v>0</v>
      </c>
      <c r="BO677" s="1">
        <v>0</v>
      </c>
    </row>
    <row r="678" spans="1:69" x14ac:dyDescent="0.25">
      <c r="A678" s="1">
        <v>30449479</v>
      </c>
      <c r="B678" t="s">
        <v>520</v>
      </c>
      <c r="C678" t="s">
        <v>39</v>
      </c>
      <c r="D678" t="s">
        <v>174</v>
      </c>
      <c r="E678" t="s">
        <v>175</v>
      </c>
      <c r="L678" t="s">
        <v>52</v>
      </c>
      <c r="M678" s="1">
        <v>0</v>
      </c>
      <c r="N678" s="1">
        <v>0</v>
      </c>
      <c r="O678" t="s">
        <v>174</v>
      </c>
      <c r="P678" t="s">
        <v>216</v>
      </c>
      <c r="Q678" t="s">
        <v>322</v>
      </c>
      <c r="S678" s="1">
        <v>0</v>
      </c>
      <c r="T678" t="s">
        <v>175</v>
      </c>
      <c r="Y678" t="s">
        <v>224</v>
      </c>
      <c r="AC678" t="s">
        <v>199</v>
      </c>
      <c r="AD678" t="s">
        <v>175</v>
      </c>
      <c r="AE678" t="s">
        <v>175</v>
      </c>
      <c r="AF678" t="s">
        <v>175</v>
      </c>
      <c r="AG678" t="s">
        <v>175</v>
      </c>
      <c r="AH678" t="s">
        <v>175</v>
      </c>
      <c r="AI678" t="s">
        <v>175</v>
      </c>
      <c r="AJ678" t="s">
        <v>175</v>
      </c>
      <c r="AK678" t="s">
        <v>175</v>
      </c>
      <c r="AL678" t="s">
        <v>42</v>
      </c>
      <c r="AM678" t="s">
        <v>184</v>
      </c>
      <c r="AN678" s="1">
        <v>0</v>
      </c>
      <c r="AO678" s="1">
        <v>0</v>
      </c>
      <c r="AP678" s="1">
        <v>0</v>
      </c>
      <c r="AQ678" s="1">
        <v>0</v>
      </c>
      <c r="AR678" s="1">
        <v>0</v>
      </c>
      <c r="AS678" t="s">
        <v>185</v>
      </c>
      <c r="AT678" s="1">
        <v>0</v>
      </c>
      <c r="AU678" s="1">
        <v>0</v>
      </c>
      <c r="AV678" s="1">
        <v>0</v>
      </c>
      <c r="AW678" t="s">
        <v>521</v>
      </c>
      <c r="AX678" t="s">
        <v>186</v>
      </c>
      <c r="AZ678" t="s">
        <v>207</v>
      </c>
      <c r="BA678" t="s">
        <v>188</v>
      </c>
      <c r="BF678" t="s">
        <v>210</v>
      </c>
      <c r="BG678" s="1">
        <v>0</v>
      </c>
      <c r="BH678" t="s">
        <v>211</v>
      </c>
      <c r="BK678" t="s">
        <v>191</v>
      </c>
      <c r="BL678" t="s">
        <v>522</v>
      </c>
      <c r="BM678" t="s">
        <v>218</v>
      </c>
      <c r="BN678" t="s">
        <v>522</v>
      </c>
      <c r="BO678" s="1">
        <v>0</v>
      </c>
      <c r="BP678" t="s">
        <v>523</v>
      </c>
      <c r="BQ678" t="s">
        <v>524</v>
      </c>
    </row>
    <row r="679" spans="1:69" x14ac:dyDescent="0.25">
      <c r="A679" s="1">
        <v>30449480</v>
      </c>
      <c r="B679" t="s">
        <v>75</v>
      </c>
      <c r="C679" t="s">
        <v>39</v>
      </c>
      <c r="L679" s="1">
        <v>0</v>
      </c>
      <c r="M679" s="1">
        <v>0</v>
      </c>
      <c r="N679" s="1">
        <v>0</v>
      </c>
      <c r="O679" s="1">
        <v>0</v>
      </c>
      <c r="P679" s="1">
        <v>0</v>
      </c>
      <c r="Q679" s="1">
        <v>0</v>
      </c>
      <c r="S679" s="1">
        <v>0</v>
      </c>
      <c r="T679" s="1">
        <v>0</v>
      </c>
      <c r="AC679" s="1">
        <v>0</v>
      </c>
      <c r="AD679" s="1">
        <v>0</v>
      </c>
      <c r="AE679" s="1">
        <v>0</v>
      </c>
      <c r="AF679" s="1">
        <v>0</v>
      </c>
      <c r="AG679" s="1">
        <v>0</v>
      </c>
      <c r="AH679" s="1">
        <v>0</v>
      </c>
      <c r="AI679" s="1">
        <v>0</v>
      </c>
      <c r="AJ679" s="1">
        <v>0</v>
      </c>
      <c r="AK679" s="1">
        <v>0</v>
      </c>
      <c r="AL679" s="1">
        <v>0</v>
      </c>
      <c r="AM679" s="1">
        <v>0</v>
      </c>
      <c r="AN679" s="1">
        <v>0</v>
      </c>
      <c r="AO679" s="1">
        <v>0</v>
      </c>
      <c r="AP679" s="1">
        <v>0</v>
      </c>
      <c r="AQ679" s="1">
        <v>0</v>
      </c>
      <c r="AR679" s="1">
        <v>0</v>
      </c>
      <c r="AS679" s="1">
        <v>0</v>
      </c>
      <c r="AT679" s="1">
        <v>0</v>
      </c>
      <c r="AU679" s="1">
        <v>0</v>
      </c>
      <c r="AV679" s="1">
        <v>0</v>
      </c>
      <c r="BF679" s="1">
        <v>0</v>
      </c>
      <c r="BG679" s="1">
        <v>0</v>
      </c>
      <c r="BH679" s="1">
        <v>0</v>
      </c>
      <c r="BK679" s="1">
        <v>0</v>
      </c>
      <c r="BM679" s="1">
        <v>0</v>
      </c>
      <c r="BO679" s="1">
        <v>0</v>
      </c>
    </row>
    <row r="680" spans="1:69" x14ac:dyDescent="0.25">
      <c r="A680" s="1">
        <v>30449484</v>
      </c>
      <c r="B680" t="s">
        <v>525</v>
      </c>
      <c r="C680" t="s">
        <v>39</v>
      </c>
      <c r="D680" t="s">
        <v>174</v>
      </c>
      <c r="E680" t="s">
        <v>200</v>
      </c>
      <c r="L680" t="s">
        <v>52</v>
      </c>
      <c r="M680" s="1">
        <v>0</v>
      </c>
      <c r="N680" s="1">
        <v>0</v>
      </c>
      <c r="O680" t="s">
        <v>174</v>
      </c>
      <c r="P680" t="s">
        <v>216</v>
      </c>
      <c r="Q680" t="s">
        <v>177</v>
      </c>
      <c r="S680" s="1">
        <v>0</v>
      </c>
      <c r="T680" t="s">
        <v>200</v>
      </c>
      <c r="W680" t="s">
        <v>262</v>
      </c>
      <c r="Z680" t="s">
        <v>244</v>
      </c>
      <c r="AC680" t="s">
        <v>266</v>
      </c>
      <c r="AD680" t="s">
        <v>181</v>
      </c>
      <c r="AE680" t="s">
        <v>181</v>
      </c>
      <c r="AF680" t="s">
        <v>230</v>
      </c>
      <c r="AG680" t="s">
        <v>181</v>
      </c>
      <c r="AH680" t="s">
        <v>175</v>
      </c>
      <c r="AI680" t="s">
        <v>230</v>
      </c>
      <c r="AJ680" t="s">
        <v>230</v>
      </c>
      <c r="AK680" t="s">
        <v>230</v>
      </c>
      <c r="AL680" t="s">
        <v>52</v>
      </c>
      <c r="AM680" t="s">
        <v>185</v>
      </c>
      <c r="AN680" t="s">
        <v>204</v>
      </c>
      <c r="AO680" t="s">
        <v>206</v>
      </c>
      <c r="AP680" t="s">
        <v>184</v>
      </c>
      <c r="AQ680" t="s">
        <v>205</v>
      </c>
      <c r="AR680" t="s">
        <v>201</v>
      </c>
      <c r="AS680" t="s">
        <v>182</v>
      </c>
      <c r="AT680" t="s">
        <v>183</v>
      </c>
      <c r="AU680" t="s">
        <v>203</v>
      </c>
      <c r="AV680" t="s">
        <v>202</v>
      </c>
      <c r="AY680" t="s">
        <v>187</v>
      </c>
      <c r="AZ680" t="s">
        <v>207</v>
      </c>
      <c r="BA680" t="s">
        <v>188</v>
      </c>
      <c r="BC680" t="s">
        <v>209</v>
      </c>
      <c r="BF680" t="s">
        <v>189</v>
      </c>
      <c r="BG680" s="1">
        <v>0</v>
      </c>
      <c r="BH680" t="s">
        <v>211</v>
      </c>
      <c r="BK680" t="s">
        <v>191</v>
      </c>
      <c r="BL680" t="s">
        <v>526</v>
      </c>
      <c r="BM680" t="s">
        <v>191</v>
      </c>
      <c r="BN680" t="s">
        <v>527</v>
      </c>
      <c r="BO680" t="s">
        <v>191</v>
      </c>
      <c r="BP680" t="s">
        <v>528</v>
      </c>
      <c r="BQ680" t="s">
        <v>529</v>
      </c>
    </row>
    <row r="681" spans="1:69" x14ac:dyDescent="0.25">
      <c r="A681" s="1">
        <v>30449485</v>
      </c>
      <c r="B681" t="s">
        <v>1240</v>
      </c>
      <c r="C681" t="s">
        <v>39</v>
      </c>
      <c r="D681" t="s">
        <v>942</v>
      </c>
      <c r="E681" t="s">
        <v>175</v>
      </c>
      <c r="L681" t="s">
        <v>52</v>
      </c>
      <c r="M681" s="1">
        <v>0</v>
      </c>
      <c r="N681" s="1">
        <v>0</v>
      </c>
      <c r="O681" t="s">
        <v>942</v>
      </c>
      <c r="P681" t="s">
        <v>216</v>
      </c>
      <c r="Q681" t="s">
        <v>322</v>
      </c>
      <c r="S681" s="1">
        <v>0</v>
      </c>
      <c r="T681" t="s">
        <v>175</v>
      </c>
      <c r="X681" t="s">
        <v>179</v>
      </c>
      <c r="AA681" t="s">
        <v>273</v>
      </c>
      <c r="AB681" t="s">
        <v>1241</v>
      </c>
      <c r="AC681" t="s">
        <v>225</v>
      </c>
      <c r="AD681" t="s">
        <v>175</v>
      </c>
      <c r="AE681" t="s">
        <v>175</v>
      </c>
      <c r="AF681" t="s">
        <v>175</v>
      </c>
      <c r="AG681" t="s">
        <v>175</v>
      </c>
      <c r="AH681" t="s">
        <v>200</v>
      </c>
      <c r="AI681" t="s">
        <v>181</v>
      </c>
      <c r="AJ681" t="s">
        <v>181</v>
      </c>
      <c r="AK681" t="s">
        <v>181</v>
      </c>
      <c r="AL681" t="s">
        <v>52</v>
      </c>
      <c r="AM681" s="1">
        <v>0</v>
      </c>
      <c r="AN681" s="1">
        <v>0</v>
      </c>
      <c r="AO681" s="1">
        <v>0</v>
      </c>
      <c r="AP681" s="1">
        <v>0</v>
      </c>
      <c r="AQ681" t="s">
        <v>184</v>
      </c>
      <c r="AR681" t="s">
        <v>185</v>
      </c>
      <c r="AS681" s="1">
        <v>0</v>
      </c>
      <c r="AT681" s="1">
        <v>0</v>
      </c>
      <c r="AU681" s="1">
        <v>0</v>
      </c>
      <c r="AV681" s="1">
        <v>0</v>
      </c>
      <c r="AY681" t="s">
        <v>187</v>
      </c>
      <c r="AZ681" t="s">
        <v>207</v>
      </c>
      <c r="BC681" t="s">
        <v>209</v>
      </c>
      <c r="BF681" t="s">
        <v>49</v>
      </c>
      <c r="BG681" s="1">
        <v>0</v>
      </c>
      <c r="BH681" t="s">
        <v>247</v>
      </c>
      <c r="BK681" s="1">
        <v>0</v>
      </c>
      <c r="BM681" s="1">
        <v>0</v>
      </c>
      <c r="BO681" s="1">
        <v>0</v>
      </c>
    </row>
    <row r="682" spans="1:69" x14ac:dyDescent="0.25">
      <c r="A682" s="1">
        <v>30449487</v>
      </c>
      <c r="B682" t="s">
        <v>4104</v>
      </c>
      <c r="C682" t="s">
        <v>39</v>
      </c>
      <c r="D682" t="s">
        <v>3727</v>
      </c>
      <c r="E682" t="s">
        <v>175</v>
      </c>
      <c r="L682" t="s">
        <v>52</v>
      </c>
      <c r="M682" s="1">
        <v>0</v>
      </c>
      <c r="N682" s="1">
        <v>0</v>
      </c>
      <c r="O682" t="s">
        <v>3728</v>
      </c>
      <c r="P682" t="s">
        <v>176</v>
      </c>
      <c r="Q682" t="s">
        <v>177</v>
      </c>
      <c r="S682" t="s">
        <v>178</v>
      </c>
      <c r="T682" t="s">
        <v>175</v>
      </c>
      <c r="AC682" s="1">
        <v>0</v>
      </c>
      <c r="AD682" s="1">
        <v>0</v>
      </c>
      <c r="AE682" s="1">
        <v>0</v>
      </c>
      <c r="AF682" s="1">
        <v>0</v>
      </c>
      <c r="AG682" s="1">
        <v>0</v>
      </c>
      <c r="AH682" s="1">
        <v>0</v>
      </c>
      <c r="AI682" s="1">
        <v>0</v>
      </c>
      <c r="AJ682" s="1">
        <v>0</v>
      </c>
      <c r="AK682" s="1">
        <v>0</v>
      </c>
      <c r="AL682" s="1">
        <v>0</v>
      </c>
      <c r="AM682" s="1">
        <v>0</v>
      </c>
      <c r="AN682" s="1">
        <v>0</v>
      </c>
      <c r="AO682" s="1">
        <v>0</v>
      </c>
      <c r="AP682" s="1">
        <v>0</v>
      </c>
      <c r="AQ682" s="1">
        <v>0</v>
      </c>
      <c r="AR682" s="1">
        <v>0</v>
      </c>
      <c r="AS682" s="1">
        <v>0</v>
      </c>
      <c r="AT682" s="1">
        <v>0</v>
      </c>
      <c r="AU682" s="1">
        <v>0</v>
      </c>
      <c r="AV682" s="1">
        <v>0</v>
      </c>
      <c r="BF682" s="1">
        <v>0</v>
      </c>
      <c r="BG682" s="1">
        <v>0</v>
      </c>
      <c r="BH682" s="1">
        <v>0</v>
      </c>
      <c r="BK682" s="1">
        <v>0</v>
      </c>
      <c r="BM682" s="1">
        <v>0</v>
      </c>
      <c r="BO682" s="1">
        <v>0</v>
      </c>
    </row>
    <row r="683" spans="1:69" x14ac:dyDescent="0.25">
      <c r="A683" s="1">
        <v>30449489</v>
      </c>
      <c r="B683" t="s">
        <v>2010</v>
      </c>
      <c r="C683" t="s">
        <v>39</v>
      </c>
      <c r="D683" t="s">
        <v>1616</v>
      </c>
      <c r="E683" t="s">
        <v>175</v>
      </c>
      <c r="L683" t="s">
        <v>52</v>
      </c>
      <c r="M683" s="1">
        <v>0</v>
      </c>
      <c r="N683" s="1">
        <v>0</v>
      </c>
      <c r="O683" t="s">
        <v>1616</v>
      </c>
      <c r="P683" t="s">
        <v>176</v>
      </c>
      <c r="Q683" t="s">
        <v>238</v>
      </c>
      <c r="S683" t="s">
        <v>178</v>
      </c>
      <c r="T683" t="s">
        <v>175</v>
      </c>
      <c r="X683" t="s">
        <v>179</v>
      </c>
      <c r="Y683" t="s">
        <v>224</v>
      </c>
      <c r="Z683" t="s">
        <v>244</v>
      </c>
      <c r="AC683" t="s">
        <v>199</v>
      </c>
      <c r="AD683" t="s">
        <v>181</v>
      </c>
      <c r="AE683" t="s">
        <v>181</v>
      </c>
      <c r="AF683" t="s">
        <v>181</v>
      </c>
      <c r="AG683" t="s">
        <v>175</v>
      </c>
      <c r="AH683" t="s">
        <v>230</v>
      </c>
      <c r="AI683" t="s">
        <v>230</v>
      </c>
      <c r="AJ683" t="s">
        <v>181</v>
      </c>
      <c r="AK683" t="s">
        <v>230</v>
      </c>
      <c r="AL683" t="s">
        <v>42</v>
      </c>
      <c r="AM683" t="s">
        <v>205</v>
      </c>
      <c r="AN683" t="s">
        <v>183</v>
      </c>
      <c r="AO683" t="s">
        <v>184</v>
      </c>
      <c r="AP683" t="s">
        <v>182</v>
      </c>
      <c r="AQ683" t="s">
        <v>185</v>
      </c>
      <c r="AR683" t="s">
        <v>202</v>
      </c>
      <c r="AS683" t="s">
        <v>203</v>
      </c>
      <c r="AT683" t="s">
        <v>206</v>
      </c>
      <c r="AU683" t="s">
        <v>201</v>
      </c>
      <c r="AV683" t="s">
        <v>204</v>
      </c>
      <c r="AX683" t="s">
        <v>186</v>
      </c>
      <c r="AZ683" t="s">
        <v>207</v>
      </c>
      <c r="BA683" t="s">
        <v>188</v>
      </c>
      <c r="BF683" t="s">
        <v>189</v>
      </c>
      <c r="BG683" s="1">
        <v>0</v>
      </c>
      <c r="BH683" t="s">
        <v>302</v>
      </c>
      <c r="BI683" t="s">
        <v>2011</v>
      </c>
      <c r="BK683" t="s">
        <v>191</v>
      </c>
      <c r="BL683" t="s">
        <v>2012</v>
      </c>
      <c r="BM683" t="s">
        <v>218</v>
      </c>
      <c r="BN683" t="s">
        <v>1046</v>
      </c>
      <c r="BO683" s="1">
        <v>0</v>
      </c>
      <c r="BP683" t="s">
        <v>2013</v>
      </c>
    </row>
    <row r="684" spans="1:69" x14ac:dyDescent="0.25">
      <c r="A684" s="1">
        <v>30449496</v>
      </c>
      <c r="B684" t="s">
        <v>4105</v>
      </c>
      <c r="C684" t="s">
        <v>39</v>
      </c>
      <c r="D684" t="s">
        <v>3727</v>
      </c>
      <c r="E684" t="s">
        <v>200</v>
      </c>
      <c r="L684" t="s">
        <v>52</v>
      </c>
      <c r="M684" s="1">
        <v>0</v>
      </c>
      <c r="N684" s="1">
        <v>0</v>
      </c>
      <c r="O684" t="s">
        <v>3728</v>
      </c>
      <c r="P684" t="s">
        <v>176</v>
      </c>
      <c r="Q684" t="s">
        <v>177</v>
      </c>
      <c r="S684" t="s">
        <v>222</v>
      </c>
      <c r="T684" t="s">
        <v>200</v>
      </c>
      <c r="AA684" t="s">
        <v>273</v>
      </c>
      <c r="AB684" t="s">
        <v>4106</v>
      </c>
      <c r="AC684" t="s">
        <v>180</v>
      </c>
      <c r="AD684" t="s">
        <v>200</v>
      </c>
      <c r="AE684" t="s">
        <v>200</v>
      </c>
      <c r="AF684" t="s">
        <v>200</v>
      </c>
      <c r="AG684" t="s">
        <v>200</v>
      </c>
      <c r="AH684" t="s">
        <v>200</v>
      </c>
      <c r="AI684" t="s">
        <v>200</v>
      </c>
      <c r="AJ684" t="s">
        <v>200</v>
      </c>
      <c r="AK684" t="s">
        <v>200</v>
      </c>
      <c r="AL684" t="s">
        <v>42</v>
      </c>
      <c r="AM684" t="s">
        <v>182</v>
      </c>
      <c r="AN684" t="s">
        <v>184</v>
      </c>
      <c r="AO684" t="s">
        <v>183</v>
      </c>
      <c r="AP684" t="s">
        <v>204</v>
      </c>
      <c r="AQ684" t="s">
        <v>185</v>
      </c>
      <c r="AR684" t="s">
        <v>203</v>
      </c>
      <c r="AS684" t="s">
        <v>202</v>
      </c>
      <c r="AT684" t="s">
        <v>205</v>
      </c>
      <c r="AU684" t="s">
        <v>201</v>
      </c>
      <c r="AV684" t="s">
        <v>206</v>
      </c>
      <c r="AZ684" t="s">
        <v>207</v>
      </c>
      <c r="BF684" t="s">
        <v>210</v>
      </c>
      <c r="BG684" s="1">
        <v>0</v>
      </c>
      <c r="BH684" t="s">
        <v>464</v>
      </c>
      <c r="BK684" t="s">
        <v>191</v>
      </c>
      <c r="BL684" t="s">
        <v>4107</v>
      </c>
      <c r="BM684" s="1">
        <v>0</v>
      </c>
      <c r="BO684" s="1">
        <v>0</v>
      </c>
    </row>
    <row r="685" spans="1:69" x14ac:dyDescent="0.25">
      <c r="A685" s="1">
        <v>30449497</v>
      </c>
      <c r="B685" t="s">
        <v>4105</v>
      </c>
      <c r="C685" t="s">
        <v>39</v>
      </c>
      <c r="D685" t="s">
        <v>3727</v>
      </c>
      <c r="E685" t="s">
        <v>200</v>
      </c>
      <c r="L685" t="s">
        <v>52</v>
      </c>
      <c r="M685" s="1">
        <v>0</v>
      </c>
      <c r="N685" s="1">
        <v>0</v>
      </c>
      <c r="O685" t="s">
        <v>3728</v>
      </c>
      <c r="P685" t="s">
        <v>216</v>
      </c>
      <c r="Q685" t="s">
        <v>238</v>
      </c>
      <c r="S685" s="1">
        <v>0</v>
      </c>
      <c r="T685" t="s">
        <v>200</v>
      </c>
      <c r="AC685" s="1">
        <v>0</v>
      </c>
      <c r="AD685" s="1">
        <v>0</v>
      </c>
      <c r="AE685" s="1">
        <v>0</v>
      </c>
      <c r="AF685" s="1">
        <v>0</v>
      </c>
      <c r="AG685" s="1">
        <v>0</v>
      </c>
      <c r="AH685" s="1">
        <v>0</v>
      </c>
      <c r="AI685" s="1">
        <v>0</v>
      </c>
      <c r="AJ685" s="1">
        <v>0</v>
      </c>
      <c r="AK685" s="1">
        <v>0</v>
      </c>
      <c r="AL685" s="1">
        <v>0</v>
      </c>
      <c r="AM685" s="1">
        <v>0</v>
      </c>
      <c r="AN685" s="1">
        <v>0</v>
      </c>
      <c r="AO685" s="1">
        <v>0</v>
      </c>
      <c r="AP685" s="1">
        <v>0</v>
      </c>
      <c r="AQ685" s="1">
        <v>0</v>
      </c>
      <c r="AR685" s="1">
        <v>0</v>
      </c>
      <c r="AS685" s="1">
        <v>0</v>
      </c>
      <c r="AT685" s="1">
        <v>0</v>
      </c>
      <c r="AU685" s="1">
        <v>0</v>
      </c>
      <c r="AV685" s="1">
        <v>0</v>
      </c>
      <c r="BF685" s="1">
        <v>0</v>
      </c>
      <c r="BG685" s="1">
        <v>0</v>
      </c>
      <c r="BH685" s="1">
        <v>0</v>
      </c>
      <c r="BK685" s="1">
        <v>0</v>
      </c>
      <c r="BM685" s="1">
        <v>0</v>
      </c>
      <c r="BO685" s="1">
        <v>0</v>
      </c>
    </row>
    <row r="686" spans="1:69" x14ac:dyDescent="0.25">
      <c r="A686" s="1">
        <v>30449498</v>
      </c>
      <c r="B686" t="s">
        <v>3388</v>
      </c>
      <c r="C686" t="s">
        <v>39</v>
      </c>
      <c r="D686" t="s">
        <v>3138</v>
      </c>
      <c r="E686" t="s">
        <v>195</v>
      </c>
      <c r="L686" t="s">
        <v>52</v>
      </c>
      <c r="M686" s="1">
        <v>0</v>
      </c>
      <c r="N686" s="1">
        <v>0</v>
      </c>
      <c r="O686" t="s">
        <v>3139</v>
      </c>
      <c r="P686" t="s">
        <v>176</v>
      </c>
      <c r="Q686" t="s">
        <v>177</v>
      </c>
      <c r="S686" t="s">
        <v>178</v>
      </c>
      <c r="T686" t="s">
        <v>197</v>
      </c>
      <c r="X686" t="s">
        <v>179</v>
      </c>
      <c r="AC686" t="s">
        <v>180</v>
      </c>
      <c r="AD686" t="s">
        <v>175</v>
      </c>
      <c r="AE686" t="s">
        <v>175</v>
      </c>
      <c r="AF686" t="s">
        <v>175</v>
      </c>
      <c r="AG686" t="s">
        <v>175</v>
      </c>
      <c r="AH686" t="s">
        <v>175</v>
      </c>
      <c r="AI686" t="s">
        <v>175</v>
      </c>
      <c r="AJ686" t="s">
        <v>175</v>
      </c>
      <c r="AK686" t="s">
        <v>175</v>
      </c>
      <c r="AL686" t="s">
        <v>42</v>
      </c>
      <c r="AM686" t="s">
        <v>202</v>
      </c>
      <c r="AN686" t="s">
        <v>201</v>
      </c>
      <c r="AO686" t="s">
        <v>183</v>
      </c>
      <c r="AP686" t="s">
        <v>182</v>
      </c>
      <c r="AQ686" t="s">
        <v>184</v>
      </c>
      <c r="AR686" t="s">
        <v>185</v>
      </c>
      <c r="AS686" t="s">
        <v>203</v>
      </c>
      <c r="AT686" t="s">
        <v>206</v>
      </c>
      <c r="AU686" t="s">
        <v>205</v>
      </c>
      <c r="AV686" t="s">
        <v>204</v>
      </c>
      <c r="AW686" t="s">
        <v>357</v>
      </c>
      <c r="AX686" t="s">
        <v>186</v>
      </c>
      <c r="AY686" t="s">
        <v>187</v>
      </c>
      <c r="AZ686" t="s">
        <v>207</v>
      </c>
      <c r="BA686" t="s">
        <v>188</v>
      </c>
      <c r="BC686" t="s">
        <v>209</v>
      </c>
      <c r="BF686" t="s">
        <v>210</v>
      </c>
      <c r="BG686" s="1">
        <v>0</v>
      </c>
      <c r="BH686" t="s">
        <v>247</v>
      </c>
      <c r="BK686" t="s">
        <v>191</v>
      </c>
      <c r="BL686" t="s">
        <v>3389</v>
      </c>
      <c r="BM686" t="s">
        <v>191</v>
      </c>
      <c r="BN686" t="s">
        <v>3390</v>
      </c>
      <c r="BO686" t="s">
        <v>191</v>
      </c>
      <c r="BP686" t="s">
        <v>3391</v>
      </c>
      <c r="BQ686" t="s">
        <v>3392</v>
      </c>
    </row>
    <row r="687" spans="1:69" x14ac:dyDescent="0.25">
      <c r="A687" s="1">
        <v>30449501</v>
      </c>
      <c r="B687" t="s">
        <v>2764</v>
      </c>
      <c r="C687" t="s">
        <v>39</v>
      </c>
      <c r="D687" t="s">
        <v>2512</v>
      </c>
      <c r="E687" t="s">
        <v>200</v>
      </c>
      <c r="L687" t="s">
        <v>52</v>
      </c>
      <c r="M687" s="1">
        <v>0</v>
      </c>
      <c r="N687" s="1">
        <v>0</v>
      </c>
      <c r="O687" t="s">
        <v>2512</v>
      </c>
      <c r="P687" t="s">
        <v>176</v>
      </c>
      <c r="Q687" t="s">
        <v>328</v>
      </c>
      <c r="S687" t="s">
        <v>349</v>
      </c>
      <c r="T687" t="s">
        <v>200</v>
      </c>
      <c r="Z687" t="s">
        <v>244</v>
      </c>
      <c r="AC687" t="s">
        <v>180</v>
      </c>
      <c r="AD687" t="s">
        <v>175</v>
      </c>
      <c r="AE687" t="s">
        <v>175</v>
      </c>
      <c r="AF687" t="s">
        <v>175</v>
      </c>
      <c r="AG687" t="s">
        <v>175</v>
      </c>
      <c r="AH687" t="s">
        <v>175</v>
      </c>
      <c r="AI687" t="s">
        <v>175</v>
      </c>
      <c r="AJ687" t="s">
        <v>175</v>
      </c>
      <c r="AK687" t="s">
        <v>175</v>
      </c>
      <c r="AL687" t="s">
        <v>52</v>
      </c>
      <c r="AM687" s="1">
        <v>0</v>
      </c>
      <c r="AN687" t="s">
        <v>185</v>
      </c>
      <c r="AO687" s="1">
        <v>0</v>
      </c>
      <c r="AP687" s="1">
        <v>0</v>
      </c>
      <c r="AQ687" s="1">
        <v>0</v>
      </c>
      <c r="AR687" t="s">
        <v>183</v>
      </c>
      <c r="AS687" s="1">
        <v>0</v>
      </c>
      <c r="AT687" t="s">
        <v>184</v>
      </c>
      <c r="AU687" s="1">
        <v>0</v>
      </c>
      <c r="AV687" t="s">
        <v>182</v>
      </c>
      <c r="BA687" t="s">
        <v>188</v>
      </c>
      <c r="BC687" t="s">
        <v>209</v>
      </c>
      <c r="BF687" t="s">
        <v>210</v>
      </c>
      <c r="BG687" s="1">
        <v>0</v>
      </c>
      <c r="BH687" t="s">
        <v>190</v>
      </c>
      <c r="BK687" t="s">
        <v>218</v>
      </c>
      <c r="BM687" t="s">
        <v>191</v>
      </c>
      <c r="BO687" t="s">
        <v>191</v>
      </c>
    </row>
    <row r="688" spans="1:69" x14ac:dyDescent="0.25">
      <c r="A688" s="1">
        <v>30449505</v>
      </c>
      <c r="B688" t="s">
        <v>2765</v>
      </c>
      <c r="C688" t="s">
        <v>39</v>
      </c>
      <c r="D688" t="s">
        <v>2512</v>
      </c>
      <c r="E688" t="s">
        <v>216</v>
      </c>
      <c r="L688" t="s">
        <v>52</v>
      </c>
      <c r="M688" s="1">
        <v>0</v>
      </c>
      <c r="N688" s="1">
        <v>0</v>
      </c>
      <c r="O688" t="s">
        <v>2512</v>
      </c>
      <c r="P688" t="s">
        <v>216</v>
      </c>
      <c r="Q688" t="s">
        <v>177</v>
      </c>
      <c r="S688" s="1">
        <v>0</v>
      </c>
      <c r="T688" t="s">
        <v>197</v>
      </c>
      <c r="Y688" t="s">
        <v>224</v>
      </c>
      <c r="AC688" t="s">
        <v>199</v>
      </c>
      <c r="AD688" t="s">
        <v>175</v>
      </c>
      <c r="AE688" t="s">
        <v>175</v>
      </c>
      <c r="AF688" t="s">
        <v>175</v>
      </c>
      <c r="AG688" t="s">
        <v>175</v>
      </c>
      <c r="AH688" t="s">
        <v>175</v>
      </c>
      <c r="AI688" t="s">
        <v>175</v>
      </c>
      <c r="AJ688" t="s">
        <v>175</v>
      </c>
      <c r="AK688" t="s">
        <v>175</v>
      </c>
      <c r="AL688" t="s">
        <v>52</v>
      </c>
      <c r="AM688" t="s">
        <v>185</v>
      </c>
      <c r="AN688" t="s">
        <v>203</v>
      </c>
      <c r="AO688" t="s">
        <v>206</v>
      </c>
      <c r="AP688" t="s">
        <v>184</v>
      </c>
      <c r="AQ688" t="s">
        <v>205</v>
      </c>
      <c r="AR688" t="s">
        <v>202</v>
      </c>
      <c r="AS688" t="s">
        <v>201</v>
      </c>
      <c r="AT688" t="s">
        <v>182</v>
      </c>
      <c r="AU688" t="s">
        <v>183</v>
      </c>
      <c r="AV688" t="s">
        <v>204</v>
      </c>
      <c r="AY688" t="s">
        <v>187</v>
      </c>
      <c r="AZ688" t="s">
        <v>207</v>
      </c>
      <c r="BA688" t="s">
        <v>188</v>
      </c>
      <c r="BC688" t="s">
        <v>209</v>
      </c>
      <c r="BF688" t="s">
        <v>292</v>
      </c>
      <c r="BG688" t="s">
        <v>1382</v>
      </c>
      <c r="BH688" t="s">
        <v>211</v>
      </c>
      <c r="BK688" t="s">
        <v>191</v>
      </c>
      <c r="BL688" t="s">
        <v>2766</v>
      </c>
      <c r="BM688" t="s">
        <v>191</v>
      </c>
      <c r="BN688" t="s">
        <v>2767</v>
      </c>
      <c r="BO688" t="s">
        <v>191</v>
      </c>
      <c r="BP688" t="s">
        <v>2768</v>
      </c>
    </row>
    <row r="689" spans="1:69" x14ac:dyDescent="0.25">
      <c r="A689" s="1">
        <v>30449507</v>
      </c>
      <c r="B689" t="s">
        <v>4108</v>
      </c>
      <c r="C689" t="s">
        <v>39</v>
      </c>
      <c r="D689" t="s">
        <v>3727</v>
      </c>
      <c r="E689" t="s">
        <v>200</v>
      </c>
      <c r="L689" t="s">
        <v>52</v>
      </c>
      <c r="M689" s="1">
        <v>0</v>
      </c>
      <c r="N689" s="1">
        <v>0</v>
      </c>
      <c r="O689" t="s">
        <v>3728</v>
      </c>
      <c r="P689" t="s">
        <v>176</v>
      </c>
      <c r="Q689" t="s">
        <v>238</v>
      </c>
      <c r="S689" t="s">
        <v>178</v>
      </c>
      <c r="T689" t="s">
        <v>200</v>
      </c>
      <c r="Y689" t="s">
        <v>224</v>
      </c>
      <c r="AC689" t="s">
        <v>199</v>
      </c>
      <c r="AD689" t="s">
        <v>175</v>
      </c>
      <c r="AE689" t="s">
        <v>175</v>
      </c>
      <c r="AF689" t="s">
        <v>181</v>
      </c>
      <c r="AG689" t="s">
        <v>175</v>
      </c>
      <c r="AH689" t="s">
        <v>175</v>
      </c>
      <c r="AI689" t="s">
        <v>175</v>
      </c>
      <c r="AJ689" t="s">
        <v>175</v>
      </c>
      <c r="AK689" t="s">
        <v>181</v>
      </c>
      <c r="AL689" t="s">
        <v>42</v>
      </c>
      <c r="AM689" t="s">
        <v>184</v>
      </c>
      <c r="AN689" s="1">
        <v>0</v>
      </c>
      <c r="AO689" t="s">
        <v>185</v>
      </c>
      <c r="AP689" s="1">
        <v>0</v>
      </c>
      <c r="AQ689" s="1">
        <v>0</v>
      </c>
      <c r="AR689" s="1">
        <v>0</v>
      </c>
      <c r="AS689" s="1">
        <v>0</v>
      </c>
      <c r="AT689" s="1">
        <v>0</v>
      </c>
      <c r="AU689" s="1">
        <v>0</v>
      </c>
      <c r="AV689" t="s">
        <v>182</v>
      </c>
      <c r="AX689" t="s">
        <v>186</v>
      </c>
      <c r="BA689" t="s">
        <v>188</v>
      </c>
      <c r="BB689" t="s">
        <v>208</v>
      </c>
      <c r="BF689" t="s">
        <v>232</v>
      </c>
      <c r="BG689" t="s">
        <v>301</v>
      </c>
      <c r="BH689" t="s">
        <v>190</v>
      </c>
      <c r="BK689" t="s">
        <v>191</v>
      </c>
      <c r="BL689" t="s">
        <v>4109</v>
      </c>
      <c r="BM689" t="s">
        <v>191</v>
      </c>
      <c r="BO689" t="s">
        <v>191</v>
      </c>
      <c r="BP689" t="s">
        <v>4110</v>
      </c>
    </row>
    <row r="690" spans="1:69" x14ac:dyDescent="0.25">
      <c r="A690" s="1">
        <v>30449509</v>
      </c>
      <c r="B690" t="s">
        <v>530</v>
      </c>
      <c r="C690" t="s">
        <v>39</v>
      </c>
      <c r="D690" t="s">
        <v>174</v>
      </c>
      <c r="E690" t="s">
        <v>195</v>
      </c>
      <c r="L690" t="s">
        <v>52</v>
      </c>
      <c r="M690" s="1">
        <v>0</v>
      </c>
      <c r="N690" s="1">
        <v>0</v>
      </c>
      <c r="O690" t="s">
        <v>174</v>
      </c>
      <c r="P690" t="s">
        <v>176</v>
      </c>
      <c r="Q690" t="s">
        <v>196</v>
      </c>
      <c r="S690" t="s">
        <v>178</v>
      </c>
      <c r="T690" t="s">
        <v>197</v>
      </c>
      <c r="U690" t="s">
        <v>531</v>
      </c>
      <c r="Y690" t="s">
        <v>224</v>
      </c>
      <c r="AC690" t="s">
        <v>266</v>
      </c>
      <c r="AD690" t="s">
        <v>230</v>
      </c>
      <c r="AE690" t="s">
        <v>299</v>
      </c>
      <c r="AF690" t="s">
        <v>299</v>
      </c>
      <c r="AG690" t="s">
        <v>181</v>
      </c>
      <c r="AH690" t="s">
        <v>175</v>
      </c>
      <c r="AI690" t="s">
        <v>175</v>
      </c>
      <c r="AJ690" t="s">
        <v>181</v>
      </c>
      <c r="AK690" t="s">
        <v>175</v>
      </c>
      <c r="AL690" t="s">
        <v>52</v>
      </c>
      <c r="AM690" t="s">
        <v>185</v>
      </c>
      <c r="AN690" s="1">
        <v>0</v>
      </c>
      <c r="AO690" s="1">
        <v>0</v>
      </c>
      <c r="AP690" s="1">
        <v>0</v>
      </c>
      <c r="AQ690" s="1">
        <v>0</v>
      </c>
      <c r="AR690" s="1">
        <v>0</v>
      </c>
      <c r="AS690" s="1">
        <v>0</v>
      </c>
      <c r="AT690" s="1">
        <v>0</v>
      </c>
      <c r="AU690" s="1">
        <v>0</v>
      </c>
      <c r="AV690" s="1">
        <v>0</v>
      </c>
      <c r="AY690" t="s">
        <v>187</v>
      </c>
      <c r="AZ690" t="s">
        <v>207</v>
      </c>
      <c r="BA690" t="s">
        <v>188</v>
      </c>
      <c r="BF690" t="s">
        <v>189</v>
      </c>
      <c r="BG690" s="1">
        <v>0</v>
      </c>
      <c r="BH690" t="s">
        <v>211</v>
      </c>
      <c r="BK690" t="s">
        <v>218</v>
      </c>
      <c r="BL690" t="s">
        <v>532</v>
      </c>
      <c r="BM690" t="s">
        <v>218</v>
      </c>
      <c r="BN690" t="s">
        <v>533</v>
      </c>
      <c r="BO690" t="s">
        <v>218</v>
      </c>
      <c r="BP690" t="s">
        <v>534</v>
      </c>
      <c r="BQ690" t="s">
        <v>535</v>
      </c>
    </row>
    <row r="691" spans="1:69" x14ac:dyDescent="0.25">
      <c r="A691" s="1">
        <v>30449513</v>
      </c>
      <c r="B691" t="s">
        <v>76</v>
      </c>
      <c r="C691" t="s">
        <v>39</v>
      </c>
      <c r="L691" s="1">
        <v>0</v>
      </c>
      <c r="M691" s="1">
        <v>0</v>
      </c>
      <c r="N691" s="1">
        <v>0</v>
      </c>
      <c r="O691" s="1">
        <v>0</v>
      </c>
      <c r="P691" s="1">
        <v>0</v>
      </c>
      <c r="Q691" s="1">
        <v>0</v>
      </c>
      <c r="S691" s="1">
        <v>0</v>
      </c>
      <c r="T691" s="1">
        <v>0</v>
      </c>
      <c r="AC691" s="1">
        <v>0</v>
      </c>
      <c r="AD691" s="1">
        <v>0</v>
      </c>
      <c r="AE691" s="1">
        <v>0</v>
      </c>
      <c r="AF691" s="1">
        <v>0</v>
      </c>
      <c r="AG691" s="1">
        <v>0</v>
      </c>
      <c r="AH691" s="1">
        <v>0</v>
      </c>
      <c r="AI691" s="1">
        <v>0</v>
      </c>
      <c r="AJ691" s="1">
        <v>0</v>
      </c>
      <c r="AK691" s="1">
        <v>0</v>
      </c>
      <c r="AL691" s="1">
        <v>0</v>
      </c>
      <c r="AM691" s="1">
        <v>0</v>
      </c>
      <c r="AN691" s="1">
        <v>0</v>
      </c>
      <c r="AO691" s="1">
        <v>0</v>
      </c>
      <c r="AP691" s="1">
        <v>0</v>
      </c>
      <c r="AQ691" s="1">
        <v>0</v>
      </c>
      <c r="AR691" s="1">
        <v>0</v>
      </c>
      <c r="AS691" s="1">
        <v>0</v>
      </c>
      <c r="AT691" s="1">
        <v>0</v>
      </c>
      <c r="AU691" s="1">
        <v>0</v>
      </c>
      <c r="AV691" s="1">
        <v>0</v>
      </c>
      <c r="BF691" s="1">
        <v>0</v>
      </c>
      <c r="BG691" s="1">
        <v>0</v>
      </c>
      <c r="BH691" s="1">
        <v>0</v>
      </c>
      <c r="BK691" s="1">
        <v>0</v>
      </c>
      <c r="BM691" s="1">
        <v>0</v>
      </c>
      <c r="BO691" s="1">
        <v>0</v>
      </c>
    </row>
    <row r="692" spans="1:69" x14ac:dyDescent="0.25">
      <c r="A692" s="1">
        <v>30449516</v>
      </c>
      <c r="B692" t="s">
        <v>2014</v>
      </c>
      <c r="C692" t="s">
        <v>39</v>
      </c>
      <c r="D692" t="s">
        <v>1616</v>
      </c>
      <c r="E692" t="s">
        <v>175</v>
      </c>
      <c r="L692" t="s">
        <v>52</v>
      </c>
      <c r="M692" s="1">
        <v>0</v>
      </c>
      <c r="N692" s="1">
        <v>0</v>
      </c>
      <c r="O692" t="s">
        <v>1616</v>
      </c>
      <c r="P692" t="s">
        <v>216</v>
      </c>
      <c r="Q692" t="s">
        <v>196</v>
      </c>
      <c r="S692" s="1">
        <v>0</v>
      </c>
      <c r="T692" t="s">
        <v>175</v>
      </c>
      <c r="AC692" t="s">
        <v>199</v>
      </c>
      <c r="AD692" t="s">
        <v>175</v>
      </c>
      <c r="AE692" t="s">
        <v>181</v>
      </c>
      <c r="AF692" t="s">
        <v>230</v>
      </c>
      <c r="AG692" t="s">
        <v>175</v>
      </c>
      <c r="AH692" t="s">
        <v>175</v>
      </c>
      <c r="AI692" t="s">
        <v>175</v>
      </c>
      <c r="AJ692" t="s">
        <v>181</v>
      </c>
      <c r="AK692" t="s">
        <v>181</v>
      </c>
      <c r="AL692" t="s">
        <v>42</v>
      </c>
      <c r="AM692" s="1">
        <v>0</v>
      </c>
      <c r="AN692" s="1">
        <v>0</v>
      </c>
      <c r="AO692" s="1">
        <v>0</v>
      </c>
      <c r="AP692" s="1">
        <v>0</v>
      </c>
      <c r="AQ692" s="1">
        <v>0</v>
      </c>
      <c r="AR692" s="1">
        <v>0</v>
      </c>
      <c r="AS692" s="1">
        <v>0</v>
      </c>
      <c r="AT692" s="1">
        <v>0</v>
      </c>
      <c r="AU692" s="1">
        <v>0</v>
      </c>
      <c r="AV692" s="1">
        <v>0</v>
      </c>
      <c r="BF692" s="1">
        <v>0</v>
      </c>
      <c r="BG692" s="1">
        <v>0</v>
      </c>
      <c r="BH692" s="1">
        <v>0</v>
      </c>
      <c r="BK692" s="1">
        <v>0</v>
      </c>
      <c r="BM692" s="1">
        <v>0</v>
      </c>
      <c r="BO692" s="1">
        <v>0</v>
      </c>
    </row>
    <row r="693" spans="1:69" x14ac:dyDescent="0.25">
      <c r="A693" s="1">
        <v>30449517</v>
      </c>
      <c r="B693" t="s">
        <v>536</v>
      </c>
      <c r="C693" t="s">
        <v>39</v>
      </c>
      <c r="D693" t="s">
        <v>174</v>
      </c>
      <c r="E693" t="s">
        <v>175</v>
      </c>
      <c r="L693" t="s">
        <v>52</v>
      </c>
      <c r="M693" s="1">
        <v>0</v>
      </c>
      <c r="N693" s="1">
        <v>0</v>
      </c>
      <c r="O693" t="s">
        <v>174</v>
      </c>
      <c r="P693" t="s">
        <v>176</v>
      </c>
      <c r="Q693" t="s">
        <v>177</v>
      </c>
      <c r="S693" t="s">
        <v>178</v>
      </c>
      <c r="T693" t="s">
        <v>175</v>
      </c>
      <c r="W693" t="s">
        <v>262</v>
      </c>
      <c r="X693" t="s">
        <v>179</v>
      </c>
      <c r="Z693" t="s">
        <v>244</v>
      </c>
      <c r="AC693" t="s">
        <v>180</v>
      </c>
      <c r="AD693" t="s">
        <v>181</v>
      </c>
      <c r="AE693" t="s">
        <v>230</v>
      </c>
      <c r="AF693" t="s">
        <v>230</v>
      </c>
      <c r="AG693" t="s">
        <v>181</v>
      </c>
      <c r="AH693" t="s">
        <v>181</v>
      </c>
      <c r="AI693" t="s">
        <v>181</v>
      </c>
      <c r="AJ693" t="s">
        <v>181</v>
      </c>
      <c r="AK693" t="s">
        <v>230</v>
      </c>
      <c r="AL693" t="s">
        <v>42</v>
      </c>
      <c r="AM693" t="s">
        <v>182</v>
      </c>
      <c r="AN693" t="s">
        <v>201</v>
      </c>
      <c r="AO693" t="s">
        <v>185</v>
      </c>
      <c r="AP693" t="s">
        <v>184</v>
      </c>
      <c r="AQ693" t="s">
        <v>203</v>
      </c>
      <c r="AR693" t="s">
        <v>202</v>
      </c>
      <c r="AS693" t="s">
        <v>204</v>
      </c>
      <c r="AT693" t="s">
        <v>206</v>
      </c>
      <c r="AU693" t="s">
        <v>205</v>
      </c>
      <c r="AV693" t="s">
        <v>183</v>
      </c>
      <c r="AW693" t="s">
        <v>537</v>
      </c>
      <c r="AX693" t="s">
        <v>186</v>
      </c>
      <c r="AY693" t="s">
        <v>187</v>
      </c>
      <c r="AZ693" t="s">
        <v>207</v>
      </c>
      <c r="BB693" t="s">
        <v>208</v>
      </c>
      <c r="BF693" t="s">
        <v>189</v>
      </c>
      <c r="BG693" s="1">
        <v>0</v>
      </c>
      <c r="BH693" t="s">
        <v>247</v>
      </c>
      <c r="BK693" t="s">
        <v>191</v>
      </c>
      <c r="BL693" t="s">
        <v>538</v>
      </c>
      <c r="BM693" t="s">
        <v>191</v>
      </c>
      <c r="BN693" t="s">
        <v>539</v>
      </c>
      <c r="BO693" t="s">
        <v>191</v>
      </c>
      <c r="BP693" t="s">
        <v>540</v>
      </c>
    </row>
    <row r="694" spans="1:69" x14ac:dyDescent="0.25">
      <c r="A694" s="1">
        <v>30449519</v>
      </c>
      <c r="B694" t="s">
        <v>77</v>
      </c>
      <c r="C694" t="s">
        <v>39</v>
      </c>
      <c r="L694" s="1">
        <v>0</v>
      </c>
      <c r="M694" s="1">
        <v>0</v>
      </c>
      <c r="N694" s="1">
        <v>0</v>
      </c>
      <c r="O694" s="1">
        <v>0</v>
      </c>
      <c r="P694" s="1">
        <v>0</v>
      </c>
      <c r="Q694" s="1">
        <v>0</v>
      </c>
      <c r="S694" s="1">
        <v>0</v>
      </c>
      <c r="T694" s="1">
        <v>0</v>
      </c>
      <c r="AC694" s="1">
        <v>0</v>
      </c>
      <c r="AD694" s="1">
        <v>0</v>
      </c>
      <c r="AE694" s="1">
        <v>0</v>
      </c>
      <c r="AF694" s="1">
        <v>0</v>
      </c>
      <c r="AG694" s="1">
        <v>0</v>
      </c>
      <c r="AH694" s="1">
        <v>0</v>
      </c>
      <c r="AI694" s="1">
        <v>0</v>
      </c>
      <c r="AJ694" s="1">
        <v>0</v>
      </c>
      <c r="AK694" s="1">
        <v>0</v>
      </c>
      <c r="AL694" s="1">
        <v>0</v>
      </c>
      <c r="AM694" s="1">
        <v>0</v>
      </c>
      <c r="AN694" s="1">
        <v>0</v>
      </c>
      <c r="AO694" s="1">
        <v>0</v>
      </c>
      <c r="AP694" s="1">
        <v>0</v>
      </c>
      <c r="AQ694" s="1">
        <v>0</v>
      </c>
      <c r="AR694" s="1">
        <v>0</v>
      </c>
      <c r="AS694" s="1">
        <v>0</v>
      </c>
      <c r="AT694" s="1">
        <v>0</v>
      </c>
      <c r="AU694" s="1">
        <v>0</v>
      </c>
      <c r="AV694" s="1">
        <v>0</v>
      </c>
      <c r="BF694" s="1">
        <v>0</v>
      </c>
      <c r="BG694" s="1">
        <v>0</v>
      </c>
      <c r="BH694" s="1">
        <v>0</v>
      </c>
      <c r="BK694" s="1">
        <v>0</v>
      </c>
      <c r="BM694" s="1">
        <v>0</v>
      </c>
      <c r="BO694" s="1">
        <v>0</v>
      </c>
    </row>
    <row r="695" spans="1:69" x14ac:dyDescent="0.25">
      <c r="A695" s="1">
        <v>30449520</v>
      </c>
      <c r="B695" t="s">
        <v>4111</v>
      </c>
      <c r="C695" t="s">
        <v>39</v>
      </c>
      <c r="D695" t="s">
        <v>3727</v>
      </c>
      <c r="E695" t="s">
        <v>175</v>
      </c>
      <c r="L695" t="s">
        <v>52</v>
      </c>
      <c r="M695" s="1">
        <v>0</v>
      </c>
      <c r="N695" s="1">
        <v>0</v>
      </c>
      <c r="O695" t="s">
        <v>3728</v>
      </c>
      <c r="P695" t="s">
        <v>216</v>
      </c>
      <c r="Q695" t="s">
        <v>322</v>
      </c>
      <c r="S695" s="1">
        <v>0</v>
      </c>
      <c r="T695" t="s">
        <v>175</v>
      </c>
      <c r="W695" t="s">
        <v>262</v>
      </c>
      <c r="X695" t="s">
        <v>179</v>
      </c>
      <c r="AC695" t="s">
        <v>199</v>
      </c>
      <c r="AD695" t="s">
        <v>200</v>
      </c>
      <c r="AE695" t="s">
        <v>175</v>
      </c>
      <c r="AF695" t="s">
        <v>175</v>
      </c>
      <c r="AG695" t="s">
        <v>175</v>
      </c>
      <c r="AH695" t="s">
        <v>175</v>
      </c>
      <c r="AI695" t="s">
        <v>175</v>
      </c>
      <c r="AJ695" t="s">
        <v>175</v>
      </c>
      <c r="AK695" t="s">
        <v>200</v>
      </c>
      <c r="AL695" t="s">
        <v>42</v>
      </c>
      <c r="AM695" t="s">
        <v>204</v>
      </c>
      <c r="AN695" t="s">
        <v>201</v>
      </c>
      <c r="AO695" t="s">
        <v>206</v>
      </c>
      <c r="AP695" t="s">
        <v>184</v>
      </c>
      <c r="AQ695" t="s">
        <v>185</v>
      </c>
      <c r="AR695" t="s">
        <v>203</v>
      </c>
      <c r="AS695" t="s">
        <v>205</v>
      </c>
      <c r="AT695" t="s">
        <v>183</v>
      </c>
      <c r="AU695" t="s">
        <v>182</v>
      </c>
      <c r="AV695" t="s">
        <v>202</v>
      </c>
      <c r="AX695" t="s">
        <v>186</v>
      </c>
      <c r="AY695" t="s">
        <v>187</v>
      </c>
      <c r="AZ695" t="s">
        <v>207</v>
      </c>
      <c r="BA695" t="s">
        <v>188</v>
      </c>
      <c r="BB695" t="s">
        <v>208</v>
      </c>
      <c r="BC695" t="s">
        <v>209</v>
      </c>
      <c r="BF695" t="s">
        <v>189</v>
      </c>
      <c r="BG695" s="1">
        <v>0</v>
      </c>
      <c r="BH695" t="s">
        <v>211</v>
      </c>
      <c r="BK695" t="s">
        <v>191</v>
      </c>
      <c r="BL695" t="s">
        <v>4112</v>
      </c>
      <c r="BM695" t="s">
        <v>191</v>
      </c>
      <c r="BN695" t="s">
        <v>518</v>
      </c>
      <c r="BO695" t="s">
        <v>191</v>
      </c>
      <c r="BP695" t="s">
        <v>4113</v>
      </c>
    </row>
    <row r="696" spans="1:69" x14ac:dyDescent="0.25">
      <c r="A696" s="1">
        <v>30449521</v>
      </c>
      <c r="B696" t="s">
        <v>4114</v>
      </c>
      <c r="C696" t="s">
        <v>39</v>
      </c>
      <c r="D696" t="s">
        <v>3727</v>
      </c>
      <c r="E696" t="s">
        <v>195</v>
      </c>
      <c r="L696" t="s">
        <v>52</v>
      </c>
      <c r="M696" s="1">
        <v>0</v>
      </c>
      <c r="N696" s="1">
        <v>0</v>
      </c>
      <c r="O696" t="s">
        <v>3728</v>
      </c>
      <c r="P696" t="s">
        <v>176</v>
      </c>
      <c r="Q696" t="s">
        <v>196</v>
      </c>
      <c r="S696" t="s">
        <v>222</v>
      </c>
      <c r="T696" t="s">
        <v>197</v>
      </c>
      <c r="U696" t="s">
        <v>4115</v>
      </c>
      <c r="W696" t="s">
        <v>262</v>
      </c>
      <c r="X696" t="s">
        <v>179</v>
      </c>
      <c r="AC696" t="s">
        <v>199</v>
      </c>
      <c r="AD696" t="s">
        <v>175</v>
      </c>
      <c r="AE696" t="s">
        <v>175</v>
      </c>
      <c r="AF696" t="s">
        <v>175</v>
      </c>
      <c r="AG696" t="s">
        <v>175</v>
      </c>
      <c r="AH696" t="s">
        <v>175</v>
      </c>
      <c r="AI696" t="s">
        <v>175</v>
      </c>
      <c r="AJ696" t="s">
        <v>175</v>
      </c>
      <c r="AK696" t="s">
        <v>175</v>
      </c>
      <c r="AL696" t="s">
        <v>42</v>
      </c>
      <c r="AM696" t="s">
        <v>182</v>
      </c>
      <c r="AN696" t="s">
        <v>183</v>
      </c>
      <c r="AO696" t="s">
        <v>205</v>
      </c>
      <c r="AP696" t="s">
        <v>184</v>
      </c>
      <c r="AQ696" t="s">
        <v>202</v>
      </c>
      <c r="AR696" t="s">
        <v>203</v>
      </c>
      <c r="AS696" t="s">
        <v>185</v>
      </c>
      <c r="AT696" t="s">
        <v>201</v>
      </c>
      <c r="AU696" t="s">
        <v>206</v>
      </c>
      <c r="AV696" t="s">
        <v>204</v>
      </c>
      <c r="AW696" t="s">
        <v>4116</v>
      </c>
      <c r="AY696" t="s">
        <v>187</v>
      </c>
      <c r="AZ696" t="s">
        <v>207</v>
      </c>
      <c r="BA696" t="s">
        <v>188</v>
      </c>
      <c r="BC696" t="s">
        <v>209</v>
      </c>
      <c r="BF696" t="s">
        <v>232</v>
      </c>
      <c r="BG696" t="s">
        <v>233</v>
      </c>
      <c r="BH696" t="s">
        <v>302</v>
      </c>
      <c r="BI696" t="s">
        <v>4117</v>
      </c>
      <c r="BK696" t="s">
        <v>191</v>
      </c>
      <c r="BL696" t="s">
        <v>4118</v>
      </c>
      <c r="BM696" t="s">
        <v>191</v>
      </c>
      <c r="BN696" t="s">
        <v>4119</v>
      </c>
      <c r="BO696" t="s">
        <v>191</v>
      </c>
      <c r="BP696" t="s">
        <v>4120</v>
      </c>
      <c r="BQ696" t="s">
        <v>4121</v>
      </c>
    </row>
    <row r="697" spans="1:69" x14ac:dyDescent="0.25">
      <c r="A697" s="1">
        <v>30449522</v>
      </c>
      <c r="B697" t="s">
        <v>2769</v>
      </c>
      <c r="C697" t="s">
        <v>39</v>
      </c>
      <c r="D697" t="s">
        <v>2512</v>
      </c>
      <c r="E697" t="s">
        <v>175</v>
      </c>
      <c r="L697" t="s">
        <v>52</v>
      </c>
      <c r="M697" s="1">
        <v>0</v>
      </c>
      <c r="N697" s="1">
        <v>0</v>
      </c>
      <c r="O697" t="s">
        <v>2512</v>
      </c>
      <c r="P697" t="s">
        <v>216</v>
      </c>
      <c r="Q697" t="s">
        <v>322</v>
      </c>
      <c r="S697" s="1">
        <v>0</v>
      </c>
      <c r="T697" t="s">
        <v>175</v>
      </c>
      <c r="W697" t="s">
        <v>262</v>
      </c>
      <c r="Z697" t="s">
        <v>244</v>
      </c>
      <c r="AC697" t="s">
        <v>180</v>
      </c>
      <c r="AD697" t="s">
        <v>175</v>
      </c>
      <c r="AE697" t="s">
        <v>175</v>
      </c>
      <c r="AF697" t="s">
        <v>175</v>
      </c>
      <c r="AG697" t="s">
        <v>175</v>
      </c>
      <c r="AH697" t="s">
        <v>200</v>
      </c>
      <c r="AI697" t="s">
        <v>200</v>
      </c>
      <c r="AJ697" t="s">
        <v>200</v>
      </c>
      <c r="AK697" t="s">
        <v>175</v>
      </c>
      <c r="AL697" t="s">
        <v>52</v>
      </c>
      <c r="AM697" t="s">
        <v>201</v>
      </c>
      <c r="AN697" t="s">
        <v>205</v>
      </c>
      <c r="AO697" t="s">
        <v>182</v>
      </c>
      <c r="AP697" t="s">
        <v>184</v>
      </c>
      <c r="AQ697" t="s">
        <v>203</v>
      </c>
      <c r="AR697" t="s">
        <v>202</v>
      </c>
      <c r="AS697" t="s">
        <v>185</v>
      </c>
      <c r="AT697" t="s">
        <v>204</v>
      </c>
      <c r="AU697" t="s">
        <v>206</v>
      </c>
      <c r="AV697" t="s">
        <v>183</v>
      </c>
      <c r="AW697" t="s">
        <v>2770</v>
      </c>
      <c r="AZ697" t="s">
        <v>207</v>
      </c>
      <c r="BA697" t="s">
        <v>188</v>
      </c>
      <c r="BC697" t="s">
        <v>209</v>
      </c>
      <c r="BF697" t="s">
        <v>189</v>
      </c>
      <c r="BG697" s="1">
        <v>0</v>
      </c>
      <c r="BH697" t="s">
        <v>464</v>
      </c>
      <c r="BK697" t="s">
        <v>191</v>
      </c>
      <c r="BL697" t="s">
        <v>2771</v>
      </c>
      <c r="BM697" t="s">
        <v>191</v>
      </c>
      <c r="BN697" t="s">
        <v>576</v>
      </c>
      <c r="BO697" t="s">
        <v>191</v>
      </c>
      <c r="BP697" t="s">
        <v>2772</v>
      </c>
      <c r="BQ697" t="s">
        <v>2773</v>
      </c>
    </row>
    <row r="698" spans="1:69" x14ac:dyDescent="0.25">
      <c r="A698" s="1">
        <v>30449523</v>
      </c>
      <c r="B698" t="s">
        <v>4122</v>
      </c>
      <c r="C698" t="s">
        <v>39</v>
      </c>
      <c r="D698" t="s">
        <v>3727</v>
      </c>
      <c r="E698" t="s">
        <v>175</v>
      </c>
      <c r="L698" t="s">
        <v>52</v>
      </c>
      <c r="M698" s="1">
        <v>0</v>
      </c>
      <c r="N698" s="1">
        <v>0</v>
      </c>
      <c r="O698" t="s">
        <v>3728</v>
      </c>
      <c r="P698" t="s">
        <v>176</v>
      </c>
      <c r="Q698" t="s">
        <v>177</v>
      </c>
      <c r="S698" t="s">
        <v>256</v>
      </c>
      <c r="T698" t="s">
        <v>175</v>
      </c>
      <c r="Y698" t="s">
        <v>224</v>
      </c>
      <c r="AC698" t="s">
        <v>180</v>
      </c>
      <c r="AD698" t="s">
        <v>175</v>
      </c>
      <c r="AE698" t="s">
        <v>175</v>
      </c>
      <c r="AF698" t="s">
        <v>181</v>
      </c>
      <c r="AG698" t="s">
        <v>175</v>
      </c>
      <c r="AH698" t="s">
        <v>175</v>
      </c>
      <c r="AI698" t="s">
        <v>181</v>
      </c>
      <c r="AJ698" t="s">
        <v>175</v>
      </c>
      <c r="AK698" t="s">
        <v>175</v>
      </c>
      <c r="AL698" t="s">
        <v>52</v>
      </c>
      <c r="AM698" t="s">
        <v>182</v>
      </c>
      <c r="AN698" t="s">
        <v>206</v>
      </c>
      <c r="AO698" t="s">
        <v>184</v>
      </c>
      <c r="AP698" t="s">
        <v>202</v>
      </c>
      <c r="AQ698" t="s">
        <v>185</v>
      </c>
      <c r="AR698" t="s">
        <v>183</v>
      </c>
      <c r="AS698" t="s">
        <v>203</v>
      </c>
      <c r="AT698" t="s">
        <v>204</v>
      </c>
      <c r="AU698" t="s">
        <v>205</v>
      </c>
      <c r="AV698" t="s">
        <v>201</v>
      </c>
      <c r="AX698" t="s">
        <v>186</v>
      </c>
      <c r="AY698" t="s">
        <v>187</v>
      </c>
      <c r="AZ698" t="s">
        <v>207</v>
      </c>
      <c r="BA698" t="s">
        <v>188</v>
      </c>
      <c r="BF698" t="s">
        <v>232</v>
      </c>
      <c r="BG698" t="s">
        <v>233</v>
      </c>
      <c r="BH698" t="s">
        <v>211</v>
      </c>
      <c r="BK698" s="1">
        <v>0</v>
      </c>
      <c r="BM698" s="1">
        <v>0</v>
      </c>
      <c r="BO698" s="1">
        <v>0</v>
      </c>
    </row>
    <row r="699" spans="1:69" x14ac:dyDescent="0.25">
      <c r="A699" s="1">
        <v>30449525</v>
      </c>
      <c r="B699" t="s">
        <v>2015</v>
      </c>
      <c r="C699" t="s">
        <v>39</v>
      </c>
      <c r="D699" t="s">
        <v>1616</v>
      </c>
      <c r="E699" t="s">
        <v>175</v>
      </c>
      <c r="L699" t="s">
        <v>52</v>
      </c>
      <c r="M699" s="1">
        <v>0</v>
      </c>
      <c r="N699" s="1">
        <v>0</v>
      </c>
      <c r="O699" t="s">
        <v>1616</v>
      </c>
      <c r="P699" t="s">
        <v>176</v>
      </c>
      <c r="Q699" t="s">
        <v>238</v>
      </c>
      <c r="S699" t="s">
        <v>178</v>
      </c>
      <c r="T699" t="s">
        <v>175</v>
      </c>
      <c r="AC699" t="s">
        <v>180</v>
      </c>
      <c r="AD699" t="s">
        <v>175</v>
      </c>
      <c r="AE699" t="s">
        <v>175</v>
      </c>
      <c r="AF699" t="s">
        <v>175</v>
      </c>
      <c r="AG699" t="s">
        <v>175</v>
      </c>
      <c r="AH699" t="s">
        <v>175</v>
      </c>
      <c r="AI699" t="s">
        <v>175</v>
      </c>
      <c r="AJ699" t="s">
        <v>175</v>
      </c>
      <c r="AK699" t="s">
        <v>175</v>
      </c>
      <c r="AL699" t="s">
        <v>42</v>
      </c>
      <c r="AM699" s="1">
        <v>0</v>
      </c>
      <c r="AN699" s="1">
        <v>0</v>
      </c>
      <c r="AO699" s="1">
        <v>0</v>
      </c>
      <c r="AP699" s="1">
        <v>0</v>
      </c>
      <c r="AQ699" s="1">
        <v>0</v>
      </c>
      <c r="AR699" s="1">
        <v>0</v>
      </c>
      <c r="AS699" s="1">
        <v>0</v>
      </c>
      <c r="AT699" s="1">
        <v>0</v>
      </c>
      <c r="AU699" s="1">
        <v>0</v>
      </c>
      <c r="AV699" s="1">
        <v>0</v>
      </c>
      <c r="AY699" t="s">
        <v>187</v>
      </c>
      <c r="AZ699" t="s">
        <v>207</v>
      </c>
      <c r="BA699" t="s">
        <v>188</v>
      </c>
      <c r="BB699" t="s">
        <v>208</v>
      </c>
      <c r="BF699" t="s">
        <v>210</v>
      </c>
      <c r="BG699" s="1">
        <v>0</v>
      </c>
      <c r="BH699" t="s">
        <v>464</v>
      </c>
      <c r="BK699" t="s">
        <v>191</v>
      </c>
      <c r="BL699" t="s">
        <v>2016</v>
      </c>
      <c r="BM699" t="s">
        <v>191</v>
      </c>
      <c r="BO699" t="s">
        <v>191</v>
      </c>
    </row>
    <row r="700" spans="1:69" x14ac:dyDescent="0.25">
      <c r="A700" s="1">
        <v>30449528</v>
      </c>
      <c r="B700" t="s">
        <v>541</v>
      </c>
      <c r="C700" t="s">
        <v>39</v>
      </c>
      <c r="D700" t="s">
        <v>174</v>
      </c>
      <c r="E700" t="s">
        <v>175</v>
      </c>
      <c r="L700" t="s">
        <v>52</v>
      </c>
      <c r="M700" s="1">
        <v>0</v>
      </c>
      <c r="N700" s="1">
        <v>0</v>
      </c>
      <c r="O700" t="s">
        <v>174</v>
      </c>
      <c r="P700" t="s">
        <v>176</v>
      </c>
      <c r="Q700" t="s">
        <v>238</v>
      </c>
      <c r="S700" t="s">
        <v>222</v>
      </c>
      <c r="T700" t="s">
        <v>175</v>
      </c>
      <c r="Y700" t="s">
        <v>224</v>
      </c>
      <c r="AC700" t="s">
        <v>180</v>
      </c>
      <c r="AD700" t="s">
        <v>175</v>
      </c>
      <c r="AE700" t="s">
        <v>175</v>
      </c>
      <c r="AF700" t="s">
        <v>175</v>
      </c>
      <c r="AG700" t="s">
        <v>200</v>
      </c>
      <c r="AH700" t="s">
        <v>175</v>
      </c>
      <c r="AI700" t="s">
        <v>200</v>
      </c>
      <c r="AJ700" t="s">
        <v>175</v>
      </c>
      <c r="AK700" t="s">
        <v>175</v>
      </c>
      <c r="AL700" t="s">
        <v>52</v>
      </c>
      <c r="AM700" t="s">
        <v>206</v>
      </c>
      <c r="AN700" t="s">
        <v>205</v>
      </c>
      <c r="AO700" t="s">
        <v>183</v>
      </c>
      <c r="AP700" t="s">
        <v>182</v>
      </c>
      <c r="AQ700" t="s">
        <v>202</v>
      </c>
      <c r="AR700" t="s">
        <v>203</v>
      </c>
      <c r="AS700" t="s">
        <v>201</v>
      </c>
      <c r="AT700" t="s">
        <v>185</v>
      </c>
      <c r="AU700" t="s">
        <v>184</v>
      </c>
      <c r="AV700" t="s">
        <v>204</v>
      </c>
      <c r="AX700" t="s">
        <v>186</v>
      </c>
      <c r="AZ700" t="s">
        <v>207</v>
      </c>
      <c r="BA700" t="s">
        <v>188</v>
      </c>
      <c r="BC700" t="s">
        <v>209</v>
      </c>
      <c r="BF700" t="s">
        <v>292</v>
      </c>
      <c r="BG700" t="s">
        <v>233</v>
      </c>
      <c r="BH700" t="s">
        <v>211</v>
      </c>
      <c r="BK700" t="s">
        <v>191</v>
      </c>
      <c r="BL700" t="s">
        <v>542</v>
      </c>
      <c r="BM700" t="s">
        <v>191</v>
      </c>
      <c r="BO700" t="s">
        <v>191</v>
      </c>
      <c r="BP700" t="s">
        <v>543</v>
      </c>
    </row>
    <row r="701" spans="1:69" x14ac:dyDescent="0.25">
      <c r="A701" s="1">
        <v>30449531</v>
      </c>
      <c r="B701" t="s">
        <v>2017</v>
      </c>
      <c r="C701" t="s">
        <v>39</v>
      </c>
      <c r="D701" t="s">
        <v>1616</v>
      </c>
      <c r="E701" t="s">
        <v>200</v>
      </c>
      <c r="L701" t="s">
        <v>52</v>
      </c>
      <c r="M701" s="1">
        <v>0</v>
      </c>
      <c r="N701" s="1">
        <v>0</v>
      </c>
      <c r="O701" t="s">
        <v>1616</v>
      </c>
      <c r="P701" t="s">
        <v>176</v>
      </c>
      <c r="Q701" t="s">
        <v>177</v>
      </c>
      <c r="S701" t="s">
        <v>178</v>
      </c>
      <c r="T701" t="s">
        <v>200</v>
      </c>
      <c r="AA701" t="s">
        <v>273</v>
      </c>
      <c r="AB701" t="s">
        <v>2018</v>
      </c>
      <c r="AC701" t="s">
        <v>199</v>
      </c>
      <c r="AD701" t="s">
        <v>299</v>
      </c>
      <c r="AE701" t="s">
        <v>299</v>
      </c>
      <c r="AF701" t="s">
        <v>299</v>
      </c>
      <c r="AG701" t="s">
        <v>299</v>
      </c>
      <c r="AH701" t="s">
        <v>299</v>
      </c>
      <c r="AI701" t="s">
        <v>299</v>
      </c>
      <c r="AJ701" t="s">
        <v>299</v>
      </c>
      <c r="AK701" t="s">
        <v>299</v>
      </c>
      <c r="AL701" t="s">
        <v>42</v>
      </c>
      <c r="AM701" t="s">
        <v>185</v>
      </c>
      <c r="AN701" s="1">
        <v>0</v>
      </c>
      <c r="AO701" t="s">
        <v>184</v>
      </c>
      <c r="AP701" s="1">
        <v>0</v>
      </c>
      <c r="AQ701" s="1">
        <v>0</v>
      </c>
      <c r="AR701" s="1">
        <v>0</v>
      </c>
      <c r="AS701" s="1">
        <v>0</v>
      </c>
      <c r="AT701" t="s">
        <v>182</v>
      </c>
      <c r="AU701" s="1">
        <v>0</v>
      </c>
      <c r="AV701" s="1">
        <v>0</v>
      </c>
      <c r="AX701" t="s">
        <v>186</v>
      </c>
      <c r="BF701" s="1">
        <v>0</v>
      </c>
      <c r="BG701" s="1">
        <v>0</v>
      </c>
      <c r="BH701" t="s">
        <v>464</v>
      </c>
      <c r="BK701" s="1">
        <v>0</v>
      </c>
      <c r="BM701" t="s">
        <v>191</v>
      </c>
      <c r="BO701" t="s">
        <v>191</v>
      </c>
    </row>
    <row r="702" spans="1:69" x14ac:dyDescent="0.25">
      <c r="A702" s="1">
        <v>30449536</v>
      </c>
      <c r="B702" t="s">
        <v>2019</v>
      </c>
      <c r="C702" t="s">
        <v>39</v>
      </c>
      <c r="D702" t="s">
        <v>1616</v>
      </c>
      <c r="E702" t="s">
        <v>216</v>
      </c>
      <c r="L702" t="s">
        <v>52</v>
      </c>
      <c r="M702" s="1">
        <v>0</v>
      </c>
      <c r="N702" s="1">
        <v>0</v>
      </c>
      <c r="O702" t="s">
        <v>1616</v>
      </c>
      <c r="P702" t="s">
        <v>216</v>
      </c>
      <c r="Q702" t="s">
        <v>177</v>
      </c>
      <c r="S702" s="1">
        <v>0</v>
      </c>
      <c r="T702" t="s">
        <v>197</v>
      </c>
      <c r="Y702" t="s">
        <v>224</v>
      </c>
      <c r="AC702" t="s">
        <v>180</v>
      </c>
      <c r="AD702" t="s">
        <v>230</v>
      </c>
      <c r="AE702" t="s">
        <v>181</v>
      </c>
      <c r="AF702" t="s">
        <v>175</v>
      </c>
      <c r="AG702" t="s">
        <v>175</v>
      </c>
      <c r="AH702" t="s">
        <v>200</v>
      </c>
      <c r="AI702" t="s">
        <v>175</v>
      </c>
      <c r="AJ702" t="s">
        <v>175</v>
      </c>
      <c r="AK702" t="s">
        <v>230</v>
      </c>
      <c r="AL702" t="s">
        <v>42</v>
      </c>
      <c r="AM702" t="s">
        <v>183</v>
      </c>
      <c r="AN702" t="s">
        <v>182</v>
      </c>
      <c r="AO702" t="s">
        <v>185</v>
      </c>
      <c r="AP702" t="s">
        <v>184</v>
      </c>
      <c r="AQ702" t="s">
        <v>203</v>
      </c>
      <c r="AR702" t="s">
        <v>204</v>
      </c>
      <c r="AS702" t="s">
        <v>202</v>
      </c>
      <c r="AT702" t="s">
        <v>206</v>
      </c>
      <c r="AU702" t="s">
        <v>201</v>
      </c>
      <c r="AV702" t="s">
        <v>205</v>
      </c>
      <c r="AW702" t="s">
        <v>2020</v>
      </c>
      <c r="AZ702" t="s">
        <v>207</v>
      </c>
      <c r="BF702" t="s">
        <v>292</v>
      </c>
      <c r="BG702" t="s">
        <v>276</v>
      </c>
      <c r="BH702" t="s">
        <v>211</v>
      </c>
      <c r="BK702" t="s">
        <v>191</v>
      </c>
      <c r="BL702" t="s">
        <v>2021</v>
      </c>
      <c r="BM702" t="s">
        <v>191</v>
      </c>
      <c r="BN702" t="s">
        <v>2022</v>
      </c>
      <c r="BO702" t="s">
        <v>191</v>
      </c>
      <c r="BP702" t="s">
        <v>2023</v>
      </c>
    </row>
    <row r="703" spans="1:69" x14ac:dyDescent="0.25">
      <c r="A703" s="1">
        <v>30449538</v>
      </c>
      <c r="B703" t="s">
        <v>2774</v>
      </c>
      <c r="C703" t="s">
        <v>39</v>
      </c>
      <c r="D703" t="s">
        <v>2512</v>
      </c>
      <c r="E703" t="s">
        <v>175</v>
      </c>
      <c r="L703" t="s">
        <v>52</v>
      </c>
      <c r="M703" s="1">
        <v>0</v>
      </c>
      <c r="N703" s="1">
        <v>0</v>
      </c>
      <c r="O703" t="s">
        <v>2512</v>
      </c>
      <c r="P703" t="s">
        <v>176</v>
      </c>
      <c r="Q703" t="s">
        <v>196</v>
      </c>
      <c r="S703" t="s">
        <v>178</v>
      </c>
      <c r="T703" t="s">
        <v>175</v>
      </c>
      <c r="X703" t="s">
        <v>179</v>
      </c>
      <c r="AC703" t="s">
        <v>180</v>
      </c>
      <c r="AD703" t="s">
        <v>175</v>
      </c>
      <c r="AE703" t="s">
        <v>175</v>
      </c>
      <c r="AF703" t="s">
        <v>175</v>
      </c>
      <c r="AG703" t="s">
        <v>175</v>
      </c>
      <c r="AH703" t="s">
        <v>175</v>
      </c>
      <c r="AI703" t="s">
        <v>175</v>
      </c>
      <c r="AJ703" t="s">
        <v>175</v>
      </c>
      <c r="AK703" t="s">
        <v>175</v>
      </c>
      <c r="AL703" t="s">
        <v>42</v>
      </c>
      <c r="AM703" t="s">
        <v>184</v>
      </c>
      <c r="AN703" t="s">
        <v>183</v>
      </c>
      <c r="AO703" t="s">
        <v>185</v>
      </c>
      <c r="AP703" t="s">
        <v>182</v>
      </c>
      <c r="AQ703" t="s">
        <v>202</v>
      </c>
      <c r="AR703" t="s">
        <v>203</v>
      </c>
      <c r="AS703" t="s">
        <v>205</v>
      </c>
      <c r="AT703" t="s">
        <v>201</v>
      </c>
      <c r="AU703" t="s">
        <v>206</v>
      </c>
      <c r="AV703" t="s">
        <v>204</v>
      </c>
      <c r="AY703" t="s">
        <v>187</v>
      </c>
      <c r="BB703" t="s">
        <v>208</v>
      </c>
      <c r="BC703" t="s">
        <v>209</v>
      </c>
      <c r="BF703" t="s">
        <v>49</v>
      </c>
      <c r="BG703" s="1">
        <v>0</v>
      </c>
      <c r="BH703" t="s">
        <v>247</v>
      </c>
      <c r="BK703" t="s">
        <v>191</v>
      </c>
      <c r="BM703" t="s">
        <v>191</v>
      </c>
      <c r="BO703" t="s">
        <v>191</v>
      </c>
    </row>
    <row r="704" spans="1:69" x14ac:dyDescent="0.25">
      <c r="A704" s="1">
        <v>30449551</v>
      </c>
      <c r="B704" t="s">
        <v>3393</v>
      </c>
      <c r="C704" t="s">
        <v>39</v>
      </c>
      <c r="D704" t="s">
        <v>3138</v>
      </c>
      <c r="E704" t="s">
        <v>175</v>
      </c>
      <c r="L704" t="s">
        <v>52</v>
      </c>
      <c r="M704" s="1">
        <v>0</v>
      </c>
      <c r="N704" s="1">
        <v>0</v>
      </c>
      <c r="O704" t="s">
        <v>3139</v>
      </c>
      <c r="P704" t="s">
        <v>216</v>
      </c>
      <c r="Q704" t="s">
        <v>322</v>
      </c>
      <c r="S704" s="1">
        <v>0</v>
      </c>
      <c r="T704" t="s">
        <v>175</v>
      </c>
      <c r="X704" t="s">
        <v>179</v>
      </c>
      <c r="Y704" t="s">
        <v>224</v>
      </c>
      <c r="AC704" t="s">
        <v>180</v>
      </c>
      <c r="AD704" t="s">
        <v>181</v>
      </c>
      <c r="AE704" t="s">
        <v>181</v>
      </c>
      <c r="AF704" t="s">
        <v>181</v>
      </c>
      <c r="AG704" t="s">
        <v>181</v>
      </c>
      <c r="AH704" t="s">
        <v>200</v>
      </c>
      <c r="AI704" t="s">
        <v>181</v>
      </c>
      <c r="AJ704" t="s">
        <v>181</v>
      </c>
      <c r="AK704" t="s">
        <v>175</v>
      </c>
      <c r="AL704" t="s">
        <v>42</v>
      </c>
      <c r="AM704" t="s">
        <v>205</v>
      </c>
      <c r="AN704" t="s">
        <v>182</v>
      </c>
      <c r="AO704" t="s">
        <v>185</v>
      </c>
      <c r="AP704" t="s">
        <v>184</v>
      </c>
      <c r="AQ704" t="s">
        <v>204</v>
      </c>
      <c r="AR704" t="s">
        <v>202</v>
      </c>
      <c r="AS704" t="s">
        <v>206</v>
      </c>
      <c r="AT704" t="s">
        <v>183</v>
      </c>
      <c r="AU704" t="s">
        <v>201</v>
      </c>
      <c r="AV704" t="s">
        <v>203</v>
      </c>
      <c r="AW704" t="s">
        <v>3394</v>
      </c>
      <c r="AX704" t="s">
        <v>186</v>
      </c>
      <c r="AY704" t="s">
        <v>187</v>
      </c>
      <c r="BA704" t="s">
        <v>188</v>
      </c>
      <c r="BC704" t="s">
        <v>209</v>
      </c>
      <c r="BF704" t="s">
        <v>210</v>
      </c>
      <c r="BG704" s="1">
        <v>0</v>
      </c>
      <c r="BH704" t="s">
        <v>211</v>
      </c>
      <c r="BK704" t="s">
        <v>191</v>
      </c>
      <c r="BL704" t="s">
        <v>3395</v>
      </c>
      <c r="BM704" t="s">
        <v>191</v>
      </c>
      <c r="BN704" t="s">
        <v>3396</v>
      </c>
      <c r="BO704" t="s">
        <v>218</v>
      </c>
      <c r="BP704" t="s">
        <v>3397</v>
      </c>
    </row>
    <row r="705" spans="1:69" x14ac:dyDescent="0.25">
      <c r="A705" s="1">
        <v>30449552</v>
      </c>
      <c r="B705" t="s">
        <v>1242</v>
      </c>
      <c r="C705" t="s">
        <v>39</v>
      </c>
      <c r="D705" t="s">
        <v>942</v>
      </c>
      <c r="E705" t="s">
        <v>200</v>
      </c>
      <c r="L705" t="s">
        <v>52</v>
      </c>
      <c r="M705" s="1">
        <v>0</v>
      </c>
      <c r="N705" s="1">
        <v>0</v>
      </c>
      <c r="O705" t="s">
        <v>942</v>
      </c>
      <c r="P705" t="s">
        <v>216</v>
      </c>
      <c r="Q705" t="s">
        <v>258</v>
      </c>
      <c r="S705" s="1">
        <v>0</v>
      </c>
      <c r="T705" t="s">
        <v>200</v>
      </c>
      <c r="Z705" t="s">
        <v>244</v>
      </c>
      <c r="AC705" t="s">
        <v>180</v>
      </c>
      <c r="AD705" t="s">
        <v>200</v>
      </c>
      <c r="AE705" t="s">
        <v>200</v>
      </c>
      <c r="AF705" t="s">
        <v>200</v>
      </c>
      <c r="AG705" t="s">
        <v>200</v>
      </c>
      <c r="AH705" t="s">
        <v>200</v>
      </c>
      <c r="AI705" t="s">
        <v>200</v>
      </c>
      <c r="AJ705" t="s">
        <v>200</v>
      </c>
      <c r="AK705" t="s">
        <v>200</v>
      </c>
      <c r="AL705" t="s">
        <v>42</v>
      </c>
      <c r="AM705" s="1">
        <v>0</v>
      </c>
      <c r="AN705" s="1">
        <v>0</v>
      </c>
      <c r="AO705" s="1">
        <v>0</v>
      </c>
      <c r="AP705" s="1">
        <v>0</v>
      </c>
      <c r="AQ705" s="1">
        <v>0</v>
      </c>
      <c r="AR705" s="1">
        <v>0</v>
      </c>
      <c r="AS705" s="1">
        <v>0</v>
      </c>
      <c r="AT705" s="1">
        <v>0</v>
      </c>
      <c r="AU705" s="1">
        <v>0</v>
      </c>
      <c r="AV705" s="1">
        <v>0</v>
      </c>
      <c r="BC705" t="s">
        <v>209</v>
      </c>
      <c r="BF705" t="s">
        <v>210</v>
      </c>
      <c r="BG705" s="1">
        <v>0</v>
      </c>
      <c r="BH705" t="s">
        <v>211</v>
      </c>
      <c r="BK705" t="s">
        <v>218</v>
      </c>
      <c r="BM705" t="s">
        <v>218</v>
      </c>
      <c r="BO705" t="s">
        <v>218</v>
      </c>
    </row>
    <row r="706" spans="1:69" x14ac:dyDescent="0.25">
      <c r="A706" s="1">
        <v>30449554</v>
      </c>
      <c r="B706" t="s">
        <v>2024</v>
      </c>
      <c r="C706" t="s">
        <v>39</v>
      </c>
      <c r="D706" t="s">
        <v>1616</v>
      </c>
      <c r="E706" t="s">
        <v>195</v>
      </c>
      <c r="L706" t="s">
        <v>52</v>
      </c>
      <c r="M706" s="1">
        <v>0</v>
      </c>
      <c r="N706" s="1">
        <v>0</v>
      </c>
      <c r="O706" t="s">
        <v>1616</v>
      </c>
      <c r="P706" t="s">
        <v>176</v>
      </c>
      <c r="Q706" t="s">
        <v>238</v>
      </c>
      <c r="S706" t="s">
        <v>178</v>
      </c>
      <c r="T706" t="s">
        <v>197</v>
      </c>
      <c r="Y706" t="s">
        <v>224</v>
      </c>
      <c r="AC706" t="s">
        <v>266</v>
      </c>
      <c r="AD706" t="s">
        <v>181</v>
      </c>
      <c r="AE706" t="s">
        <v>175</v>
      </c>
      <c r="AF706" t="s">
        <v>181</v>
      </c>
      <c r="AG706" t="s">
        <v>181</v>
      </c>
      <c r="AH706" t="s">
        <v>181</v>
      </c>
      <c r="AI706" t="s">
        <v>230</v>
      </c>
      <c r="AJ706" t="s">
        <v>181</v>
      </c>
      <c r="AK706" t="s">
        <v>175</v>
      </c>
      <c r="AL706" t="s">
        <v>42</v>
      </c>
      <c r="AM706" t="s">
        <v>185</v>
      </c>
      <c r="AN706" s="1">
        <v>0</v>
      </c>
      <c r="AO706" s="1">
        <v>0</v>
      </c>
      <c r="AP706" s="1">
        <v>0</v>
      </c>
      <c r="AQ706" t="s">
        <v>184</v>
      </c>
      <c r="AR706" s="1">
        <v>0</v>
      </c>
      <c r="AS706" s="1">
        <v>0</v>
      </c>
      <c r="AT706" s="1">
        <v>0</v>
      </c>
      <c r="AU706" s="1">
        <v>0</v>
      </c>
      <c r="AV706" t="s">
        <v>182</v>
      </c>
      <c r="BA706" t="s">
        <v>188</v>
      </c>
      <c r="BF706" t="s">
        <v>292</v>
      </c>
      <c r="BG706" t="s">
        <v>315</v>
      </c>
      <c r="BH706" t="s">
        <v>190</v>
      </c>
      <c r="BK706" s="1">
        <v>0</v>
      </c>
      <c r="BM706" s="1">
        <v>0</v>
      </c>
      <c r="BO706" s="1">
        <v>0</v>
      </c>
    </row>
    <row r="707" spans="1:69" x14ac:dyDescent="0.25">
      <c r="A707" s="1">
        <v>30449555</v>
      </c>
      <c r="B707" t="s">
        <v>4123</v>
      </c>
      <c r="C707" t="s">
        <v>39</v>
      </c>
      <c r="D707" t="s">
        <v>3727</v>
      </c>
      <c r="E707" t="s">
        <v>200</v>
      </c>
      <c r="L707" t="s">
        <v>52</v>
      </c>
      <c r="M707" s="1">
        <v>0</v>
      </c>
      <c r="N707" s="1">
        <v>0</v>
      </c>
      <c r="O707" t="s">
        <v>3728</v>
      </c>
      <c r="P707" t="s">
        <v>176</v>
      </c>
      <c r="Q707" t="s">
        <v>177</v>
      </c>
      <c r="S707" t="s">
        <v>222</v>
      </c>
      <c r="T707" t="s">
        <v>200</v>
      </c>
      <c r="X707" t="s">
        <v>179</v>
      </c>
      <c r="AC707" t="s">
        <v>180</v>
      </c>
      <c r="AD707" t="s">
        <v>175</v>
      </c>
      <c r="AE707" t="s">
        <v>181</v>
      </c>
      <c r="AF707" t="s">
        <v>181</v>
      </c>
      <c r="AG707" t="s">
        <v>181</v>
      </c>
      <c r="AH707" t="s">
        <v>181</v>
      </c>
      <c r="AI707" t="s">
        <v>181</v>
      </c>
      <c r="AJ707" t="s">
        <v>181</v>
      </c>
      <c r="AK707" t="s">
        <v>181</v>
      </c>
      <c r="AL707" t="s">
        <v>42</v>
      </c>
      <c r="AM707" t="s">
        <v>183</v>
      </c>
      <c r="AN707" t="s">
        <v>201</v>
      </c>
      <c r="AO707" t="s">
        <v>182</v>
      </c>
      <c r="AP707" t="s">
        <v>185</v>
      </c>
      <c r="AQ707" t="s">
        <v>204</v>
      </c>
      <c r="AR707" t="s">
        <v>202</v>
      </c>
      <c r="AS707" t="s">
        <v>203</v>
      </c>
      <c r="AT707" t="s">
        <v>206</v>
      </c>
      <c r="AU707" t="s">
        <v>205</v>
      </c>
      <c r="AV707" t="s">
        <v>184</v>
      </c>
      <c r="AX707" t="s">
        <v>186</v>
      </c>
      <c r="AY707" t="s">
        <v>187</v>
      </c>
      <c r="AZ707" t="s">
        <v>207</v>
      </c>
      <c r="BA707" t="s">
        <v>188</v>
      </c>
      <c r="BC707" t="s">
        <v>209</v>
      </c>
      <c r="BF707" t="s">
        <v>49</v>
      </c>
      <c r="BG707" s="1">
        <v>0</v>
      </c>
      <c r="BH707" t="s">
        <v>464</v>
      </c>
      <c r="BK707" t="s">
        <v>191</v>
      </c>
      <c r="BM707" t="s">
        <v>191</v>
      </c>
      <c r="BO707" t="s">
        <v>218</v>
      </c>
    </row>
    <row r="708" spans="1:69" x14ac:dyDescent="0.25">
      <c r="A708" s="1">
        <v>30449557</v>
      </c>
      <c r="B708" t="s">
        <v>1243</v>
      </c>
      <c r="C708" t="s">
        <v>39</v>
      </c>
      <c r="D708" t="s">
        <v>942</v>
      </c>
      <c r="E708" t="s">
        <v>200</v>
      </c>
      <c r="L708" t="s">
        <v>52</v>
      </c>
      <c r="M708" s="1">
        <v>0</v>
      </c>
      <c r="N708" s="1">
        <v>0</v>
      </c>
      <c r="O708" t="s">
        <v>942</v>
      </c>
      <c r="P708" t="s">
        <v>176</v>
      </c>
      <c r="Q708" t="s">
        <v>196</v>
      </c>
      <c r="S708" t="s">
        <v>178</v>
      </c>
      <c r="T708" t="s">
        <v>200</v>
      </c>
      <c r="Y708" t="s">
        <v>224</v>
      </c>
      <c r="AC708" t="s">
        <v>180</v>
      </c>
      <c r="AD708" t="s">
        <v>200</v>
      </c>
      <c r="AE708" t="s">
        <v>200</v>
      </c>
      <c r="AF708" t="s">
        <v>200</v>
      </c>
      <c r="AG708" t="s">
        <v>200</v>
      </c>
      <c r="AH708" t="s">
        <v>200</v>
      </c>
      <c r="AI708" t="s">
        <v>200</v>
      </c>
      <c r="AJ708" t="s">
        <v>200</v>
      </c>
      <c r="AK708" t="s">
        <v>200</v>
      </c>
      <c r="AL708" t="s">
        <v>52</v>
      </c>
      <c r="AM708" t="s">
        <v>201</v>
      </c>
      <c r="AN708" t="s">
        <v>183</v>
      </c>
      <c r="AO708" t="s">
        <v>184</v>
      </c>
      <c r="AP708" t="s">
        <v>182</v>
      </c>
      <c r="AQ708" t="s">
        <v>203</v>
      </c>
      <c r="AR708" t="s">
        <v>185</v>
      </c>
      <c r="AS708" t="s">
        <v>205</v>
      </c>
      <c r="AT708" t="s">
        <v>204</v>
      </c>
      <c r="AU708" t="s">
        <v>202</v>
      </c>
      <c r="AV708" t="s">
        <v>206</v>
      </c>
      <c r="AZ708" t="s">
        <v>207</v>
      </c>
      <c r="BB708" t="s">
        <v>208</v>
      </c>
      <c r="BF708" t="s">
        <v>210</v>
      </c>
      <c r="BG708" s="1">
        <v>0</v>
      </c>
      <c r="BH708" t="s">
        <v>464</v>
      </c>
      <c r="BK708" t="s">
        <v>191</v>
      </c>
      <c r="BL708" t="s">
        <v>1244</v>
      </c>
      <c r="BM708" t="s">
        <v>218</v>
      </c>
      <c r="BN708" t="s">
        <v>1245</v>
      </c>
      <c r="BO708" t="s">
        <v>218</v>
      </c>
      <c r="BP708" t="s">
        <v>576</v>
      </c>
    </row>
    <row r="709" spans="1:69" x14ac:dyDescent="0.25">
      <c r="A709" s="1">
        <v>30449558</v>
      </c>
      <c r="B709" t="s">
        <v>544</v>
      </c>
      <c r="C709" t="s">
        <v>39</v>
      </c>
      <c r="D709" t="s">
        <v>174</v>
      </c>
      <c r="E709" t="s">
        <v>195</v>
      </c>
      <c r="L709" t="s">
        <v>52</v>
      </c>
      <c r="M709" s="1">
        <v>0</v>
      </c>
      <c r="N709" s="1">
        <v>0</v>
      </c>
      <c r="O709" t="s">
        <v>174</v>
      </c>
      <c r="P709" t="s">
        <v>176</v>
      </c>
      <c r="Q709" t="s">
        <v>196</v>
      </c>
      <c r="S709" t="s">
        <v>178</v>
      </c>
      <c r="T709" t="s">
        <v>197</v>
      </c>
      <c r="X709" t="s">
        <v>179</v>
      </c>
      <c r="Y709" t="s">
        <v>224</v>
      </c>
      <c r="AC709" t="s">
        <v>199</v>
      </c>
      <c r="AD709" t="s">
        <v>230</v>
      </c>
      <c r="AE709" t="s">
        <v>230</v>
      </c>
      <c r="AF709" t="s">
        <v>230</v>
      </c>
      <c r="AG709" t="s">
        <v>230</v>
      </c>
      <c r="AH709" t="s">
        <v>181</v>
      </c>
      <c r="AI709" t="s">
        <v>181</v>
      </c>
      <c r="AJ709" t="s">
        <v>181</v>
      </c>
      <c r="AK709" t="s">
        <v>230</v>
      </c>
      <c r="AL709" t="s">
        <v>52</v>
      </c>
      <c r="AM709" t="s">
        <v>203</v>
      </c>
      <c r="AN709" t="s">
        <v>204</v>
      </c>
      <c r="AO709" t="s">
        <v>185</v>
      </c>
      <c r="AP709" t="s">
        <v>205</v>
      </c>
      <c r="AQ709" t="s">
        <v>201</v>
      </c>
      <c r="AR709" t="s">
        <v>206</v>
      </c>
      <c r="AS709" t="s">
        <v>183</v>
      </c>
      <c r="AT709" t="s">
        <v>184</v>
      </c>
      <c r="AU709" t="s">
        <v>202</v>
      </c>
      <c r="AV709" t="s">
        <v>182</v>
      </c>
      <c r="AX709" t="s">
        <v>186</v>
      </c>
      <c r="BF709" t="s">
        <v>49</v>
      </c>
      <c r="BG709" s="1">
        <v>0</v>
      </c>
      <c r="BH709" t="s">
        <v>211</v>
      </c>
      <c r="BK709" t="s">
        <v>191</v>
      </c>
      <c r="BM709" t="s">
        <v>218</v>
      </c>
      <c r="BO709" t="s">
        <v>191</v>
      </c>
    </row>
    <row r="710" spans="1:69" x14ac:dyDescent="0.25">
      <c r="A710" s="1">
        <v>30449560</v>
      </c>
      <c r="B710" t="s">
        <v>4124</v>
      </c>
      <c r="C710" t="s">
        <v>39</v>
      </c>
      <c r="D710" t="s">
        <v>3727</v>
      </c>
      <c r="E710" t="s">
        <v>200</v>
      </c>
      <c r="L710" t="s">
        <v>52</v>
      </c>
      <c r="M710" s="1">
        <v>0</v>
      </c>
      <c r="N710" s="1">
        <v>0</v>
      </c>
      <c r="O710" t="s">
        <v>3728</v>
      </c>
      <c r="P710" t="s">
        <v>176</v>
      </c>
      <c r="Q710" t="s">
        <v>273</v>
      </c>
      <c r="R710" t="s">
        <v>4125</v>
      </c>
      <c r="S710" t="s">
        <v>178</v>
      </c>
      <c r="T710" t="s">
        <v>200</v>
      </c>
      <c r="AA710" t="s">
        <v>273</v>
      </c>
      <c r="AB710" t="s">
        <v>4126</v>
      </c>
      <c r="AC710" t="s">
        <v>180</v>
      </c>
      <c r="AD710" t="s">
        <v>200</v>
      </c>
      <c r="AE710" t="s">
        <v>200</v>
      </c>
      <c r="AF710" t="s">
        <v>200</v>
      </c>
      <c r="AG710" t="s">
        <v>200</v>
      </c>
      <c r="AH710" t="s">
        <v>200</v>
      </c>
      <c r="AI710" t="s">
        <v>200</v>
      </c>
      <c r="AJ710" t="s">
        <v>200</v>
      </c>
      <c r="AK710" t="s">
        <v>200</v>
      </c>
      <c r="AL710" t="s">
        <v>52</v>
      </c>
      <c r="AM710" t="s">
        <v>202</v>
      </c>
      <c r="AN710" t="s">
        <v>185</v>
      </c>
      <c r="AO710" t="s">
        <v>183</v>
      </c>
      <c r="AP710" t="s">
        <v>201</v>
      </c>
      <c r="AQ710" t="s">
        <v>206</v>
      </c>
      <c r="AR710" t="s">
        <v>205</v>
      </c>
      <c r="AS710" t="s">
        <v>203</v>
      </c>
      <c r="AT710" t="s">
        <v>184</v>
      </c>
      <c r="AU710" t="s">
        <v>182</v>
      </c>
      <c r="AV710" t="s">
        <v>204</v>
      </c>
      <c r="AW710" t="s">
        <v>225</v>
      </c>
      <c r="AX710" t="s">
        <v>186</v>
      </c>
      <c r="BA710" t="s">
        <v>188</v>
      </c>
      <c r="BC710" t="s">
        <v>209</v>
      </c>
      <c r="BF710" t="s">
        <v>210</v>
      </c>
      <c r="BG710" s="1">
        <v>0</v>
      </c>
      <c r="BH710" t="s">
        <v>190</v>
      </c>
      <c r="BK710" t="s">
        <v>191</v>
      </c>
      <c r="BL710" t="s">
        <v>4127</v>
      </c>
      <c r="BM710" t="s">
        <v>191</v>
      </c>
      <c r="BN710" t="s">
        <v>1085</v>
      </c>
      <c r="BO710" t="s">
        <v>218</v>
      </c>
      <c r="BP710" t="s">
        <v>4128</v>
      </c>
      <c r="BQ710" t="s">
        <v>4129</v>
      </c>
    </row>
    <row r="711" spans="1:69" x14ac:dyDescent="0.25">
      <c r="A711" s="1">
        <v>30449563</v>
      </c>
      <c r="B711" t="s">
        <v>1246</v>
      </c>
      <c r="C711" t="s">
        <v>39</v>
      </c>
      <c r="D711" t="s">
        <v>942</v>
      </c>
      <c r="E711" t="s">
        <v>175</v>
      </c>
      <c r="L711" t="s">
        <v>52</v>
      </c>
      <c r="M711" s="1">
        <v>0</v>
      </c>
      <c r="N711" s="1">
        <v>0</v>
      </c>
      <c r="O711" t="s">
        <v>942</v>
      </c>
      <c r="P711" t="s">
        <v>176</v>
      </c>
      <c r="Q711" t="s">
        <v>177</v>
      </c>
      <c r="S711" t="s">
        <v>178</v>
      </c>
      <c r="T711" t="s">
        <v>175</v>
      </c>
      <c r="Y711" t="s">
        <v>224</v>
      </c>
      <c r="AC711" t="s">
        <v>199</v>
      </c>
      <c r="AD711" t="s">
        <v>175</v>
      </c>
      <c r="AE711" t="s">
        <v>181</v>
      </c>
      <c r="AF711" t="s">
        <v>175</v>
      </c>
      <c r="AG711" t="s">
        <v>200</v>
      </c>
      <c r="AH711" t="s">
        <v>200</v>
      </c>
      <c r="AI711" t="s">
        <v>175</v>
      </c>
      <c r="AJ711" t="s">
        <v>175</v>
      </c>
      <c r="AK711" t="s">
        <v>175</v>
      </c>
      <c r="AL711" t="s">
        <v>52</v>
      </c>
      <c r="AM711" t="s">
        <v>206</v>
      </c>
      <c r="AN711" t="s">
        <v>204</v>
      </c>
      <c r="AO711" t="s">
        <v>183</v>
      </c>
      <c r="AP711" t="s">
        <v>201</v>
      </c>
      <c r="AQ711" t="s">
        <v>182</v>
      </c>
      <c r="AR711" t="s">
        <v>185</v>
      </c>
      <c r="AS711" t="s">
        <v>184</v>
      </c>
      <c r="AT711" t="s">
        <v>202</v>
      </c>
      <c r="AU711" t="s">
        <v>205</v>
      </c>
      <c r="AV711" t="s">
        <v>203</v>
      </c>
      <c r="BA711" t="s">
        <v>188</v>
      </c>
      <c r="BF711" t="s">
        <v>292</v>
      </c>
      <c r="BG711" t="s">
        <v>301</v>
      </c>
      <c r="BH711" t="s">
        <v>190</v>
      </c>
      <c r="BK711" t="s">
        <v>191</v>
      </c>
      <c r="BL711" t="s">
        <v>518</v>
      </c>
      <c r="BM711" t="s">
        <v>218</v>
      </c>
      <c r="BN711" t="s">
        <v>1247</v>
      </c>
      <c r="BO711" t="s">
        <v>191</v>
      </c>
      <c r="BP711" t="s">
        <v>1248</v>
      </c>
    </row>
    <row r="712" spans="1:69" x14ac:dyDescent="0.25">
      <c r="A712" s="1">
        <v>30449566</v>
      </c>
      <c r="B712" t="s">
        <v>2025</v>
      </c>
      <c r="C712" t="s">
        <v>39</v>
      </c>
      <c r="D712" t="s">
        <v>1616</v>
      </c>
      <c r="E712" t="s">
        <v>200</v>
      </c>
      <c r="L712" t="s">
        <v>52</v>
      </c>
      <c r="M712" s="1">
        <v>0</v>
      </c>
      <c r="N712" s="1">
        <v>0</v>
      </c>
      <c r="O712" t="s">
        <v>1616</v>
      </c>
      <c r="P712" t="s">
        <v>176</v>
      </c>
      <c r="Q712" t="s">
        <v>177</v>
      </c>
      <c r="S712" t="s">
        <v>178</v>
      </c>
      <c r="T712" t="s">
        <v>200</v>
      </c>
      <c r="Z712" t="s">
        <v>244</v>
      </c>
      <c r="AC712" t="s">
        <v>266</v>
      </c>
      <c r="AD712" t="s">
        <v>181</v>
      </c>
      <c r="AE712" t="s">
        <v>175</v>
      </c>
      <c r="AF712" t="s">
        <v>175</v>
      </c>
      <c r="AG712" s="1">
        <v>0</v>
      </c>
      <c r="AH712" t="s">
        <v>175</v>
      </c>
      <c r="AI712" t="s">
        <v>175</v>
      </c>
      <c r="AJ712" t="s">
        <v>175</v>
      </c>
      <c r="AK712" t="s">
        <v>175</v>
      </c>
      <c r="AL712" t="s">
        <v>42</v>
      </c>
      <c r="AM712" s="1">
        <v>0</v>
      </c>
      <c r="AN712" s="1">
        <v>0</v>
      </c>
      <c r="AO712" s="1">
        <v>0</v>
      </c>
      <c r="AP712" s="1">
        <v>0</v>
      </c>
      <c r="AQ712" s="1">
        <v>0</v>
      </c>
      <c r="AR712" s="1">
        <v>0</v>
      </c>
      <c r="AS712" s="1">
        <v>0</v>
      </c>
      <c r="AT712" s="1">
        <v>0</v>
      </c>
      <c r="AU712" s="1">
        <v>0</v>
      </c>
      <c r="AV712" s="1">
        <v>0</v>
      </c>
      <c r="BF712" s="1">
        <v>0</v>
      </c>
      <c r="BG712" s="1">
        <v>0</v>
      </c>
      <c r="BH712" s="1">
        <v>0</v>
      </c>
      <c r="BK712" s="1">
        <v>0</v>
      </c>
      <c r="BM712" s="1">
        <v>0</v>
      </c>
      <c r="BO712" s="1">
        <v>0</v>
      </c>
    </row>
    <row r="713" spans="1:69" x14ac:dyDescent="0.25">
      <c r="A713" s="1">
        <v>30449567</v>
      </c>
      <c r="B713" t="s">
        <v>2775</v>
      </c>
      <c r="C713" t="s">
        <v>39</v>
      </c>
      <c r="D713" t="s">
        <v>2512</v>
      </c>
      <c r="E713" t="s">
        <v>175</v>
      </c>
      <c r="L713" t="s">
        <v>52</v>
      </c>
      <c r="M713" s="1">
        <v>0</v>
      </c>
      <c r="N713" s="1">
        <v>0</v>
      </c>
      <c r="O713" t="s">
        <v>2512</v>
      </c>
      <c r="P713" t="s">
        <v>216</v>
      </c>
      <c r="Q713" t="s">
        <v>196</v>
      </c>
      <c r="S713" s="1">
        <v>0</v>
      </c>
      <c r="T713" t="s">
        <v>175</v>
      </c>
      <c r="X713" t="s">
        <v>179</v>
      </c>
      <c r="AC713" t="s">
        <v>180</v>
      </c>
      <c r="AD713" t="s">
        <v>230</v>
      </c>
      <c r="AE713" t="s">
        <v>181</v>
      </c>
      <c r="AF713" t="s">
        <v>230</v>
      </c>
      <c r="AG713" t="s">
        <v>175</v>
      </c>
      <c r="AH713" t="s">
        <v>200</v>
      </c>
      <c r="AI713" t="s">
        <v>200</v>
      </c>
      <c r="AJ713" t="s">
        <v>200</v>
      </c>
      <c r="AK713" t="s">
        <v>230</v>
      </c>
      <c r="AL713" t="s">
        <v>52</v>
      </c>
      <c r="AM713" t="s">
        <v>205</v>
      </c>
      <c r="AN713" t="s">
        <v>182</v>
      </c>
      <c r="AO713" t="s">
        <v>183</v>
      </c>
      <c r="AP713" t="s">
        <v>201</v>
      </c>
      <c r="AQ713" t="s">
        <v>203</v>
      </c>
      <c r="AR713" t="s">
        <v>202</v>
      </c>
      <c r="AS713" t="s">
        <v>206</v>
      </c>
      <c r="AT713" t="s">
        <v>184</v>
      </c>
      <c r="AU713" t="s">
        <v>185</v>
      </c>
      <c r="AV713" t="s">
        <v>204</v>
      </c>
      <c r="AW713" t="s">
        <v>2776</v>
      </c>
      <c r="AY713" t="s">
        <v>187</v>
      </c>
      <c r="AZ713" t="s">
        <v>207</v>
      </c>
      <c r="BA713" t="s">
        <v>188</v>
      </c>
      <c r="BC713" t="s">
        <v>209</v>
      </c>
      <c r="BF713" t="s">
        <v>49</v>
      </c>
      <c r="BG713" s="1">
        <v>0</v>
      </c>
      <c r="BH713" t="s">
        <v>211</v>
      </c>
      <c r="BK713" t="s">
        <v>191</v>
      </c>
      <c r="BL713" t="s">
        <v>2777</v>
      </c>
      <c r="BM713" t="s">
        <v>191</v>
      </c>
      <c r="BN713" t="s">
        <v>2778</v>
      </c>
      <c r="BO713" t="s">
        <v>191</v>
      </c>
      <c r="BP713" t="s">
        <v>2779</v>
      </c>
    </row>
    <row r="714" spans="1:69" x14ac:dyDescent="0.25">
      <c r="A714" s="1">
        <v>30449572</v>
      </c>
      <c r="B714" t="s">
        <v>545</v>
      </c>
      <c r="C714" t="s">
        <v>39</v>
      </c>
      <c r="D714" t="s">
        <v>174</v>
      </c>
      <c r="E714" t="s">
        <v>175</v>
      </c>
      <c r="L714" t="s">
        <v>52</v>
      </c>
      <c r="M714" s="1">
        <v>0</v>
      </c>
      <c r="N714" s="1">
        <v>0</v>
      </c>
      <c r="O714" t="s">
        <v>174</v>
      </c>
      <c r="P714" t="s">
        <v>176</v>
      </c>
      <c r="Q714" t="s">
        <v>196</v>
      </c>
      <c r="S714" t="s">
        <v>222</v>
      </c>
      <c r="T714" t="s">
        <v>175</v>
      </c>
      <c r="W714" t="s">
        <v>262</v>
      </c>
      <c r="X714" t="s">
        <v>179</v>
      </c>
      <c r="Y714" t="s">
        <v>224</v>
      </c>
      <c r="AC714" t="s">
        <v>199</v>
      </c>
      <c r="AD714" t="s">
        <v>175</v>
      </c>
      <c r="AE714" t="s">
        <v>175</v>
      </c>
      <c r="AF714" t="s">
        <v>181</v>
      </c>
      <c r="AG714" t="s">
        <v>181</v>
      </c>
      <c r="AH714" t="s">
        <v>200</v>
      </c>
      <c r="AI714" t="s">
        <v>175</v>
      </c>
      <c r="AJ714" t="s">
        <v>181</v>
      </c>
      <c r="AK714" t="s">
        <v>175</v>
      </c>
      <c r="AL714" t="s">
        <v>52</v>
      </c>
      <c r="AM714" t="s">
        <v>184</v>
      </c>
      <c r="AN714" t="s">
        <v>203</v>
      </c>
      <c r="AO714" t="s">
        <v>185</v>
      </c>
      <c r="AP714" t="s">
        <v>206</v>
      </c>
      <c r="AQ714" t="s">
        <v>183</v>
      </c>
      <c r="AR714" t="s">
        <v>201</v>
      </c>
      <c r="AS714" t="s">
        <v>205</v>
      </c>
      <c r="AT714" t="s">
        <v>202</v>
      </c>
      <c r="AU714" t="s">
        <v>204</v>
      </c>
      <c r="AV714" t="s">
        <v>182</v>
      </c>
      <c r="AX714" t="s">
        <v>186</v>
      </c>
      <c r="AY714" t="s">
        <v>187</v>
      </c>
      <c r="AZ714" t="s">
        <v>207</v>
      </c>
      <c r="BA714" t="s">
        <v>188</v>
      </c>
      <c r="BB714" t="s">
        <v>208</v>
      </c>
      <c r="BC714" t="s">
        <v>209</v>
      </c>
      <c r="BF714" t="s">
        <v>232</v>
      </c>
      <c r="BG714" t="s">
        <v>233</v>
      </c>
      <c r="BH714" t="s">
        <v>211</v>
      </c>
      <c r="BK714" t="s">
        <v>191</v>
      </c>
      <c r="BL714" t="s">
        <v>546</v>
      </c>
      <c r="BM714" t="s">
        <v>191</v>
      </c>
      <c r="BN714" t="s">
        <v>547</v>
      </c>
      <c r="BO714" t="s">
        <v>191</v>
      </c>
      <c r="BP714" t="s">
        <v>548</v>
      </c>
    </row>
    <row r="715" spans="1:69" x14ac:dyDescent="0.25">
      <c r="A715" s="1">
        <v>30449573</v>
      </c>
      <c r="B715" t="s">
        <v>2780</v>
      </c>
      <c r="C715" t="s">
        <v>39</v>
      </c>
      <c r="D715" t="s">
        <v>2512</v>
      </c>
      <c r="E715" t="s">
        <v>195</v>
      </c>
      <c r="L715" t="s">
        <v>52</v>
      </c>
      <c r="M715" s="1">
        <v>0</v>
      </c>
      <c r="N715" s="1">
        <v>0</v>
      </c>
      <c r="O715" t="s">
        <v>2512</v>
      </c>
      <c r="P715" t="s">
        <v>176</v>
      </c>
      <c r="Q715" t="s">
        <v>196</v>
      </c>
      <c r="S715" t="s">
        <v>178</v>
      </c>
      <c r="T715" s="1">
        <v>0</v>
      </c>
      <c r="AA715" t="s">
        <v>273</v>
      </c>
      <c r="AB715" t="s">
        <v>2781</v>
      </c>
      <c r="AC715" t="s">
        <v>199</v>
      </c>
      <c r="AD715" t="s">
        <v>175</v>
      </c>
      <c r="AE715" t="s">
        <v>181</v>
      </c>
      <c r="AF715" t="s">
        <v>230</v>
      </c>
      <c r="AG715" t="s">
        <v>230</v>
      </c>
      <c r="AH715" t="s">
        <v>175</v>
      </c>
      <c r="AI715" t="s">
        <v>175</v>
      </c>
      <c r="AJ715" t="s">
        <v>230</v>
      </c>
      <c r="AK715" t="s">
        <v>181</v>
      </c>
      <c r="AL715" t="s">
        <v>42</v>
      </c>
      <c r="AM715" t="s">
        <v>201</v>
      </c>
      <c r="AN715" t="s">
        <v>206</v>
      </c>
      <c r="AO715" t="s">
        <v>182</v>
      </c>
      <c r="AP715" t="s">
        <v>184</v>
      </c>
      <c r="AQ715" t="s">
        <v>185</v>
      </c>
      <c r="AR715" t="s">
        <v>203</v>
      </c>
      <c r="AS715" t="s">
        <v>202</v>
      </c>
      <c r="AT715" t="s">
        <v>205</v>
      </c>
      <c r="AU715" t="s">
        <v>204</v>
      </c>
      <c r="AV715" t="s">
        <v>183</v>
      </c>
      <c r="AW715" t="s">
        <v>2782</v>
      </c>
      <c r="AX715" t="s">
        <v>186</v>
      </c>
      <c r="AY715" t="s">
        <v>187</v>
      </c>
      <c r="AZ715" t="s">
        <v>207</v>
      </c>
      <c r="BF715" t="s">
        <v>189</v>
      </c>
      <c r="BG715" s="1">
        <v>0</v>
      </c>
      <c r="BH715" t="s">
        <v>302</v>
      </c>
      <c r="BI715" t="s">
        <v>2783</v>
      </c>
      <c r="BK715" t="s">
        <v>191</v>
      </c>
      <c r="BL715" t="s">
        <v>2784</v>
      </c>
      <c r="BM715" t="s">
        <v>191</v>
      </c>
      <c r="BN715" t="s">
        <v>367</v>
      </c>
      <c r="BO715" t="s">
        <v>218</v>
      </c>
      <c r="BP715" t="s">
        <v>1264</v>
      </c>
    </row>
    <row r="716" spans="1:69" x14ac:dyDescent="0.25">
      <c r="A716" s="1">
        <v>30449577</v>
      </c>
      <c r="B716" t="s">
        <v>1249</v>
      </c>
      <c r="C716" t="s">
        <v>39</v>
      </c>
      <c r="D716" t="s">
        <v>942</v>
      </c>
      <c r="E716" t="s">
        <v>195</v>
      </c>
      <c r="L716" t="s">
        <v>52</v>
      </c>
      <c r="M716" s="1">
        <v>0</v>
      </c>
      <c r="N716" s="1">
        <v>0</v>
      </c>
      <c r="O716" t="s">
        <v>942</v>
      </c>
      <c r="P716" t="s">
        <v>176</v>
      </c>
      <c r="Q716" t="s">
        <v>238</v>
      </c>
      <c r="S716" t="s">
        <v>178</v>
      </c>
      <c r="T716" t="s">
        <v>197</v>
      </c>
      <c r="U716" t="s">
        <v>1250</v>
      </c>
      <c r="W716" t="s">
        <v>262</v>
      </c>
      <c r="X716" t="s">
        <v>179</v>
      </c>
      <c r="Y716" t="s">
        <v>224</v>
      </c>
      <c r="AC716" t="s">
        <v>199</v>
      </c>
      <c r="AD716" t="s">
        <v>175</v>
      </c>
      <c r="AE716" t="s">
        <v>181</v>
      </c>
      <c r="AF716" t="s">
        <v>181</v>
      </c>
      <c r="AG716" t="s">
        <v>299</v>
      </c>
      <c r="AH716" t="s">
        <v>200</v>
      </c>
      <c r="AI716" t="s">
        <v>175</v>
      </c>
      <c r="AJ716" t="s">
        <v>175</v>
      </c>
      <c r="AK716" t="s">
        <v>181</v>
      </c>
      <c r="AL716" t="s">
        <v>42</v>
      </c>
      <c r="AM716" t="s">
        <v>185</v>
      </c>
      <c r="AN716" s="1">
        <v>0</v>
      </c>
      <c r="AO716" s="1">
        <v>0</v>
      </c>
      <c r="AP716" t="s">
        <v>183</v>
      </c>
      <c r="AQ716" t="s">
        <v>184</v>
      </c>
      <c r="AR716" s="1">
        <v>0</v>
      </c>
      <c r="AS716" s="1">
        <v>0</v>
      </c>
      <c r="AT716" s="1">
        <v>0</v>
      </c>
      <c r="AU716" s="1">
        <v>0</v>
      </c>
      <c r="AV716" t="s">
        <v>182</v>
      </c>
      <c r="AX716" t="s">
        <v>186</v>
      </c>
      <c r="AY716" t="s">
        <v>187</v>
      </c>
      <c r="AZ716" t="s">
        <v>207</v>
      </c>
      <c r="BA716" t="s">
        <v>188</v>
      </c>
      <c r="BB716" t="s">
        <v>208</v>
      </c>
      <c r="BC716" t="s">
        <v>209</v>
      </c>
      <c r="BF716" t="s">
        <v>49</v>
      </c>
      <c r="BG716" s="1">
        <v>0</v>
      </c>
      <c r="BH716" t="s">
        <v>211</v>
      </c>
      <c r="BK716" t="s">
        <v>191</v>
      </c>
      <c r="BM716" t="s">
        <v>191</v>
      </c>
      <c r="BO716" t="s">
        <v>191</v>
      </c>
    </row>
    <row r="717" spans="1:69" x14ac:dyDescent="0.25">
      <c r="A717" s="1">
        <v>30449579</v>
      </c>
      <c r="B717" t="s">
        <v>549</v>
      </c>
      <c r="C717" t="s">
        <v>39</v>
      </c>
      <c r="D717" t="s">
        <v>174</v>
      </c>
      <c r="E717" t="s">
        <v>200</v>
      </c>
      <c r="L717" t="s">
        <v>52</v>
      </c>
      <c r="M717" s="1">
        <v>0</v>
      </c>
      <c r="N717" s="1">
        <v>0</v>
      </c>
      <c r="O717" t="s">
        <v>174</v>
      </c>
      <c r="P717" t="s">
        <v>176</v>
      </c>
      <c r="Q717" t="s">
        <v>238</v>
      </c>
      <c r="S717" t="s">
        <v>178</v>
      </c>
      <c r="T717" t="s">
        <v>200</v>
      </c>
      <c r="AC717" t="s">
        <v>180</v>
      </c>
      <c r="AD717" t="s">
        <v>200</v>
      </c>
      <c r="AE717" t="s">
        <v>200</v>
      </c>
      <c r="AF717" t="s">
        <v>200</v>
      </c>
      <c r="AG717" t="s">
        <v>200</v>
      </c>
      <c r="AH717" t="s">
        <v>200</v>
      </c>
      <c r="AI717" t="s">
        <v>200</v>
      </c>
      <c r="AJ717" t="s">
        <v>200</v>
      </c>
      <c r="AK717" t="s">
        <v>200</v>
      </c>
      <c r="AL717" t="s">
        <v>52</v>
      </c>
      <c r="AM717" t="s">
        <v>204</v>
      </c>
      <c r="AN717" t="s">
        <v>185</v>
      </c>
      <c r="AO717" t="s">
        <v>183</v>
      </c>
      <c r="AP717" t="s">
        <v>206</v>
      </c>
      <c r="AQ717" t="s">
        <v>202</v>
      </c>
      <c r="AR717" t="s">
        <v>203</v>
      </c>
      <c r="AS717" t="s">
        <v>201</v>
      </c>
      <c r="AT717" t="s">
        <v>184</v>
      </c>
      <c r="AU717" t="s">
        <v>182</v>
      </c>
      <c r="AV717" t="s">
        <v>205</v>
      </c>
      <c r="AW717" t="s">
        <v>550</v>
      </c>
      <c r="AX717" t="s">
        <v>186</v>
      </c>
      <c r="AY717" t="s">
        <v>187</v>
      </c>
      <c r="AZ717" t="s">
        <v>207</v>
      </c>
      <c r="BC717" t="s">
        <v>209</v>
      </c>
      <c r="BF717" t="s">
        <v>210</v>
      </c>
      <c r="BG717" s="1">
        <v>0</v>
      </c>
      <c r="BH717" t="s">
        <v>211</v>
      </c>
      <c r="BK717" t="s">
        <v>191</v>
      </c>
      <c r="BL717" t="s">
        <v>551</v>
      </c>
      <c r="BM717" t="s">
        <v>191</v>
      </c>
      <c r="BN717" t="s">
        <v>512</v>
      </c>
      <c r="BO717" t="s">
        <v>218</v>
      </c>
      <c r="BP717" t="s">
        <v>552</v>
      </c>
    </row>
    <row r="718" spans="1:69" x14ac:dyDescent="0.25">
      <c r="A718" s="1">
        <v>30449580</v>
      </c>
      <c r="B718" t="s">
        <v>4130</v>
      </c>
      <c r="C718" t="s">
        <v>39</v>
      </c>
      <c r="D718" t="s">
        <v>3727</v>
      </c>
      <c r="E718" t="s">
        <v>175</v>
      </c>
      <c r="L718" t="s">
        <v>52</v>
      </c>
      <c r="M718" s="1">
        <v>0</v>
      </c>
      <c r="N718" s="1">
        <v>0</v>
      </c>
      <c r="O718" t="s">
        <v>3728</v>
      </c>
      <c r="P718" t="s">
        <v>176</v>
      </c>
      <c r="Q718" t="s">
        <v>328</v>
      </c>
      <c r="S718" t="s">
        <v>178</v>
      </c>
      <c r="T718" t="s">
        <v>175</v>
      </c>
      <c r="X718" t="s">
        <v>179</v>
      </c>
      <c r="AC718" t="s">
        <v>199</v>
      </c>
      <c r="AD718" t="s">
        <v>175</v>
      </c>
      <c r="AE718" t="s">
        <v>175</v>
      </c>
      <c r="AF718" t="s">
        <v>175</v>
      </c>
      <c r="AG718" t="s">
        <v>175</v>
      </c>
      <c r="AH718" t="s">
        <v>175</v>
      </c>
      <c r="AI718" s="1">
        <v>0</v>
      </c>
      <c r="AJ718" t="s">
        <v>175</v>
      </c>
      <c r="AK718" t="s">
        <v>175</v>
      </c>
      <c r="AL718" t="s">
        <v>42</v>
      </c>
      <c r="AM718" t="s">
        <v>205</v>
      </c>
      <c r="AN718" t="s">
        <v>183</v>
      </c>
      <c r="AO718" t="s">
        <v>204</v>
      </c>
      <c r="AP718" t="s">
        <v>182</v>
      </c>
      <c r="AQ718" t="s">
        <v>184</v>
      </c>
      <c r="AR718" t="s">
        <v>185</v>
      </c>
      <c r="AS718" t="s">
        <v>202</v>
      </c>
      <c r="AT718" t="s">
        <v>203</v>
      </c>
      <c r="AU718" t="s">
        <v>201</v>
      </c>
      <c r="AV718" t="s">
        <v>206</v>
      </c>
      <c r="AX718" t="s">
        <v>186</v>
      </c>
      <c r="AY718" t="s">
        <v>187</v>
      </c>
      <c r="AZ718" t="s">
        <v>207</v>
      </c>
      <c r="BA718" t="s">
        <v>188</v>
      </c>
      <c r="BB718" t="s">
        <v>208</v>
      </c>
      <c r="BC718" t="s">
        <v>209</v>
      </c>
      <c r="BF718" t="s">
        <v>189</v>
      </c>
      <c r="BG718" s="1">
        <v>0</v>
      </c>
      <c r="BH718" t="s">
        <v>211</v>
      </c>
      <c r="BK718" t="s">
        <v>191</v>
      </c>
      <c r="BM718" s="1">
        <v>0</v>
      </c>
      <c r="BO718" s="1">
        <v>0</v>
      </c>
    </row>
    <row r="719" spans="1:69" x14ac:dyDescent="0.25">
      <c r="A719" s="1">
        <v>30449582</v>
      </c>
      <c r="B719" t="s">
        <v>4131</v>
      </c>
      <c r="C719" t="s">
        <v>39</v>
      </c>
      <c r="D719" t="s">
        <v>3727</v>
      </c>
      <c r="E719" t="s">
        <v>175</v>
      </c>
      <c r="L719" t="s">
        <v>52</v>
      </c>
      <c r="M719" s="1">
        <v>0</v>
      </c>
      <c r="N719" s="1">
        <v>0</v>
      </c>
      <c r="O719" t="s">
        <v>3728</v>
      </c>
      <c r="P719" t="s">
        <v>176</v>
      </c>
      <c r="Q719" t="s">
        <v>238</v>
      </c>
      <c r="S719" t="s">
        <v>178</v>
      </c>
      <c r="T719" t="s">
        <v>175</v>
      </c>
      <c r="Y719" t="s">
        <v>224</v>
      </c>
      <c r="AC719" t="s">
        <v>180</v>
      </c>
      <c r="AD719" t="s">
        <v>175</v>
      </c>
      <c r="AE719" t="s">
        <v>175</v>
      </c>
      <c r="AF719" t="s">
        <v>175</v>
      </c>
      <c r="AG719" t="s">
        <v>175</v>
      </c>
      <c r="AH719" t="s">
        <v>175</v>
      </c>
      <c r="AI719" t="s">
        <v>175</v>
      </c>
      <c r="AJ719" t="s">
        <v>175</v>
      </c>
      <c r="AK719" t="s">
        <v>175</v>
      </c>
      <c r="AL719" t="s">
        <v>52</v>
      </c>
      <c r="AM719" t="s">
        <v>205</v>
      </c>
      <c r="AN719" t="s">
        <v>184</v>
      </c>
      <c r="AO719" t="s">
        <v>185</v>
      </c>
      <c r="AP719" t="s">
        <v>201</v>
      </c>
      <c r="AQ719" t="s">
        <v>206</v>
      </c>
      <c r="AR719" t="s">
        <v>202</v>
      </c>
      <c r="AS719" t="s">
        <v>204</v>
      </c>
      <c r="AT719" t="s">
        <v>182</v>
      </c>
      <c r="AU719" t="s">
        <v>183</v>
      </c>
      <c r="AV719" t="s">
        <v>203</v>
      </c>
      <c r="AZ719" t="s">
        <v>207</v>
      </c>
      <c r="BA719" t="s">
        <v>188</v>
      </c>
      <c r="BC719" t="s">
        <v>209</v>
      </c>
      <c r="BF719" t="s">
        <v>232</v>
      </c>
      <c r="BG719" t="s">
        <v>301</v>
      </c>
      <c r="BH719" t="s">
        <v>211</v>
      </c>
      <c r="BK719" t="s">
        <v>191</v>
      </c>
      <c r="BL719" t="s">
        <v>4132</v>
      </c>
      <c r="BM719" t="s">
        <v>191</v>
      </c>
      <c r="BN719" t="s">
        <v>4133</v>
      </c>
      <c r="BO719" t="s">
        <v>191</v>
      </c>
    </row>
    <row r="720" spans="1:69" x14ac:dyDescent="0.25">
      <c r="A720" s="1">
        <v>30449588</v>
      </c>
      <c r="B720" t="s">
        <v>2785</v>
      </c>
      <c r="C720" t="s">
        <v>39</v>
      </c>
      <c r="D720" t="s">
        <v>2512</v>
      </c>
      <c r="E720" t="s">
        <v>200</v>
      </c>
      <c r="L720" t="s">
        <v>52</v>
      </c>
      <c r="M720" s="1">
        <v>0</v>
      </c>
      <c r="N720" s="1">
        <v>0</v>
      </c>
      <c r="O720" t="s">
        <v>2512</v>
      </c>
      <c r="P720" t="s">
        <v>176</v>
      </c>
      <c r="Q720" t="s">
        <v>177</v>
      </c>
      <c r="S720" t="s">
        <v>315</v>
      </c>
      <c r="T720" t="s">
        <v>200</v>
      </c>
      <c r="X720" t="s">
        <v>179</v>
      </c>
      <c r="AC720" t="s">
        <v>180</v>
      </c>
      <c r="AD720" s="1">
        <v>0</v>
      </c>
      <c r="AE720" s="1">
        <v>0</v>
      </c>
      <c r="AF720" s="1">
        <v>0</v>
      </c>
      <c r="AG720" s="1">
        <v>0</v>
      </c>
      <c r="AH720" s="1">
        <v>0</v>
      </c>
      <c r="AI720" s="1">
        <v>0</v>
      </c>
      <c r="AJ720" s="1">
        <v>0</v>
      </c>
      <c r="AK720" s="1">
        <v>0</v>
      </c>
      <c r="AL720" s="1">
        <v>0</v>
      </c>
      <c r="AM720" s="1">
        <v>0</v>
      </c>
      <c r="AN720" s="1">
        <v>0</v>
      </c>
      <c r="AO720" s="1">
        <v>0</v>
      </c>
      <c r="AP720" s="1">
        <v>0</v>
      </c>
      <c r="AQ720" s="1">
        <v>0</v>
      </c>
      <c r="AR720" s="1">
        <v>0</v>
      </c>
      <c r="AS720" s="1">
        <v>0</v>
      </c>
      <c r="AT720" s="1">
        <v>0</v>
      </c>
      <c r="AU720" s="1">
        <v>0</v>
      </c>
      <c r="AV720" s="1">
        <v>0</v>
      </c>
      <c r="BF720" s="1">
        <v>0</v>
      </c>
      <c r="BG720" s="1">
        <v>0</v>
      </c>
      <c r="BH720" s="1">
        <v>0</v>
      </c>
      <c r="BK720" s="1">
        <v>0</v>
      </c>
      <c r="BM720" s="1">
        <v>0</v>
      </c>
      <c r="BO720" s="1">
        <v>0</v>
      </c>
    </row>
    <row r="721" spans="1:69" x14ac:dyDescent="0.25">
      <c r="A721" s="1">
        <v>30449590</v>
      </c>
      <c r="B721" t="s">
        <v>2786</v>
      </c>
      <c r="C721" t="s">
        <v>39</v>
      </c>
      <c r="D721" t="s">
        <v>2512</v>
      </c>
      <c r="E721" t="s">
        <v>200</v>
      </c>
      <c r="L721" t="s">
        <v>52</v>
      </c>
      <c r="M721" s="1">
        <v>0</v>
      </c>
      <c r="N721" s="1">
        <v>0</v>
      </c>
      <c r="O721" t="s">
        <v>2512</v>
      </c>
      <c r="P721" t="s">
        <v>216</v>
      </c>
      <c r="Q721" t="s">
        <v>177</v>
      </c>
      <c r="S721" s="1">
        <v>0</v>
      </c>
      <c r="T721" t="s">
        <v>200</v>
      </c>
      <c r="Y721" t="s">
        <v>224</v>
      </c>
      <c r="AC721" t="s">
        <v>266</v>
      </c>
      <c r="AD721" t="s">
        <v>175</v>
      </c>
      <c r="AE721" t="s">
        <v>175</v>
      </c>
      <c r="AF721" t="s">
        <v>175</v>
      </c>
      <c r="AG721" t="s">
        <v>175</v>
      </c>
      <c r="AH721" t="s">
        <v>175</v>
      </c>
      <c r="AI721" t="s">
        <v>175</v>
      </c>
      <c r="AJ721" t="s">
        <v>175</v>
      </c>
      <c r="AK721" t="s">
        <v>175</v>
      </c>
      <c r="AL721" t="s">
        <v>42</v>
      </c>
      <c r="AM721" t="s">
        <v>206</v>
      </c>
      <c r="AN721" t="s">
        <v>201</v>
      </c>
      <c r="AO721" t="s">
        <v>184</v>
      </c>
      <c r="AP721" t="s">
        <v>185</v>
      </c>
      <c r="AQ721" t="s">
        <v>202</v>
      </c>
      <c r="AR721" t="s">
        <v>204</v>
      </c>
      <c r="AS721" t="s">
        <v>203</v>
      </c>
      <c r="AT721" t="s">
        <v>183</v>
      </c>
      <c r="AU721" t="s">
        <v>182</v>
      </c>
      <c r="AV721" t="s">
        <v>205</v>
      </c>
      <c r="AZ721" t="s">
        <v>207</v>
      </c>
      <c r="BF721" t="s">
        <v>210</v>
      </c>
      <c r="BG721" s="1">
        <v>0</v>
      </c>
      <c r="BH721" t="s">
        <v>211</v>
      </c>
      <c r="BK721" t="s">
        <v>191</v>
      </c>
      <c r="BM721" t="s">
        <v>191</v>
      </c>
      <c r="BO721" t="s">
        <v>218</v>
      </c>
    </row>
    <row r="722" spans="1:69" x14ac:dyDescent="0.25">
      <c r="A722" s="1">
        <v>30449591</v>
      </c>
      <c r="B722" t="s">
        <v>2026</v>
      </c>
      <c r="C722" t="s">
        <v>39</v>
      </c>
      <c r="D722" t="s">
        <v>1616</v>
      </c>
      <c r="E722" t="s">
        <v>200</v>
      </c>
      <c r="L722" t="s">
        <v>52</v>
      </c>
      <c r="M722" s="1">
        <v>0</v>
      </c>
      <c r="N722" s="1">
        <v>0</v>
      </c>
      <c r="O722" t="s">
        <v>1616</v>
      </c>
      <c r="P722" t="s">
        <v>176</v>
      </c>
      <c r="Q722" t="s">
        <v>196</v>
      </c>
      <c r="S722" t="s">
        <v>178</v>
      </c>
      <c r="T722" t="s">
        <v>200</v>
      </c>
      <c r="Y722" t="s">
        <v>224</v>
      </c>
      <c r="AC722" t="s">
        <v>225</v>
      </c>
      <c r="AD722" t="s">
        <v>299</v>
      </c>
      <c r="AE722" t="s">
        <v>299</v>
      </c>
      <c r="AF722" t="s">
        <v>299</v>
      </c>
      <c r="AG722" t="s">
        <v>299</v>
      </c>
      <c r="AH722" t="s">
        <v>299</v>
      </c>
      <c r="AI722" t="s">
        <v>299</v>
      </c>
      <c r="AJ722" s="1">
        <v>0</v>
      </c>
      <c r="AK722" t="s">
        <v>299</v>
      </c>
      <c r="AL722" t="s">
        <v>42</v>
      </c>
      <c r="AM722" t="s">
        <v>184</v>
      </c>
      <c r="AN722" s="1">
        <v>0</v>
      </c>
      <c r="AO722" t="s">
        <v>185</v>
      </c>
      <c r="AP722" s="1">
        <v>0</v>
      </c>
      <c r="AQ722" s="1">
        <v>0</v>
      </c>
      <c r="AR722" s="1">
        <v>0</v>
      </c>
      <c r="AS722" s="1">
        <v>0</v>
      </c>
      <c r="AT722" s="1">
        <v>0</v>
      </c>
      <c r="AU722" s="1">
        <v>0</v>
      </c>
      <c r="AV722" s="1">
        <v>0</v>
      </c>
      <c r="AY722" t="s">
        <v>187</v>
      </c>
      <c r="AZ722" t="s">
        <v>207</v>
      </c>
      <c r="BF722" t="s">
        <v>210</v>
      </c>
      <c r="BG722" s="1">
        <v>0</v>
      </c>
      <c r="BH722" t="s">
        <v>247</v>
      </c>
      <c r="BK722" t="s">
        <v>191</v>
      </c>
      <c r="BL722" t="s">
        <v>2027</v>
      </c>
      <c r="BM722" t="s">
        <v>191</v>
      </c>
      <c r="BN722" t="s">
        <v>2028</v>
      </c>
      <c r="BO722" t="s">
        <v>218</v>
      </c>
      <c r="BP722" t="s">
        <v>2029</v>
      </c>
    </row>
    <row r="723" spans="1:69" x14ac:dyDescent="0.25">
      <c r="A723" s="1">
        <v>30449594</v>
      </c>
      <c r="B723" t="s">
        <v>2787</v>
      </c>
      <c r="C723" t="s">
        <v>39</v>
      </c>
      <c r="D723" t="s">
        <v>2512</v>
      </c>
      <c r="E723" t="s">
        <v>200</v>
      </c>
      <c r="L723" t="s">
        <v>52</v>
      </c>
      <c r="M723" s="1">
        <v>0</v>
      </c>
      <c r="N723" s="1">
        <v>0</v>
      </c>
      <c r="O723" t="s">
        <v>2512</v>
      </c>
      <c r="P723" t="s">
        <v>216</v>
      </c>
      <c r="Q723" t="s">
        <v>322</v>
      </c>
      <c r="S723" s="1">
        <v>0</v>
      </c>
      <c r="T723" t="s">
        <v>200</v>
      </c>
      <c r="AA723" t="s">
        <v>273</v>
      </c>
      <c r="AB723" t="s">
        <v>1121</v>
      </c>
      <c r="AC723" t="s">
        <v>180</v>
      </c>
      <c r="AD723" t="s">
        <v>200</v>
      </c>
      <c r="AE723" t="s">
        <v>175</v>
      </c>
      <c r="AF723" t="s">
        <v>175</v>
      </c>
      <c r="AG723" t="s">
        <v>200</v>
      </c>
      <c r="AH723" t="s">
        <v>200</v>
      </c>
      <c r="AI723" t="s">
        <v>200</v>
      </c>
      <c r="AJ723" t="s">
        <v>200</v>
      </c>
      <c r="AK723" t="s">
        <v>175</v>
      </c>
      <c r="AL723" t="s">
        <v>42</v>
      </c>
      <c r="AM723" t="s">
        <v>183</v>
      </c>
      <c r="AN723" t="s">
        <v>184</v>
      </c>
      <c r="AO723" t="s">
        <v>206</v>
      </c>
      <c r="AP723" t="s">
        <v>201</v>
      </c>
      <c r="AQ723" t="s">
        <v>204</v>
      </c>
      <c r="AR723" t="s">
        <v>203</v>
      </c>
      <c r="AS723" t="s">
        <v>202</v>
      </c>
      <c r="AT723" t="s">
        <v>185</v>
      </c>
      <c r="AU723" t="s">
        <v>182</v>
      </c>
      <c r="AV723" t="s">
        <v>205</v>
      </c>
      <c r="AX723" t="s">
        <v>186</v>
      </c>
      <c r="AY723" t="s">
        <v>187</v>
      </c>
      <c r="AZ723" t="s">
        <v>207</v>
      </c>
      <c r="BA723" t="s">
        <v>188</v>
      </c>
      <c r="BB723" t="s">
        <v>208</v>
      </c>
      <c r="BF723" t="s">
        <v>210</v>
      </c>
      <c r="BG723" s="1">
        <v>0</v>
      </c>
      <c r="BH723" t="s">
        <v>211</v>
      </c>
      <c r="BK723" t="s">
        <v>191</v>
      </c>
      <c r="BL723" t="s">
        <v>2788</v>
      </c>
      <c r="BM723" t="s">
        <v>191</v>
      </c>
      <c r="BN723" t="s">
        <v>2789</v>
      </c>
      <c r="BO723" t="s">
        <v>218</v>
      </c>
      <c r="BP723" t="s">
        <v>1085</v>
      </c>
    </row>
    <row r="724" spans="1:69" x14ac:dyDescent="0.25">
      <c r="A724" s="1">
        <v>30449601</v>
      </c>
      <c r="B724" t="s">
        <v>2790</v>
      </c>
      <c r="C724" t="s">
        <v>39</v>
      </c>
      <c r="D724" t="s">
        <v>2512</v>
      </c>
      <c r="E724" t="s">
        <v>200</v>
      </c>
      <c r="L724" t="s">
        <v>52</v>
      </c>
      <c r="M724" s="1">
        <v>0</v>
      </c>
      <c r="N724" s="1">
        <v>0</v>
      </c>
      <c r="O724" t="s">
        <v>2512</v>
      </c>
      <c r="P724" t="s">
        <v>216</v>
      </c>
      <c r="Q724" t="s">
        <v>238</v>
      </c>
      <c r="S724" s="1">
        <v>0</v>
      </c>
      <c r="T724" t="s">
        <v>200</v>
      </c>
      <c r="Y724" t="s">
        <v>224</v>
      </c>
      <c r="AC724" t="s">
        <v>180</v>
      </c>
      <c r="AD724" t="s">
        <v>175</v>
      </c>
      <c r="AE724" t="s">
        <v>200</v>
      </c>
      <c r="AF724" t="s">
        <v>175</v>
      </c>
      <c r="AG724" t="s">
        <v>181</v>
      </c>
      <c r="AH724" t="s">
        <v>200</v>
      </c>
      <c r="AI724" t="s">
        <v>200</v>
      </c>
      <c r="AJ724" t="s">
        <v>175</v>
      </c>
      <c r="AK724" t="s">
        <v>175</v>
      </c>
      <c r="AL724" t="s">
        <v>42</v>
      </c>
      <c r="AM724" s="1">
        <v>0</v>
      </c>
      <c r="AN724" s="1">
        <v>0</v>
      </c>
      <c r="AO724" s="1">
        <v>0</v>
      </c>
      <c r="AP724" s="1">
        <v>0</v>
      </c>
      <c r="AQ724" t="s">
        <v>184</v>
      </c>
      <c r="AR724" t="s">
        <v>185</v>
      </c>
      <c r="AS724" s="1">
        <v>0</v>
      </c>
      <c r="AT724" s="1">
        <v>0</v>
      </c>
      <c r="AU724" s="1">
        <v>0</v>
      </c>
      <c r="AV724" s="1">
        <v>0</v>
      </c>
      <c r="AX724" t="s">
        <v>186</v>
      </c>
      <c r="BC724" t="s">
        <v>209</v>
      </c>
      <c r="BF724" t="s">
        <v>210</v>
      </c>
      <c r="BG724" s="1">
        <v>0</v>
      </c>
      <c r="BH724" t="s">
        <v>464</v>
      </c>
      <c r="BK724" t="s">
        <v>191</v>
      </c>
      <c r="BM724" t="s">
        <v>218</v>
      </c>
      <c r="BO724" t="s">
        <v>218</v>
      </c>
    </row>
    <row r="725" spans="1:69" x14ac:dyDescent="0.25">
      <c r="A725" s="1">
        <v>30449602</v>
      </c>
      <c r="B725" t="s">
        <v>3398</v>
      </c>
      <c r="C725" t="s">
        <v>39</v>
      </c>
      <c r="D725" t="s">
        <v>3138</v>
      </c>
      <c r="E725" t="s">
        <v>175</v>
      </c>
      <c r="L725" t="s">
        <v>52</v>
      </c>
      <c r="M725" s="1">
        <v>0</v>
      </c>
      <c r="N725" s="1">
        <v>0</v>
      </c>
      <c r="O725" t="s">
        <v>3139</v>
      </c>
      <c r="P725" t="s">
        <v>176</v>
      </c>
      <c r="Q725" t="s">
        <v>177</v>
      </c>
      <c r="S725" t="s">
        <v>222</v>
      </c>
      <c r="T725" t="s">
        <v>175</v>
      </c>
      <c r="Y725" t="s">
        <v>224</v>
      </c>
      <c r="AC725" t="s">
        <v>180</v>
      </c>
      <c r="AD725" t="s">
        <v>175</v>
      </c>
      <c r="AE725" t="s">
        <v>175</v>
      </c>
      <c r="AF725" t="s">
        <v>175</v>
      </c>
      <c r="AG725" t="s">
        <v>175</v>
      </c>
      <c r="AH725" t="s">
        <v>175</v>
      </c>
      <c r="AI725" t="s">
        <v>175</v>
      </c>
      <c r="AJ725" t="s">
        <v>175</v>
      </c>
      <c r="AK725" t="s">
        <v>175</v>
      </c>
      <c r="AL725" t="s">
        <v>52</v>
      </c>
      <c r="AM725" t="s">
        <v>201</v>
      </c>
      <c r="AN725" t="s">
        <v>184</v>
      </c>
      <c r="AO725" t="s">
        <v>183</v>
      </c>
      <c r="AP725" t="s">
        <v>206</v>
      </c>
      <c r="AQ725" t="s">
        <v>202</v>
      </c>
      <c r="AR725" t="s">
        <v>203</v>
      </c>
      <c r="AS725" t="s">
        <v>182</v>
      </c>
      <c r="AT725" t="s">
        <v>185</v>
      </c>
      <c r="AU725" t="s">
        <v>204</v>
      </c>
      <c r="AV725" t="s">
        <v>205</v>
      </c>
      <c r="AX725" t="s">
        <v>186</v>
      </c>
      <c r="AY725" t="s">
        <v>187</v>
      </c>
      <c r="BA725" t="s">
        <v>188</v>
      </c>
      <c r="BF725" t="s">
        <v>210</v>
      </c>
      <c r="BG725" s="1">
        <v>0</v>
      </c>
      <c r="BH725" t="s">
        <v>211</v>
      </c>
      <c r="BK725" t="s">
        <v>191</v>
      </c>
      <c r="BM725" t="s">
        <v>191</v>
      </c>
      <c r="BO725" t="s">
        <v>191</v>
      </c>
    </row>
    <row r="726" spans="1:69" x14ac:dyDescent="0.25">
      <c r="A726" s="1">
        <v>30449604</v>
      </c>
      <c r="B726" t="s">
        <v>3399</v>
      </c>
      <c r="C726" t="s">
        <v>39</v>
      </c>
      <c r="D726" t="s">
        <v>3138</v>
      </c>
      <c r="E726" t="s">
        <v>175</v>
      </c>
      <c r="L726" t="s">
        <v>52</v>
      </c>
      <c r="M726" s="1">
        <v>0</v>
      </c>
      <c r="N726" s="1">
        <v>0</v>
      </c>
      <c r="O726" t="s">
        <v>3139</v>
      </c>
      <c r="P726" t="s">
        <v>176</v>
      </c>
      <c r="Q726" t="s">
        <v>177</v>
      </c>
      <c r="S726" t="s">
        <v>178</v>
      </c>
      <c r="T726" t="s">
        <v>175</v>
      </c>
      <c r="Y726" t="s">
        <v>224</v>
      </c>
      <c r="AC726" t="s">
        <v>180</v>
      </c>
      <c r="AD726" s="1">
        <v>0</v>
      </c>
      <c r="AE726" s="1">
        <v>0</v>
      </c>
      <c r="AF726" s="1">
        <v>0</v>
      </c>
      <c r="AG726" s="1">
        <v>0</v>
      </c>
      <c r="AH726" s="1">
        <v>0</v>
      </c>
      <c r="AI726" s="1">
        <v>0</v>
      </c>
      <c r="AJ726" s="1">
        <v>0</v>
      </c>
      <c r="AK726" s="1">
        <v>0</v>
      </c>
      <c r="AL726" s="1">
        <v>0</v>
      </c>
      <c r="AM726" s="1">
        <v>0</v>
      </c>
      <c r="AN726" s="1">
        <v>0</v>
      </c>
      <c r="AO726" s="1">
        <v>0</v>
      </c>
      <c r="AP726" s="1">
        <v>0</v>
      </c>
      <c r="AQ726" s="1">
        <v>0</v>
      </c>
      <c r="AR726" s="1">
        <v>0</v>
      </c>
      <c r="AS726" s="1">
        <v>0</v>
      </c>
      <c r="AT726" s="1">
        <v>0</v>
      </c>
      <c r="AU726" s="1">
        <v>0</v>
      </c>
      <c r="AV726" s="1">
        <v>0</v>
      </c>
      <c r="BF726" s="1">
        <v>0</v>
      </c>
      <c r="BG726" s="1">
        <v>0</v>
      </c>
      <c r="BH726" s="1">
        <v>0</v>
      </c>
      <c r="BK726" s="1">
        <v>0</v>
      </c>
      <c r="BM726" s="1">
        <v>0</v>
      </c>
      <c r="BO726" s="1">
        <v>0</v>
      </c>
    </row>
    <row r="727" spans="1:69" x14ac:dyDescent="0.25">
      <c r="A727" s="1">
        <v>30449606</v>
      </c>
      <c r="B727" t="s">
        <v>2030</v>
      </c>
      <c r="C727" t="s">
        <v>39</v>
      </c>
      <c r="D727" t="s">
        <v>1616</v>
      </c>
      <c r="E727" t="s">
        <v>216</v>
      </c>
      <c r="L727" t="s">
        <v>52</v>
      </c>
      <c r="M727" s="1">
        <v>0</v>
      </c>
      <c r="N727" s="1">
        <v>0</v>
      </c>
      <c r="O727" t="s">
        <v>1616</v>
      </c>
      <c r="P727" t="s">
        <v>216</v>
      </c>
      <c r="Q727" t="s">
        <v>258</v>
      </c>
      <c r="S727" s="1">
        <v>0</v>
      </c>
      <c r="T727" t="s">
        <v>197</v>
      </c>
      <c r="Y727" t="s">
        <v>224</v>
      </c>
      <c r="AC727" t="s">
        <v>180</v>
      </c>
      <c r="AD727" t="s">
        <v>175</v>
      </c>
      <c r="AE727" t="s">
        <v>181</v>
      </c>
      <c r="AF727" t="s">
        <v>230</v>
      </c>
      <c r="AG727" t="s">
        <v>181</v>
      </c>
      <c r="AH727" t="s">
        <v>175</v>
      </c>
      <c r="AI727" t="s">
        <v>175</v>
      </c>
      <c r="AJ727" t="s">
        <v>181</v>
      </c>
      <c r="AK727" t="s">
        <v>181</v>
      </c>
      <c r="AL727" t="s">
        <v>42</v>
      </c>
      <c r="AM727" t="s">
        <v>185</v>
      </c>
      <c r="AN727" t="s">
        <v>182</v>
      </c>
      <c r="AO727" t="s">
        <v>183</v>
      </c>
      <c r="AP727" t="s">
        <v>205</v>
      </c>
      <c r="AQ727" t="s">
        <v>204</v>
      </c>
      <c r="AR727" t="s">
        <v>203</v>
      </c>
      <c r="AS727" t="s">
        <v>202</v>
      </c>
      <c r="AT727" t="s">
        <v>184</v>
      </c>
      <c r="AU727" t="s">
        <v>206</v>
      </c>
      <c r="AV727" t="s">
        <v>201</v>
      </c>
      <c r="AX727" t="s">
        <v>186</v>
      </c>
      <c r="AY727" t="s">
        <v>187</v>
      </c>
      <c r="AZ727" t="s">
        <v>207</v>
      </c>
      <c r="BF727" t="s">
        <v>49</v>
      </c>
      <c r="BG727" s="1">
        <v>0</v>
      </c>
      <c r="BH727" t="s">
        <v>302</v>
      </c>
      <c r="BI727" t="s">
        <v>2031</v>
      </c>
      <c r="BK727" t="s">
        <v>191</v>
      </c>
      <c r="BL727" t="s">
        <v>2032</v>
      </c>
      <c r="BM727" t="s">
        <v>191</v>
      </c>
      <c r="BN727" t="s">
        <v>2033</v>
      </c>
      <c r="BO727" s="1">
        <v>0</v>
      </c>
      <c r="BP727" t="s">
        <v>2034</v>
      </c>
      <c r="BQ727" t="s">
        <v>1445</v>
      </c>
    </row>
    <row r="728" spans="1:69" x14ac:dyDescent="0.25">
      <c r="A728" s="1">
        <v>30449608</v>
      </c>
      <c r="B728" t="s">
        <v>1251</v>
      </c>
      <c r="C728" t="s">
        <v>39</v>
      </c>
      <c r="D728" t="s">
        <v>942</v>
      </c>
      <c r="E728" t="s">
        <v>175</v>
      </c>
      <c r="L728" t="s">
        <v>52</v>
      </c>
      <c r="M728" s="1">
        <v>0</v>
      </c>
      <c r="N728" s="1">
        <v>0</v>
      </c>
      <c r="O728" t="s">
        <v>942</v>
      </c>
      <c r="P728" t="s">
        <v>176</v>
      </c>
      <c r="Q728" t="s">
        <v>177</v>
      </c>
      <c r="S728" t="s">
        <v>178</v>
      </c>
      <c r="T728" t="s">
        <v>175</v>
      </c>
      <c r="Y728" t="s">
        <v>224</v>
      </c>
      <c r="AC728" t="s">
        <v>199</v>
      </c>
      <c r="AD728" t="s">
        <v>181</v>
      </c>
      <c r="AE728" t="s">
        <v>181</v>
      </c>
      <c r="AF728" t="s">
        <v>181</v>
      </c>
      <c r="AG728" t="s">
        <v>230</v>
      </c>
      <c r="AH728" t="s">
        <v>175</v>
      </c>
      <c r="AI728" t="s">
        <v>175</v>
      </c>
      <c r="AJ728" t="s">
        <v>181</v>
      </c>
      <c r="AK728" t="s">
        <v>175</v>
      </c>
      <c r="AL728" t="s">
        <v>42</v>
      </c>
      <c r="AM728" t="s">
        <v>185</v>
      </c>
      <c r="AN728" t="s">
        <v>184</v>
      </c>
      <c r="AO728" t="s">
        <v>182</v>
      </c>
      <c r="AP728" t="s">
        <v>204</v>
      </c>
      <c r="AQ728" t="s">
        <v>202</v>
      </c>
      <c r="AR728" t="s">
        <v>203</v>
      </c>
      <c r="AS728" t="s">
        <v>206</v>
      </c>
      <c r="AT728" t="s">
        <v>183</v>
      </c>
      <c r="AU728" t="s">
        <v>201</v>
      </c>
      <c r="AV728" t="s">
        <v>205</v>
      </c>
      <c r="AY728" t="s">
        <v>187</v>
      </c>
      <c r="AZ728" t="s">
        <v>207</v>
      </c>
      <c r="BA728" t="s">
        <v>188</v>
      </c>
      <c r="BF728" t="s">
        <v>210</v>
      </c>
      <c r="BG728" s="1">
        <v>0</v>
      </c>
      <c r="BH728" t="s">
        <v>211</v>
      </c>
      <c r="BK728" t="s">
        <v>191</v>
      </c>
      <c r="BM728" t="s">
        <v>218</v>
      </c>
      <c r="BN728" t="s">
        <v>1252</v>
      </c>
      <c r="BO728" t="s">
        <v>218</v>
      </c>
      <c r="BP728" t="s">
        <v>1252</v>
      </c>
    </row>
    <row r="729" spans="1:69" x14ac:dyDescent="0.25">
      <c r="A729" s="1">
        <v>30449615</v>
      </c>
      <c r="B729" t="s">
        <v>3400</v>
      </c>
      <c r="C729" t="s">
        <v>39</v>
      </c>
      <c r="D729" t="s">
        <v>3138</v>
      </c>
      <c r="E729" t="s">
        <v>216</v>
      </c>
      <c r="L729" t="s">
        <v>52</v>
      </c>
      <c r="M729" s="1">
        <v>0</v>
      </c>
      <c r="N729" s="1">
        <v>0</v>
      </c>
      <c r="O729" t="s">
        <v>3139</v>
      </c>
      <c r="P729" t="s">
        <v>216</v>
      </c>
      <c r="Q729" t="s">
        <v>258</v>
      </c>
      <c r="S729" s="1">
        <v>0</v>
      </c>
      <c r="T729" t="s">
        <v>197</v>
      </c>
      <c r="U729" t="s">
        <v>3401</v>
      </c>
      <c r="W729" t="s">
        <v>262</v>
      </c>
      <c r="X729" t="s">
        <v>179</v>
      </c>
      <c r="AC729" t="s">
        <v>180</v>
      </c>
      <c r="AD729" t="s">
        <v>181</v>
      </c>
      <c r="AE729" t="s">
        <v>181</v>
      </c>
      <c r="AF729" t="s">
        <v>181</v>
      </c>
      <c r="AG729" t="s">
        <v>181</v>
      </c>
      <c r="AH729" t="s">
        <v>200</v>
      </c>
      <c r="AI729" t="s">
        <v>175</v>
      </c>
      <c r="AJ729" t="s">
        <v>175</v>
      </c>
      <c r="AK729" t="s">
        <v>181</v>
      </c>
      <c r="AL729" t="s">
        <v>42</v>
      </c>
      <c r="AM729" t="s">
        <v>201</v>
      </c>
      <c r="AN729" t="s">
        <v>204</v>
      </c>
      <c r="AO729" t="s">
        <v>185</v>
      </c>
      <c r="AP729" t="s">
        <v>182</v>
      </c>
      <c r="AQ729" t="s">
        <v>184</v>
      </c>
      <c r="AR729" t="s">
        <v>206</v>
      </c>
      <c r="AS729" t="s">
        <v>203</v>
      </c>
      <c r="AT729" t="s">
        <v>205</v>
      </c>
      <c r="AU729" t="s">
        <v>202</v>
      </c>
      <c r="AV729" t="s">
        <v>183</v>
      </c>
      <c r="AW729" t="s">
        <v>737</v>
      </c>
      <c r="AZ729" t="s">
        <v>207</v>
      </c>
      <c r="BA729" t="s">
        <v>188</v>
      </c>
      <c r="BC729" t="s">
        <v>209</v>
      </c>
      <c r="BF729" t="s">
        <v>189</v>
      </c>
      <c r="BG729" s="1">
        <v>0</v>
      </c>
      <c r="BH729" t="s">
        <v>302</v>
      </c>
      <c r="BI729" t="s">
        <v>3402</v>
      </c>
      <c r="BK729" t="s">
        <v>191</v>
      </c>
      <c r="BL729" t="s">
        <v>3403</v>
      </c>
      <c r="BM729" s="1">
        <v>0</v>
      </c>
      <c r="BN729" t="s">
        <v>3404</v>
      </c>
      <c r="BO729" t="s">
        <v>191</v>
      </c>
      <c r="BP729" t="s">
        <v>3405</v>
      </c>
      <c r="BQ729" t="s">
        <v>3406</v>
      </c>
    </row>
    <row r="730" spans="1:69" x14ac:dyDescent="0.25">
      <c r="A730" s="1">
        <v>30449616</v>
      </c>
      <c r="B730" t="s">
        <v>1253</v>
      </c>
      <c r="C730" t="s">
        <v>39</v>
      </c>
      <c r="D730" t="s">
        <v>942</v>
      </c>
      <c r="E730" t="s">
        <v>175</v>
      </c>
      <c r="L730" t="s">
        <v>52</v>
      </c>
      <c r="M730" s="1">
        <v>0</v>
      </c>
      <c r="N730" s="1">
        <v>0</v>
      </c>
      <c r="O730" t="s">
        <v>942</v>
      </c>
      <c r="P730" t="s">
        <v>216</v>
      </c>
      <c r="Q730" t="s">
        <v>177</v>
      </c>
      <c r="S730" s="1">
        <v>0</v>
      </c>
      <c r="T730" t="s">
        <v>175</v>
      </c>
      <c r="AA730" t="s">
        <v>273</v>
      </c>
      <c r="AB730" t="s">
        <v>1121</v>
      </c>
      <c r="AC730" t="s">
        <v>180</v>
      </c>
      <c r="AD730" t="s">
        <v>175</v>
      </c>
      <c r="AE730" t="s">
        <v>175</v>
      </c>
      <c r="AF730" t="s">
        <v>175</v>
      </c>
      <c r="AG730" t="s">
        <v>175</v>
      </c>
      <c r="AH730" t="s">
        <v>175</v>
      </c>
      <c r="AI730" t="s">
        <v>175</v>
      </c>
      <c r="AJ730" t="s">
        <v>175</v>
      </c>
      <c r="AK730" t="s">
        <v>175</v>
      </c>
      <c r="AL730" t="s">
        <v>42</v>
      </c>
      <c r="AM730" t="s">
        <v>182</v>
      </c>
      <c r="AN730" t="s">
        <v>201</v>
      </c>
      <c r="AO730" t="s">
        <v>204</v>
      </c>
      <c r="AP730" t="s">
        <v>205</v>
      </c>
      <c r="AQ730" t="s">
        <v>185</v>
      </c>
      <c r="AR730" t="s">
        <v>203</v>
      </c>
      <c r="AS730" t="s">
        <v>183</v>
      </c>
      <c r="AT730" t="s">
        <v>184</v>
      </c>
      <c r="AU730" t="s">
        <v>202</v>
      </c>
      <c r="AV730" t="s">
        <v>206</v>
      </c>
      <c r="AZ730" t="s">
        <v>207</v>
      </c>
      <c r="BA730" t="s">
        <v>188</v>
      </c>
      <c r="BF730" t="s">
        <v>210</v>
      </c>
      <c r="BG730" s="1">
        <v>0</v>
      </c>
      <c r="BH730" t="s">
        <v>211</v>
      </c>
      <c r="BK730" t="s">
        <v>191</v>
      </c>
      <c r="BL730" t="s">
        <v>1254</v>
      </c>
      <c r="BM730" t="s">
        <v>191</v>
      </c>
      <c r="BN730" t="s">
        <v>1255</v>
      </c>
      <c r="BO730" t="s">
        <v>218</v>
      </c>
      <c r="BP730" t="s">
        <v>1256</v>
      </c>
    </row>
    <row r="731" spans="1:69" x14ac:dyDescent="0.25">
      <c r="A731" s="1">
        <v>30449617</v>
      </c>
      <c r="B731" t="s">
        <v>1257</v>
      </c>
      <c r="C731" t="s">
        <v>39</v>
      </c>
      <c r="D731" t="s">
        <v>942</v>
      </c>
      <c r="E731" t="s">
        <v>200</v>
      </c>
      <c r="L731" t="s">
        <v>52</v>
      </c>
      <c r="M731" s="1">
        <v>0</v>
      </c>
      <c r="N731" s="1">
        <v>0</v>
      </c>
      <c r="O731" t="s">
        <v>942</v>
      </c>
      <c r="P731" t="s">
        <v>216</v>
      </c>
      <c r="Q731" t="s">
        <v>258</v>
      </c>
      <c r="S731" s="1">
        <v>0</v>
      </c>
      <c r="T731" t="s">
        <v>200</v>
      </c>
      <c r="X731" t="s">
        <v>179</v>
      </c>
      <c r="AC731" t="s">
        <v>180</v>
      </c>
      <c r="AD731" t="s">
        <v>181</v>
      </c>
      <c r="AE731" t="s">
        <v>175</v>
      </c>
      <c r="AF731" t="s">
        <v>230</v>
      </c>
      <c r="AG731" t="s">
        <v>230</v>
      </c>
      <c r="AH731" t="s">
        <v>200</v>
      </c>
      <c r="AI731" t="s">
        <v>175</v>
      </c>
      <c r="AJ731" t="s">
        <v>175</v>
      </c>
      <c r="AK731" t="s">
        <v>181</v>
      </c>
      <c r="AL731" t="s">
        <v>52</v>
      </c>
      <c r="AM731" t="s">
        <v>183</v>
      </c>
      <c r="AN731" t="s">
        <v>204</v>
      </c>
      <c r="AO731" t="s">
        <v>182</v>
      </c>
      <c r="AP731" t="s">
        <v>201</v>
      </c>
      <c r="AQ731" t="s">
        <v>185</v>
      </c>
      <c r="AR731" t="s">
        <v>184</v>
      </c>
      <c r="AS731" t="s">
        <v>206</v>
      </c>
      <c r="AT731" t="s">
        <v>205</v>
      </c>
      <c r="AU731" t="s">
        <v>202</v>
      </c>
      <c r="AV731" t="s">
        <v>203</v>
      </c>
      <c r="AX731" t="s">
        <v>186</v>
      </c>
      <c r="AY731" t="s">
        <v>187</v>
      </c>
      <c r="AZ731" t="s">
        <v>207</v>
      </c>
      <c r="BA731" t="s">
        <v>188</v>
      </c>
      <c r="BF731" t="s">
        <v>210</v>
      </c>
      <c r="BG731" s="1">
        <v>0</v>
      </c>
      <c r="BH731" t="s">
        <v>211</v>
      </c>
      <c r="BK731" t="s">
        <v>191</v>
      </c>
      <c r="BM731" t="s">
        <v>191</v>
      </c>
      <c r="BO731" t="s">
        <v>191</v>
      </c>
    </row>
    <row r="732" spans="1:69" x14ac:dyDescent="0.25">
      <c r="A732" s="1">
        <v>30449622</v>
      </c>
      <c r="B732" t="s">
        <v>553</v>
      </c>
      <c r="C732" t="s">
        <v>39</v>
      </c>
      <c r="D732" t="s">
        <v>174</v>
      </c>
      <c r="E732" t="s">
        <v>200</v>
      </c>
      <c r="L732" t="s">
        <v>52</v>
      </c>
      <c r="M732" s="1">
        <v>0</v>
      </c>
      <c r="N732" s="1">
        <v>0</v>
      </c>
      <c r="O732" t="s">
        <v>174</v>
      </c>
      <c r="P732" t="s">
        <v>176</v>
      </c>
      <c r="Q732" t="s">
        <v>196</v>
      </c>
      <c r="S732" t="s">
        <v>315</v>
      </c>
      <c r="T732" t="s">
        <v>200</v>
      </c>
      <c r="AC732" t="s">
        <v>180</v>
      </c>
      <c r="AD732" t="s">
        <v>200</v>
      </c>
      <c r="AE732" t="s">
        <v>200</v>
      </c>
      <c r="AF732" t="s">
        <v>200</v>
      </c>
      <c r="AG732" t="s">
        <v>200</v>
      </c>
      <c r="AH732" t="s">
        <v>200</v>
      </c>
      <c r="AI732" t="s">
        <v>200</v>
      </c>
      <c r="AJ732" t="s">
        <v>200</v>
      </c>
      <c r="AK732" t="s">
        <v>200</v>
      </c>
      <c r="AL732" t="s">
        <v>42</v>
      </c>
      <c r="AM732" t="s">
        <v>185</v>
      </c>
      <c r="AN732" s="1">
        <v>0</v>
      </c>
      <c r="AO732" s="1">
        <v>0</v>
      </c>
      <c r="AP732" s="1">
        <v>0</v>
      </c>
      <c r="AQ732" s="1">
        <v>0</v>
      </c>
      <c r="AR732" s="1">
        <v>0</v>
      </c>
      <c r="AS732" s="1">
        <v>0</v>
      </c>
      <c r="AT732" s="1">
        <v>0</v>
      </c>
      <c r="AU732" s="1">
        <v>0</v>
      </c>
      <c r="AV732" s="1">
        <v>0</v>
      </c>
      <c r="AY732" t="s">
        <v>187</v>
      </c>
      <c r="BF732" t="s">
        <v>210</v>
      </c>
      <c r="BG732" s="1">
        <v>0</v>
      </c>
      <c r="BH732" t="s">
        <v>211</v>
      </c>
      <c r="BK732" t="s">
        <v>191</v>
      </c>
      <c r="BM732" t="s">
        <v>218</v>
      </c>
      <c r="BO732" s="1">
        <v>0</v>
      </c>
    </row>
    <row r="733" spans="1:69" x14ac:dyDescent="0.25">
      <c r="A733" s="1">
        <v>30449623</v>
      </c>
      <c r="B733" t="s">
        <v>3407</v>
      </c>
      <c r="C733" t="s">
        <v>39</v>
      </c>
      <c r="D733" t="s">
        <v>3138</v>
      </c>
      <c r="E733" t="s">
        <v>175</v>
      </c>
      <c r="L733" t="s">
        <v>52</v>
      </c>
      <c r="M733" s="1">
        <v>0</v>
      </c>
      <c r="N733" s="1">
        <v>0</v>
      </c>
      <c r="O733" t="s">
        <v>3139</v>
      </c>
      <c r="P733" t="s">
        <v>216</v>
      </c>
      <c r="Q733" t="s">
        <v>177</v>
      </c>
      <c r="S733" s="1">
        <v>0</v>
      </c>
      <c r="T733" t="s">
        <v>175</v>
      </c>
      <c r="W733" t="s">
        <v>262</v>
      </c>
      <c r="Z733" t="s">
        <v>244</v>
      </c>
      <c r="AC733" t="s">
        <v>180</v>
      </c>
      <c r="AD733" t="s">
        <v>181</v>
      </c>
      <c r="AE733" t="s">
        <v>181</v>
      </c>
      <c r="AF733" t="s">
        <v>181</v>
      </c>
      <c r="AG733" t="s">
        <v>181</v>
      </c>
      <c r="AH733" t="s">
        <v>175</v>
      </c>
      <c r="AI733" t="s">
        <v>175</v>
      </c>
      <c r="AJ733" t="s">
        <v>175</v>
      </c>
      <c r="AK733" t="s">
        <v>175</v>
      </c>
      <c r="AL733" t="s">
        <v>52</v>
      </c>
      <c r="AM733" t="s">
        <v>184</v>
      </c>
      <c r="AN733" t="s">
        <v>206</v>
      </c>
      <c r="AO733" t="s">
        <v>182</v>
      </c>
      <c r="AP733" t="s">
        <v>185</v>
      </c>
      <c r="AQ733" t="s">
        <v>202</v>
      </c>
      <c r="AR733" t="s">
        <v>203</v>
      </c>
      <c r="AS733" t="s">
        <v>201</v>
      </c>
      <c r="AT733" t="s">
        <v>205</v>
      </c>
      <c r="AU733" t="s">
        <v>183</v>
      </c>
      <c r="AV733" t="s">
        <v>204</v>
      </c>
      <c r="AX733" t="s">
        <v>186</v>
      </c>
      <c r="AY733" t="s">
        <v>187</v>
      </c>
      <c r="AZ733" t="s">
        <v>207</v>
      </c>
      <c r="BA733" t="s">
        <v>188</v>
      </c>
      <c r="BB733" t="s">
        <v>208</v>
      </c>
      <c r="BC733" t="s">
        <v>209</v>
      </c>
      <c r="BF733" t="s">
        <v>232</v>
      </c>
      <c r="BG733" t="s">
        <v>301</v>
      </c>
      <c r="BH733" t="s">
        <v>211</v>
      </c>
      <c r="BK733" t="s">
        <v>191</v>
      </c>
      <c r="BM733" t="s">
        <v>191</v>
      </c>
      <c r="BO733" t="s">
        <v>218</v>
      </c>
    </row>
    <row r="734" spans="1:69" x14ac:dyDescent="0.25">
      <c r="A734" s="1">
        <v>30449625</v>
      </c>
      <c r="B734" t="s">
        <v>2791</v>
      </c>
      <c r="C734" t="s">
        <v>39</v>
      </c>
      <c r="D734" t="s">
        <v>2512</v>
      </c>
      <c r="E734" t="s">
        <v>200</v>
      </c>
      <c r="L734" t="s">
        <v>52</v>
      </c>
      <c r="M734" s="1">
        <v>0</v>
      </c>
      <c r="N734" s="1">
        <v>0</v>
      </c>
      <c r="O734" t="s">
        <v>2512</v>
      </c>
      <c r="P734" t="s">
        <v>176</v>
      </c>
      <c r="Q734" t="s">
        <v>328</v>
      </c>
      <c r="S734" t="s">
        <v>178</v>
      </c>
      <c r="T734" t="s">
        <v>200</v>
      </c>
      <c r="Y734" t="s">
        <v>224</v>
      </c>
      <c r="AC734" t="s">
        <v>180</v>
      </c>
      <c r="AD734" t="s">
        <v>200</v>
      </c>
      <c r="AE734" t="s">
        <v>200</v>
      </c>
      <c r="AF734" t="s">
        <v>181</v>
      </c>
      <c r="AG734" t="s">
        <v>200</v>
      </c>
      <c r="AH734" t="s">
        <v>200</v>
      </c>
      <c r="AI734" t="s">
        <v>200</v>
      </c>
      <c r="AJ734" t="s">
        <v>200</v>
      </c>
      <c r="AK734" t="s">
        <v>200</v>
      </c>
      <c r="AL734" t="s">
        <v>52</v>
      </c>
      <c r="AM734" s="1">
        <v>0</v>
      </c>
      <c r="AN734" t="s">
        <v>184</v>
      </c>
      <c r="AO734" s="1">
        <v>0</v>
      </c>
      <c r="AP734" t="s">
        <v>182</v>
      </c>
      <c r="AQ734" s="1">
        <v>0</v>
      </c>
      <c r="AR734" t="s">
        <v>183</v>
      </c>
      <c r="AS734" t="s">
        <v>185</v>
      </c>
      <c r="AT734" s="1">
        <v>0</v>
      </c>
      <c r="AU734" s="1">
        <v>0</v>
      </c>
      <c r="AV734" s="1">
        <v>0</v>
      </c>
      <c r="AX734" t="s">
        <v>186</v>
      </c>
      <c r="AZ734" t="s">
        <v>207</v>
      </c>
      <c r="BA734" t="s">
        <v>188</v>
      </c>
      <c r="BB734" t="s">
        <v>208</v>
      </c>
      <c r="BF734" t="s">
        <v>292</v>
      </c>
      <c r="BG734" t="s">
        <v>276</v>
      </c>
      <c r="BH734" t="s">
        <v>190</v>
      </c>
      <c r="BK734" t="s">
        <v>191</v>
      </c>
      <c r="BM734" t="s">
        <v>218</v>
      </c>
      <c r="BO734" t="s">
        <v>218</v>
      </c>
    </row>
    <row r="735" spans="1:69" x14ac:dyDescent="0.25">
      <c r="A735" s="1">
        <v>30449627</v>
      </c>
      <c r="B735" t="s">
        <v>78</v>
      </c>
      <c r="C735" t="s">
        <v>39</v>
      </c>
      <c r="L735" s="1">
        <v>0</v>
      </c>
      <c r="M735" s="1">
        <v>0</v>
      </c>
      <c r="N735" s="1">
        <v>0</v>
      </c>
      <c r="O735" s="1">
        <v>0</v>
      </c>
      <c r="P735" s="1">
        <v>0</v>
      </c>
      <c r="Q735" s="1">
        <v>0</v>
      </c>
      <c r="S735" s="1">
        <v>0</v>
      </c>
      <c r="T735" s="1">
        <v>0</v>
      </c>
      <c r="AC735" s="1">
        <v>0</v>
      </c>
      <c r="AD735" s="1">
        <v>0</v>
      </c>
      <c r="AE735" s="1">
        <v>0</v>
      </c>
      <c r="AF735" s="1">
        <v>0</v>
      </c>
      <c r="AG735" s="1">
        <v>0</v>
      </c>
      <c r="AH735" s="1">
        <v>0</v>
      </c>
      <c r="AI735" s="1">
        <v>0</v>
      </c>
      <c r="AJ735" s="1">
        <v>0</v>
      </c>
      <c r="AK735" s="1">
        <v>0</v>
      </c>
      <c r="AL735" s="1">
        <v>0</v>
      </c>
      <c r="AM735" s="1">
        <v>0</v>
      </c>
      <c r="AN735" s="1">
        <v>0</v>
      </c>
      <c r="AO735" s="1">
        <v>0</v>
      </c>
      <c r="AP735" s="1">
        <v>0</v>
      </c>
      <c r="AQ735" s="1">
        <v>0</v>
      </c>
      <c r="AR735" s="1">
        <v>0</v>
      </c>
      <c r="AS735" s="1">
        <v>0</v>
      </c>
      <c r="AT735" s="1">
        <v>0</v>
      </c>
      <c r="AU735" s="1">
        <v>0</v>
      </c>
      <c r="AV735" s="1">
        <v>0</v>
      </c>
      <c r="BF735" s="1">
        <v>0</v>
      </c>
      <c r="BG735" s="1">
        <v>0</v>
      </c>
      <c r="BH735" s="1">
        <v>0</v>
      </c>
      <c r="BK735" s="1">
        <v>0</v>
      </c>
      <c r="BM735" s="1">
        <v>0</v>
      </c>
      <c r="BO735" s="1">
        <v>0</v>
      </c>
    </row>
    <row r="736" spans="1:69" x14ac:dyDescent="0.25">
      <c r="A736" s="1">
        <v>30449629</v>
      </c>
      <c r="B736" t="s">
        <v>4134</v>
      </c>
      <c r="C736" t="s">
        <v>39</v>
      </c>
      <c r="D736" t="s">
        <v>3727</v>
      </c>
      <c r="E736" t="s">
        <v>175</v>
      </c>
      <c r="L736" t="s">
        <v>52</v>
      </c>
      <c r="M736" s="1">
        <v>0</v>
      </c>
      <c r="N736" s="1">
        <v>0</v>
      </c>
      <c r="O736" t="s">
        <v>3728</v>
      </c>
      <c r="P736" t="s">
        <v>216</v>
      </c>
      <c r="Q736" t="s">
        <v>238</v>
      </c>
      <c r="S736" s="1">
        <v>0</v>
      </c>
      <c r="T736" t="s">
        <v>175</v>
      </c>
      <c r="AC736" t="s">
        <v>199</v>
      </c>
      <c r="AD736" t="s">
        <v>200</v>
      </c>
      <c r="AE736" t="s">
        <v>200</v>
      </c>
      <c r="AF736" t="s">
        <v>175</v>
      </c>
      <c r="AG736" t="s">
        <v>175</v>
      </c>
      <c r="AH736" t="s">
        <v>200</v>
      </c>
      <c r="AI736" t="s">
        <v>200</v>
      </c>
      <c r="AJ736" t="s">
        <v>200</v>
      </c>
      <c r="AK736" t="s">
        <v>175</v>
      </c>
      <c r="AL736" t="s">
        <v>42</v>
      </c>
      <c r="AM736" t="s">
        <v>183</v>
      </c>
      <c r="AN736" t="s">
        <v>204</v>
      </c>
      <c r="AO736" t="s">
        <v>182</v>
      </c>
      <c r="AP736" t="s">
        <v>201</v>
      </c>
      <c r="AQ736" t="s">
        <v>185</v>
      </c>
      <c r="AR736" t="s">
        <v>184</v>
      </c>
      <c r="AS736" t="s">
        <v>203</v>
      </c>
      <c r="AT736" t="s">
        <v>205</v>
      </c>
      <c r="AU736" t="s">
        <v>202</v>
      </c>
      <c r="AV736" t="s">
        <v>206</v>
      </c>
      <c r="AX736" t="s">
        <v>186</v>
      </c>
      <c r="BB736" t="s">
        <v>208</v>
      </c>
      <c r="BC736" t="s">
        <v>209</v>
      </c>
      <c r="BF736" t="s">
        <v>210</v>
      </c>
      <c r="BG736" s="1">
        <v>0</v>
      </c>
      <c r="BH736" t="s">
        <v>190</v>
      </c>
      <c r="BK736" t="s">
        <v>191</v>
      </c>
      <c r="BL736" t="s">
        <v>4135</v>
      </c>
      <c r="BM736" t="s">
        <v>191</v>
      </c>
      <c r="BO736" t="s">
        <v>191</v>
      </c>
    </row>
    <row r="737" spans="1:69" x14ac:dyDescent="0.25">
      <c r="A737" s="1">
        <v>30449630</v>
      </c>
      <c r="B737" t="s">
        <v>79</v>
      </c>
      <c r="C737" t="s">
        <v>39</v>
      </c>
      <c r="L737" s="1">
        <v>0</v>
      </c>
      <c r="M737" s="1">
        <v>0</v>
      </c>
      <c r="N737" s="1">
        <v>0</v>
      </c>
      <c r="O737" s="1">
        <v>0</v>
      </c>
      <c r="P737" s="1">
        <v>0</v>
      </c>
      <c r="Q737" s="1">
        <v>0</v>
      </c>
      <c r="S737" s="1">
        <v>0</v>
      </c>
      <c r="T737" s="1">
        <v>0</v>
      </c>
      <c r="AC737" s="1">
        <v>0</v>
      </c>
      <c r="AD737" s="1">
        <v>0</v>
      </c>
      <c r="AE737" s="1">
        <v>0</v>
      </c>
      <c r="AF737" s="1">
        <v>0</v>
      </c>
      <c r="AG737" s="1">
        <v>0</v>
      </c>
      <c r="AH737" s="1">
        <v>0</v>
      </c>
      <c r="AI737" s="1">
        <v>0</v>
      </c>
      <c r="AJ737" s="1">
        <v>0</v>
      </c>
      <c r="AK737" s="1">
        <v>0</v>
      </c>
      <c r="AL737" s="1">
        <v>0</v>
      </c>
      <c r="AM737" s="1">
        <v>0</v>
      </c>
      <c r="AN737" s="1">
        <v>0</v>
      </c>
      <c r="AO737" s="1">
        <v>0</v>
      </c>
      <c r="AP737" s="1">
        <v>0</v>
      </c>
      <c r="AQ737" s="1">
        <v>0</v>
      </c>
      <c r="AR737" s="1">
        <v>0</v>
      </c>
      <c r="AS737" s="1">
        <v>0</v>
      </c>
      <c r="AT737" s="1">
        <v>0</v>
      </c>
      <c r="AU737" s="1">
        <v>0</v>
      </c>
      <c r="AV737" s="1">
        <v>0</v>
      </c>
      <c r="BF737" s="1">
        <v>0</v>
      </c>
      <c r="BG737" s="1">
        <v>0</v>
      </c>
      <c r="BH737" s="1">
        <v>0</v>
      </c>
      <c r="BK737" s="1">
        <v>0</v>
      </c>
      <c r="BM737" s="1">
        <v>0</v>
      </c>
      <c r="BO737" s="1">
        <v>0</v>
      </c>
    </row>
    <row r="738" spans="1:69" x14ac:dyDescent="0.25">
      <c r="A738" s="1">
        <v>30449631</v>
      </c>
      <c r="B738" t="s">
        <v>1258</v>
      </c>
      <c r="C738" t="s">
        <v>39</v>
      </c>
      <c r="D738" t="s">
        <v>942</v>
      </c>
      <c r="E738" t="s">
        <v>175</v>
      </c>
      <c r="L738" t="s">
        <v>52</v>
      </c>
      <c r="M738" s="1">
        <v>0</v>
      </c>
      <c r="N738" s="1">
        <v>0</v>
      </c>
      <c r="O738" t="s">
        <v>942</v>
      </c>
      <c r="P738" t="s">
        <v>176</v>
      </c>
      <c r="Q738" t="s">
        <v>177</v>
      </c>
      <c r="S738" t="s">
        <v>349</v>
      </c>
      <c r="T738" t="s">
        <v>175</v>
      </c>
      <c r="X738" t="s">
        <v>179</v>
      </c>
      <c r="Y738" t="s">
        <v>224</v>
      </c>
      <c r="AC738" t="s">
        <v>266</v>
      </c>
      <c r="AD738" t="s">
        <v>175</v>
      </c>
      <c r="AE738" t="s">
        <v>175</v>
      </c>
      <c r="AF738" t="s">
        <v>175</v>
      </c>
      <c r="AG738" t="s">
        <v>175</v>
      </c>
      <c r="AH738" t="s">
        <v>175</v>
      </c>
      <c r="AI738" t="s">
        <v>175</v>
      </c>
      <c r="AJ738" t="s">
        <v>175</v>
      </c>
      <c r="AK738" t="s">
        <v>175</v>
      </c>
      <c r="AL738" t="s">
        <v>42</v>
      </c>
      <c r="AM738" s="1">
        <v>0</v>
      </c>
      <c r="AN738" t="s">
        <v>201</v>
      </c>
      <c r="AO738" t="s">
        <v>183</v>
      </c>
      <c r="AP738" s="1">
        <v>0</v>
      </c>
      <c r="AQ738" s="1">
        <v>0</v>
      </c>
      <c r="AR738" t="s">
        <v>184</v>
      </c>
      <c r="AS738" s="1">
        <v>0</v>
      </c>
      <c r="AT738" s="1">
        <v>0</v>
      </c>
      <c r="AU738" t="s">
        <v>182</v>
      </c>
      <c r="AV738" t="s">
        <v>185</v>
      </c>
      <c r="AW738" t="s">
        <v>1259</v>
      </c>
      <c r="AZ738" t="s">
        <v>207</v>
      </c>
      <c r="BB738" t="s">
        <v>208</v>
      </c>
      <c r="BC738" t="s">
        <v>209</v>
      </c>
      <c r="BF738" t="s">
        <v>189</v>
      </c>
      <c r="BG738" s="1">
        <v>0</v>
      </c>
      <c r="BH738" t="s">
        <v>211</v>
      </c>
      <c r="BK738" t="s">
        <v>218</v>
      </c>
      <c r="BL738" t="s">
        <v>1260</v>
      </c>
      <c r="BM738" t="s">
        <v>218</v>
      </c>
      <c r="BN738" t="s">
        <v>1260</v>
      </c>
      <c r="BO738" t="s">
        <v>218</v>
      </c>
      <c r="BP738" t="s">
        <v>1261</v>
      </c>
      <c r="BQ738" t="s">
        <v>1262</v>
      </c>
    </row>
    <row r="739" spans="1:69" x14ac:dyDescent="0.25">
      <c r="A739" s="1">
        <v>30449633</v>
      </c>
      <c r="B739" t="s">
        <v>80</v>
      </c>
      <c r="C739" t="s">
        <v>39</v>
      </c>
      <c r="L739" s="1">
        <v>0</v>
      </c>
      <c r="M739" s="1">
        <v>0</v>
      </c>
      <c r="N739" s="1">
        <v>0</v>
      </c>
      <c r="O739" s="1">
        <v>0</v>
      </c>
      <c r="P739" s="1">
        <v>0</v>
      </c>
      <c r="Q739" s="1">
        <v>0</v>
      </c>
      <c r="S739" s="1">
        <v>0</v>
      </c>
      <c r="T739" s="1">
        <v>0</v>
      </c>
      <c r="AC739" s="1">
        <v>0</v>
      </c>
      <c r="AD739" s="1">
        <v>0</v>
      </c>
      <c r="AE739" s="1">
        <v>0</v>
      </c>
      <c r="AF739" s="1">
        <v>0</v>
      </c>
      <c r="AG739" s="1">
        <v>0</v>
      </c>
      <c r="AH739" s="1">
        <v>0</v>
      </c>
      <c r="AI739" s="1">
        <v>0</v>
      </c>
      <c r="AJ739" s="1">
        <v>0</v>
      </c>
      <c r="AK739" s="1">
        <v>0</v>
      </c>
      <c r="AL739" s="1">
        <v>0</v>
      </c>
      <c r="AM739" s="1">
        <v>0</v>
      </c>
      <c r="AN739" s="1">
        <v>0</v>
      </c>
      <c r="AO739" s="1">
        <v>0</v>
      </c>
      <c r="AP739" s="1">
        <v>0</v>
      </c>
      <c r="AQ739" s="1">
        <v>0</v>
      </c>
      <c r="AR739" s="1">
        <v>0</v>
      </c>
      <c r="AS739" s="1">
        <v>0</v>
      </c>
      <c r="AT739" s="1">
        <v>0</v>
      </c>
      <c r="AU739" s="1">
        <v>0</v>
      </c>
      <c r="AV739" s="1">
        <v>0</v>
      </c>
      <c r="BF739" s="1">
        <v>0</v>
      </c>
      <c r="BG739" s="1">
        <v>0</v>
      </c>
      <c r="BH739" s="1">
        <v>0</v>
      </c>
      <c r="BK739" s="1">
        <v>0</v>
      </c>
      <c r="BM739" s="1">
        <v>0</v>
      </c>
      <c r="BO739" s="1">
        <v>0</v>
      </c>
    </row>
    <row r="740" spans="1:69" x14ac:dyDescent="0.25">
      <c r="A740" s="1">
        <v>30449634</v>
      </c>
      <c r="B740" t="s">
        <v>3408</v>
      </c>
      <c r="C740" t="s">
        <v>39</v>
      </c>
      <c r="D740" t="s">
        <v>3138</v>
      </c>
      <c r="E740" t="s">
        <v>195</v>
      </c>
      <c r="L740" t="s">
        <v>52</v>
      </c>
      <c r="M740" s="1">
        <v>0</v>
      </c>
      <c r="N740" s="1">
        <v>0</v>
      </c>
      <c r="O740" t="s">
        <v>3139</v>
      </c>
      <c r="P740" t="s">
        <v>176</v>
      </c>
      <c r="Q740" t="s">
        <v>177</v>
      </c>
      <c r="S740" t="s">
        <v>178</v>
      </c>
      <c r="T740" t="s">
        <v>197</v>
      </c>
      <c r="U740" t="s">
        <v>3409</v>
      </c>
      <c r="W740" t="s">
        <v>262</v>
      </c>
      <c r="X740" t="s">
        <v>179</v>
      </c>
      <c r="Y740" t="s">
        <v>224</v>
      </c>
      <c r="Z740" t="s">
        <v>244</v>
      </c>
      <c r="AC740" t="s">
        <v>180</v>
      </c>
      <c r="AD740" t="s">
        <v>175</v>
      </c>
      <c r="AE740" t="s">
        <v>181</v>
      </c>
      <c r="AF740" t="s">
        <v>181</v>
      </c>
      <c r="AG740" t="s">
        <v>175</v>
      </c>
      <c r="AH740" t="s">
        <v>175</v>
      </c>
      <c r="AI740" t="s">
        <v>175</v>
      </c>
      <c r="AJ740" t="s">
        <v>181</v>
      </c>
      <c r="AK740" t="s">
        <v>181</v>
      </c>
      <c r="AL740" t="s">
        <v>42</v>
      </c>
      <c r="AM740" t="s">
        <v>183</v>
      </c>
      <c r="AN740" t="s">
        <v>182</v>
      </c>
      <c r="AO740" t="s">
        <v>201</v>
      </c>
      <c r="AP740" t="s">
        <v>202</v>
      </c>
      <c r="AQ740" t="s">
        <v>206</v>
      </c>
      <c r="AR740" t="s">
        <v>205</v>
      </c>
      <c r="AS740" t="s">
        <v>203</v>
      </c>
      <c r="AT740" t="s">
        <v>185</v>
      </c>
      <c r="AU740" t="s">
        <v>184</v>
      </c>
      <c r="AV740" t="s">
        <v>204</v>
      </c>
      <c r="AY740" t="s">
        <v>187</v>
      </c>
      <c r="AZ740" t="s">
        <v>207</v>
      </c>
      <c r="BB740" t="s">
        <v>208</v>
      </c>
      <c r="BF740" t="s">
        <v>189</v>
      </c>
      <c r="BG740" s="1">
        <v>0</v>
      </c>
      <c r="BH740" t="s">
        <v>211</v>
      </c>
      <c r="BK740" t="s">
        <v>191</v>
      </c>
      <c r="BL740" t="s">
        <v>3410</v>
      </c>
      <c r="BM740" t="s">
        <v>191</v>
      </c>
      <c r="BN740" t="s">
        <v>3411</v>
      </c>
      <c r="BO740" t="s">
        <v>191</v>
      </c>
      <c r="BP740" t="s">
        <v>3412</v>
      </c>
    </row>
    <row r="741" spans="1:69" x14ac:dyDescent="0.25">
      <c r="A741" s="1">
        <v>30449636</v>
      </c>
      <c r="B741" t="s">
        <v>4136</v>
      </c>
      <c r="C741" t="s">
        <v>39</v>
      </c>
      <c r="D741" t="s">
        <v>3727</v>
      </c>
      <c r="E741" t="s">
        <v>175</v>
      </c>
      <c r="L741" t="s">
        <v>52</v>
      </c>
      <c r="M741" s="1">
        <v>0</v>
      </c>
      <c r="N741" s="1">
        <v>0</v>
      </c>
      <c r="O741" t="s">
        <v>3728</v>
      </c>
      <c r="P741" t="s">
        <v>176</v>
      </c>
      <c r="Q741" t="s">
        <v>196</v>
      </c>
      <c r="S741" t="s">
        <v>349</v>
      </c>
      <c r="T741" t="s">
        <v>175</v>
      </c>
      <c r="Y741" t="s">
        <v>224</v>
      </c>
      <c r="AC741" t="s">
        <v>180</v>
      </c>
      <c r="AD741" t="s">
        <v>175</v>
      </c>
      <c r="AE741" t="s">
        <v>200</v>
      </c>
      <c r="AF741" t="s">
        <v>175</v>
      </c>
      <c r="AG741" t="s">
        <v>175</v>
      </c>
      <c r="AH741" t="s">
        <v>200</v>
      </c>
      <c r="AI741" t="s">
        <v>200</v>
      </c>
      <c r="AJ741" t="s">
        <v>175</v>
      </c>
      <c r="AK741" t="s">
        <v>175</v>
      </c>
      <c r="AL741" t="s">
        <v>52</v>
      </c>
      <c r="AM741" t="s">
        <v>183</v>
      </c>
      <c r="AN741" t="s">
        <v>203</v>
      </c>
      <c r="AO741" t="s">
        <v>185</v>
      </c>
      <c r="AP741" t="s">
        <v>201</v>
      </c>
      <c r="AQ741" t="s">
        <v>202</v>
      </c>
      <c r="AR741" t="s">
        <v>182</v>
      </c>
      <c r="AS741" t="s">
        <v>184</v>
      </c>
      <c r="AT741" t="s">
        <v>205</v>
      </c>
      <c r="AU741" t="s">
        <v>204</v>
      </c>
      <c r="AV741" t="s">
        <v>206</v>
      </c>
      <c r="AX741" t="s">
        <v>186</v>
      </c>
      <c r="AY741" t="s">
        <v>187</v>
      </c>
      <c r="AZ741" t="s">
        <v>207</v>
      </c>
      <c r="BC741" t="s">
        <v>209</v>
      </c>
      <c r="BF741" t="s">
        <v>232</v>
      </c>
      <c r="BG741" t="s">
        <v>276</v>
      </c>
      <c r="BH741" t="s">
        <v>211</v>
      </c>
      <c r="BK741" t="s">
        <v>191</v>
      </c>
      <c r="BL741" t="s">
        <v>4137</v>
      </c>
      <c r="BM741" t="s">
        <v>191</v>
      </c>
      <c r="BN741" t="s">
        <v>4138</v>
      </c>
      <c r="BO741" t="s">
        <v>218</v>
      </c>
      <c r="BP741" t="s">
        <v>367</v>
      </c>
    </row>
    <row r="742" spans="1:69" x14ac:dyDescent="0.25">
      <c r="A742" s="1">
        <v>30449639</v>
      </c>
      <c r="B742" t="s">
        <v>554</v>
      </c>
      <c r="C742" t="s">
        <v>39</v>
      </c>
      <c r="D742" t="s">
        <v>174</v>
      </c>
      <c r="E742" t="s">
        <v>175</v>
      </c>
      <c r="L742" t="s">
        <v>52</v>
      </c>
      <c r="M742" s="1">
        <v>0</v>
      </c>
      <c r="N742" s="1">
        <v>0</v>
      </c>
      <c r="O742" t="s">
        <v>174</v>
      </c>
      <c r="P742" t="s">
        <v>176</v>
      </c>
      <c r="Q742" t="s">
        <v>196</v>
      </c>
      <c r="S742" t="s">
        <v>315</v>
      </c>
      <c r="T742" t="s">
        <v>175</v>
      </c>
      <c r="X742" t="s">
        <v>179</v>
      </c>
      <c r="Y742" t="s">
        <v>224</v>
      </c>
      <c r="AC742" t="s">
        <v>180</v>
      </c>
      <c r="AD742" t="s">
        <v>175</v>
      </c>
      <c r="AE742" t="s">
        <v>175</v>
      </c>
      <c r="AF742" t="s">
        <v>175</v>
      </c>
      <c r="AG742" t="s">
        <v>175</v>
      </c>
      <c r="AH742" t="s">
        <v>175</v>
      </c>
      <c r="AI742" t="s">
        <v>175</v>
      </c>
      <c r="AJ742" t="s">
        <v>175</v>
      </c>
      <c r="AK742" t="s">
        <v>175</v>
      </c>
      <c r="AL742" t="s">
        <v>52</v>
      </c>
      <c r="AM742" t="s">
        <v>185</v>
      </c>
      <c r="AN742" t="s">
        <v>183</v>
      </c>
      <c r="AO742" t="s">
        <v>184</v>
      </c>
      <c r="AP742" t="s">
        <v>206</v>
      </c>
      <c r="AQ742" t="s">
        <v>202</v>
      </c>
      <c r="AR742" t="s">
        <v>204</v>
      </c>
      <c r="AS742" t="s">
        <v>201</v>
      </c>
      <c r="AT742" t="s">
        <v>203</v>
      </c>
      <c r="AU742" t="s">
        <v>205</v>
      </c>
      <c r="AV742" t="s">
        <v>182</v>
      </c>
      <c r="AX742" t="s">
        <v>186</v>
      </c>
      <c r="AZ742" t="s">
        <v>207</v>
      </c>
      <c r="BC742" t="s">
        <v>209</v>
      </c>
      <c r="BF742" t="s">
        <v>232</v>
      </c>
      <c r="BG742" t="s">
        <v>301</v>
      </c>
      <c r="BH742" t="s">
        <v>211</v>
      </c>
      <c r="BK742" t="s">
        <v>218</v>
      </c>
      <c r="BL742" t="s">
        <v>555</v>
      </c>
      <c r="BM742" t="s">
        <v>191</v>
      </c>
      <c r="BN742" t="s">
        <v>556</v>
      </c>
      <c r="BO742" t="s">
        <v>218</v>
      </c>
      <c r="BP742" t="s">
        <v>557</v>
      </c>
      <c r="BQ742" t="s">
        <v>558</v>
      </c>
    </row>
    <row r="743" spans="1:69" x14ac:dyDescent="0.25">
      <c r="A743" s="1">
        <v>30449640</v>
      </c>
      <c r="B743" t="s">
        <v>4139</v>
      </c>
      <c r="C743" t="s">
        <v>39</v>
      </c>
      <c r="D743" t="s">
        <v>3727</v>
      </c>
      <c r="E743" t="s">
        <v>175</v>
      </c>
      <c r="L743" t="s">
        <v>52</v>
      </c>
      <c r="M743" s="1">
        <v>0</v>
      </c>
      <c r="N743" s="1">
        <v>0</v>
      </c>
      <c r="O743" t="s">
        <v>3728</v>
      </c>
      <c r="P743" t="s">
        <v>176</v>
      </c>
      <c r="Q743" t="s">
        <v>238</v>
      </c>
      <c r="S743" t="s">
        <v>178</v>
      </c>
      <c r="T743" t="s">
        <v>175</v>
      </c>
      <c r="AA743" t="s">
        <v>273</v>
      </c>
      <c r="AB743" t="s">
        <v>4140</v>
      </c>
      <c r="AC743" s="1">
        <v>0</v>
      </c>
      <c r="AD743" s="1">
        <v>0</v>
      </c>
      <c r="AE743" s="1">
        <v>0</v>
      </c>
      <c r="AF743" s="1">
        <v>0</v>
      </c>
      <c r="AG743" s="1">
        <v>0</v>
      </c>
      <c r="AH743" s="1">
        <v>0</v>
      </c>
      <c r="AI743" s="1">
        <v>0</v>
      </c>
      <c r="AJ743" s="1">
        <v>0</v>
      </c>
      <c r="AK743" s="1">
        <v>0</v>
      </c>
      <c r="AL743" s="1">
        <v>0</v>
      </c>
      <c r="AM743" s="1">
        <v>0</v>
      </c>
      <c r="AN743" s="1">
        <v>0</v>
      </c>
      <c r="AO743" s="1">
        <v>0</v>
      </c>
      <c r="AP743" s="1">
        <v>0</v>
      </c>
      <c r="AQ743" s="1">
        <v>0</v>
      </c>
      <c r="AR743" s="1">
        <v>0</v>
      </c>
      <c r="AS743" s="1">
        <v>0</v>
      </c>
      <c r="AT743" s="1">
        <v>0</v>
      </c>
      <c r="AU743" s="1">
        <v>0</v>
      </c>
      <c r="AV743" s="1">
        <v>0</v>
      </c>
      <c r="BF743" s="1">
        <v>0</v>
      </c>
      <c r="BG743" s="1">
        <v>0</v>
      </c>
      <c r="BH743" s="1">
        <v>0</v>
      </c>
      <c r="BK743" s="1">
        <v>0</v>
      </c>
      <c r="BM743" s="1">
        <v>0</v>
      </c>
      <c r="BO743" s="1">
        <v>0</v>
      </c>
    </row>
    <row r="744" spans="1:69" x14ac:dyDescent="0.25">
      <c r="A744" s="1">
        <v>30449641</v>
      </c>
      <c r="B744" t="s">
        <v>2792</v>
      </c>
      <c r="C744" t="s">
        <v>39</v>
      </c>
      <c r="D744" t="s">
        <v>2512</v>
      </c>
      <c r="E744" t="s">
        <v>200</v>
      </c>
      <c r="L744" t="s">
        <v>52</v>
      </c>
      <c r="M744" s="1">
        <v>0</v>
      </c>
      <c r="N744" s="1">
        <v>0</v>
      </c>
      <c r="O744" t="s">
        <v>2512</v>
      </c>
      <c r="P744" t="s">
        <v>216</v>
      </c>
      <c r="Q744" t="s">
        <v>322</v>
      </c>
      <c r="S744" s="1">
        <v>0</v>
      </c>
      <c r="T744" t="s">
        <v>200</v>
      </c>
      <c r="X744" t="s">
        <v>179</v>
      </c>
      <c r="AC744" t="s">
        <v>180</v>
      </c>
      <c r="AD744" t="s">
        <v>200</v>
      </c>
      <c r="AE744" t="s">
        <v>200</v>
      </c>
      <c r="AF744" t="s">
        <v>175</v>
      </c>
      <c r="AG744" t="s">
        <v>175</v>
      </c>
      <c r="AH744" t="s">
        <v>175</v>
      </c>
      <c r="AI744" t="s">
        <v>175</v>
      </c>
      <c r="AJ744" t="s">
        <v>200</v>
      </c>
      <c r="AK744" t="s">
        <v>175</v>
      </c>
      <c r="AL744" t="s">
        <v>42</v>
      </c>
      <c r="AM744" t="s">
        <v>205</v>
      </c>
      <c r="AN744" t="s">
        <v>201</v>
      </c>
      <c r="AO744" t="s">
        <v>204</v>
      </c>
      <c r="AP744" t="s">
        <v>185</v>
      </c>
      <c r="AQ744" t="s">
        <v>202</v>
      </c>
      <c r="AR744" t="s">
        <v>183</v>
      </c>
      <c r="AS744" t="s">
        <v>182</v>
      </c>
      <c r="AT744" t="s">
        <v>203</v>
      </c>
      <c r="AU744" t="s">
        <v>184</v>
      </c>
      <c r="AV744" t="s">
        <v>206</v>
      </c>
      <c r="AX744" t="s">
        <v>186</v>
      </c>
      <c r="AY744" t="s">
        <v>187</v>
      </c>
      <c r="BA744" t="s">
        <v>188</v>
      </c>
      <c r="BB744" t="s">
        <v>208</v>
      </c>
      <c r="BF744" t="s">
        <v>232</v>
      </c>
      <c r="BG744" t="s">
        <v>276</v>
      </c>
      <c r="BH744" t="s">
        <v>247</v>
      </c>
      <c r="BK744" t="s">
        <v>191</v>
      </c>
      <c r="BL744" t="s">
        <v>2793</v>
      </c>
      <c r="BM744" t="s">
        <v>218</v>
      </c>
      <c r="BN744" t="s">
        <v>2794</v>
      </c>
      <c r="BO744" t="s">
        <v>218</v>
      </c>
    </row>
    <row r="745" spans="1:69" x14ac:dyDescent="0.25">
      <c r="A745" s="1">
        <v>30449643</v>
      </c>
      <c r="B745" t="s">
        <v>3413</v>
      </c>
      <c r="C745" t="s">
        <v>39</v>
      </c>
      <c r="D745" t="s">
        <v>3138</v>
      </c>
      <c r="E745" t="s">
        <v>175</v>
      </c>
      <c r="L745" t="s">
        <v>52</v>
      </c>
      <c r="M745" s="1">
        <v>0</v>
      </c>
      <c r="N745" s="1">
        <v>0</v>
      </c>
      <c r="O745" t="s">
        <v>3139</v>
      </c>
      <c r="P745" t="s">
        <v>216</v>
      </c>
      <c r="Q745" t="s">
        <v>238</v>
      </c>
      <c r="S745" s="1">
        <v>0</v>
      </c>
      <c r="T745" t="s">
        <v>175</v>
      </c>
      <c r="X745" t="s">
        <v>179</v>
      </c>
      <c r="AC745" t="s">
        <v>266</v>
      </c>
      <c r="AD745" t="s">
        <v>175</v>
      </c>
      <c r="AE745" t="s">
        <v>175</v>
      </c>
      <c r="AF745" t="s">
        <v>230</v>
      </c>
      <c r="AG745" t="s">
        <v>181</v>
      </c>
      <c r="AH745" t="s">
        <v>175</v>
      </c>
      <c r="AI745" t="s">
        <v>175</v>
      </c>
      <c r="AJ745" t="s">
        <v>175</v>
      </c>
      <c r="AK745" t="s">
        <v>175</v>
      </c>
      <c r="AL745" t="s">
        <v>42</v>
      </c>
      <c r="AM745" s="1">
        <v>0</v>
      </c>
      <c r="AN745" s="1">
        <v>0</v>
      </c>
      <c r="AO745" s="1">
        <v>0</v>
      </c>
      <c r="AP745" s="1">
        <v>0</v>
      </c>
      <c r="AQ745" s="1">
        <v>0</v>
      </c>
      <c r="AR745" t="s">
        <v>184</v>
      </c>
      <c r="AS745" t="s">
        <v>185</v>
      </c>
      <c r="AT745" s="1">
        <v>0</v>
      </c>
      <c r="AU745" s="1">
        <v>0</v>
      </c>
      <c r="AV745" s="1">
        <v>0</v>
      </c>
      <c r="AZ745" t="s">
        <v>207</v>
      </c>
      <c r="BB745" t="s">
        <v>208</v>
      </c>
      <c r="BC745" t="s">
        <v>209</v>
      </c>
      <c r="BF745" t="s">
        <v>210</v>
      </c>
      <c r="BG745" s="1">
        <v>0</v>
      </c>
      <c r="BH745" t="s">
        <v>211</v>
      </c>
      <c r="BK745" t="s">
        <v>191</v>
      </c>
      <c r="BL745" t="s">
        <v>2016</v>
      </c>
      <c r="BM745" t="s">
        <v>191</v>
      </c>
      <c r="BN745" t="s">
        <v>2100</v>
      </c>
      <c r="BO745" t="s">
        <v>191</v>
      </c>
      <c r="BP745" t="s">
        <v>2016</v>
      </c>
    </row>
    <row r="746" spans="1:69" x14ac:dyDescent="0.25">
      <c r="A746" s="1">
        <v>30449645</v>
      </c>
      <c r="B746" t="s">
        <v>2035</v>
      </c>
      <c r="C746" t="s">
        <v>39</v>
      </c>
      <c r="D746" t="s">
        <v>1616</v>
      </c>
      <c r="E746" t="s">
        <v>195</v>
      </c>
      <c r="L746" t="s">
        <v>52</v>
      </c>
      <c r="M746" s="1">
        <v>0</v>
      </c>
      <c r="N746" s="1">
        <v>0</v>
      </c>
      <c r="O746" t="s">
        <v>1616</v>
      </c>
      <c r="P746" t="s">
        <v>176</v>
      </c>
      <c r="Q746" t="s">
        <v>196</v>
      </c>
      <c r="S746" t="s">
        <v>222</v>
      </c>
      <c r="T746" t="s">
        <v>197</v>
      </c>
      <c r="X746" t="s">
        <v>179</v>
      </c>
      <c r="AC746" t="s">
        <v>199</v>
      </c>
      <c r="AD746" t="s">
        <v>175</v>
      </c>
      <c r="AE746" t="s">
        <v>175</v>
      </c>
      <c r="AF746" t="s">
        <v>175</v>
      </c>
      <c r="AG746" t="s">
        <v>175</v>
      </c>
      <c r="AH746" t="s">
        <v>175</v>
      </c>
      <c r="AI746" t="s">
        <v>175</v>
      </c>
      <c r="AJ746" t="s">
        <v>175</v>
      </c>
      <c r="AK746" t="s">
        <v>175</v>
      </c>
      <c r="AL746" t="s">
        <v>42</v>
      </c>
      <c r="AM746" t="s">
        <v>184</v>
      </c>
      <c r="AN746" t="s">
        <v>206</v>
      </c>
      <c r="AO746" t="s">
        <v>182</v>
      </c>
      <c r="AP746" t="s">
        <v>183</v>
      </c>
      <c r="AQ746" t="s">
        <v>203</v>
      </c>
      <c r="AR746" t="s">
        <v>202</v>
      </c>
      <c r="AS746" t="s">
        <v>204</v>
      </c>
      <c r="AT746" t="s">
        <v>201</v>
      </c>
      <c r="AU746" t="s">
        <v>205</v>
      </c>
      <c r="AV746" t="s">
        <v>185</v>
      </c>
      <c r="AY746" t="s">
        <v>187</v>
      </c>
      <c r="AZ746" t="s">
        <v>207</v>
      </c>
      <c r="BF746" t="s">
        <v>49</v>
      </c>
      <c r="BG746" s="1">
        <v>0</v>
      </c>
      <c r="BH746" t="s">
        <v>211</v>
      </c>
      <c r="BK746" t="s">
        <v>191</v>
      </c>
      <c r="BL746" t="s">
        <v>2036</v>
      </c>
      <c r="BM746" t="s">
        <v>191</v>
      </c>
      <c r="BN746" t="s">
        <v>2037</v>
      </c>
      <c r="BO746" t="s">
        <v>191</v>
      </c>
      <c r="BP746" t="s">
        <v>2038</v>
      </c>
    </row>
    <row r="747" spans="1:69" x14ac:dyDescent="0.25">
      <c r="A747" s="1">
        <v>30449647</v>
      </c>
      <c r="B747" t="s">
        <v>4141</v>
      </c>
      <c r="C747" t="s">
        <v>39</v>
      </c>
      <c r="D747" t="s">
        <v>3727</v>
      </c>
      <c r="E747" t="s">
        <v>175</v>
      </c>
      <c r="L747" t="s">
        <v>52</v>
      </c>
      <c r="M747" s="1">
        <v>0</v>
      </c>
      <c r="N747" s="1">
        <v>0</v>
      </c>
      <c r="O747" t="s">
        <v>3728</v>
      </c>
      <c r="P747" t="s">
        <v>176</v>
      </c>
      <c r="Q747" t="s">
        <v>238</v>
      </c>
      <c r="S747" t="s">
        <v>178</v>
      </c>
      <c r="T747" t="s">
        <v>175</v>
      </c>
      <c r="AA747" t="s">
        <v>273</v>
      </c>
      <c r="AB747" t="s">
        <v>4142</v>
      </c>
      <c r="AC747" t="s">
        <v>199</v>
      </c>
      <c r="AD747" t="s">
        <v>181</v>
      </c>
      <c r="AE747" t="s">
        <v>181</v>
      </c>
      <c r="AF747" t="s">
        <v>181</v>
      </c>
      <c r="AG747" t="s">
        <v>181</v>
      </c>
      <c r="AH747" t="s">
        <v>230</v>
      </c>
      <c r="AI747" t="s">
        <v>230</v>
      </c>
      <c r="AJ747" t="s">
        <v>175</v>
      </c>
      <c r="AK747" t="s">
        <v>175</v>
      </c>
      <c r="AL747" t="s">
        <v>42</v>
      </c>
      <c r="AM747" t="s">
        <v>205</v>
      </c>
      <c r="AN747" t="s">
        <v>183</v>
      </c>
      <c r="AO747" t="s">
        <v>206</v>
      </c>
      <c r="AP747" t="s">
        <v>182</v>
      </c>
      <c r="AQ747" t="s">
        <v>185</v>
      </c>
      <c r="AR747" t="s">
        <v>184</v>
      </c>
      <c r="AS747" t="s">
        <v>202</v>
      </c>
      <c r="AT747" t="s">
        <v>201</v>
      </c>
      <c r="AU747" t="s">
        <v>203</v>
      </c>
      <c r="AV747" t="s">
        <v>204</v>
      </c>
      <c r="AW747" t="s">
        <v>4143</v>
      </c>
      <c r="AZ747" t="s">
        <v>207</v>
      </c>
      <c r="BB747" t="s">
        <v>208</v>
      </c>
      <c r="BC747" t="s">
        <v>209</v>
      </c>
      <c r="BF747" t="s">
        <v>232</v>
      </c>
      <c r="BG747" t="s">
        <v>301</v>
      </c>
      <c r="BH747" t="s">
        <v>247</v>
      </c>
      <c r="BK747" t="s">
        <v>191</v>
      </c>
      <c r="BL747" t="s">
        <v>4144</v>
      </c>
      <c r="BM747" t="s">
        <v>191</v>
      </c>
      <c r="BN747" t="s">
        <v>4145</v>
      </c>
      <c r="BO747" t="s">
        <v>218</v>
      </c>
      <c r="BP747" t="s">
        <v>4146</v>
      </c>
    </row>
    <row r="748" spans="1:69" x14ac:dyDescent="0.25">
      <c r="A748" s="1">
        <v>30449648</v>
      </c>
      <c r="B748" t="s">
        <v>2795</v>
      </c>
      <c r="C748" t="s">
        <v>39</v>
      </c>
      <c r="D748" t="s">
        <v>2512</v>
      </c>
      <c r="E748" t="s">
        <v>175</v>
      </c>
      <c r="L748" t="s">
        <v>52</v>
      </c>
      <c r="M748" s="1">
        <v>0</v>
      </c>
      <c r="N748" s="1">
        <v>0</v>
      </c>
      <c r="O748" t="s">
        <v>2512</v>
      </c>
      <c r="P748" t="s">
        <v>216</v>
      </c>
      <c r="Q748" t="s">
        <v>322</v>
      </c>
      <c r="S748" s="1">
        <v>0</v>
      </c>
      <c r="T748" t="s">
        <v>175</v>
      </c>
      <c r="AC748" t="s">
        <v>199</v>
      </c>
      <c r="AD748" t="s">
        <v>175</v>
      </c>
      <c r="AE748" t="s">
        <v>181</v>
      </c>
      <c r="AF748" t="s">
        <v>181</v>
      </c>
      <c r="AG748" t="s">
        <v>175</v>
      </c>
      <c r="AH748" t="s">
        <v>200</v>
      </c>
      <c r="AI748" t="s">
        <v>175</v>
      </c>
      <c r="AJ748" t="s">
        <v>175</v>
      </c>
      <c r="AK748" t="s">
        <v>175</v>
      </c>
      <c r="AL748" t="s">
        <v>52</v>
      </c>
      <c r="AM748" t="s">
        <v>202</v>
      </c>
      <c r="AN748" t="s">
        <v>203</v>
      </c>
      <c r="AO748" t="s">
        <v>201</v>
      </c>
      <c r="AP748" t="s">
        <v>205</v>
      </c>
      <c r="AQ748" t="s">
        <v>184</v>
      </c>
      <c r="AR748" t="s">
        <v>182</v>
      </c>
      <c r="AS748" t="s">
        <v>185</v>
      </c>
      <c r="AT748" t="s">
        <v>204</v>
      </c>
      <c r="AU748" t="s">
        <v>206</v>
      </c>
      <c r="AV748" t="s">
        <v>183</v>
      </c>
      <c r="AX748" t="s">
        <v>186</v>
      </c>
      <c r="AZ748" t="s">
        <v>207</v>
      </c>
      <c r="BC748" t="s">
        <v>209</v>
      </c>
      <c r="BF748" t="s">
        <v>210</v>
      </c>
      <c r="BG748" s="1">
        <v>0</v>
      </c>
      <c r="BH748" t="s">
        <v>211</v>
      </c>
      <c r="BK748" t="s">
        <v>191</v>
      </c>
      <c r="BM748" t="s">
        <v>191</v>
      </c>
      <c r="BO748" t="s">
        <v>218</v>
      </c>
    </row>
    <row r="749" spans="1:69" x14ac:dyDescent="0.25">
      <c r="A749" s="1">
        <v>30449649</v>
      </c>
      <c r="B749" t="s">
        <v>4147</v>
      </c>
      <c r="C749" t="s">
        <v>39</v>
      </c>
      <c r="D749" t="s">
        <v>3727</v>
      </c>
      <c r="E749" t="s">
        <v>200</v>
      </c>
      <c r="L749" t="s">
        <v>52</v>
      </c>
      <c r="M749" s="1">
        <v>0</v>
      </c>
      <c r="N749" s="1">
        <v>0</v>
      </c>
      <c r="O749" t="s">
        <v>3728</v>
      </c>
      <c r="P749" t="s">
        <v>216</v>
      </c>
      <c r="Q749" t="s">
        <v>322</v>
      </c>
      <c r="S749" s="1">
        <v>0</v>
      </c>
      <c r="T749" t="s">
        <v>200</v>
      </c>
      <c r="AA749" t="s">
        <v>273</v>
      </c>
      <c r="AB749" t="s">
        <v>4148</v>
      </c>
      <c r="AC749" t="s">
        <v>180</v>
      </c>
      <c r="AD749" t="s">
        <v>175</v>
      </c>
      <c r="AE749" t="s">
        <v>175</v>
      </c>
      <c r="AF749" t="s">
        <v>181</v>
      </c>
      <c r="AG749" t="s">
        <v>175</v>
      </c>
      <c r="AH749" t="s">
        <v>200</v>
      </c>
      <c r="AI749" t="s">
        <v>200</v>
      </c>
      <c r="AJ749" t="s">
        <v>175</v>
      </c>
      <c r="AK749" t="s">
        <v>175</v>
      </c>
      <c r="AL749" t="s">
        <v>42</v>
      </c>
      <c r="AM749" t="s">
        <v>182</v>
      </c>
      <c r="AN749" t="s">
        <v>184</v>
      </c>
      <c r="AO749" t="s">
        <v>183</v>
      </c>
      <c r="AP749" t="s">
        <v>201</v>
      </c>
      <c r="AQ749" t="s">
        <v>185</v>
      </c>
      <c r="AR749" s="1">
        <v>0</v>
      </c>
      <c r="AS749" s="1">
        <v>0</v>
      </c>
      <c r="AT749" s="1">
        <v>0</v>
      </c>
      <c r="AU749" s="1">
        <v>0</v>
      </c>
      <c r="AV749" s="1">
        <v>0</v>
      </c>
      <c r="AX749" t="s">
        <v>186</v>
      </c>
      <c r="AZ749" t="s">
        <v>207</v>
      </c>
      <c r="BA749" t="s">
        <v>188</v>
      </c>
      <c r="BF749" t="s">
        <v>210</v>
      </c>
      <c r="BG749" s="1">
        <v>0</v>
      </c>
      <c r="BH749" t="s">
        <v>211</v>
      </c>
      <c r="BK749" t="s">
        <v>191</v>
      </c>
      <c r="BL749" t="s">
        <v>4149</v>
      </c>
      <c r="BM749" t="s">
        <v>191</v>
      </c>
      <c r="BN749" t="s">
        <v>1093</v>
      </c>
      <c r="BO749" t="s">
        <v>218</v>
      </c>
      <c r="BP749" t="s">
        <v>4150</v>
      </c>
      <c r="BQ749" t="s">
        <v>4151</v>
      </c>
    </row>
    <row r="750" spans="1:69" x14ac:dyDescent="0.25">
      <c r="A750" s="1">
        <v>30449650</v>
      </c>
      <c r="B750" t="s">
        <v>559</v>
      </c>
      <c r="C750" t="s">
        <v>39</v>
      </c>
      <c r="D750" t="s">
        <v>174</v>
      </c>
      <c r="E750" t="s">
        <v>195</v>
      </c>
      <c r="L750" t="s">
        <v>52</v>
      </c>
      <c r="M750" s="1">
        <v>0</v>
      </c>
      <c r="N750" s="1">
        <v>0</v>
      </c>
      <c r="O750" t="s">
        <v>174</v>
      </c>
      <c r="P750" t="s">
        <v>176</v>
      </c>
      <c r="Q750" t="s">
        <v>238</v>
      </c>
      <c r="S750" t="s">
        <v>178</v>
      </c>
      <c r="T750" t="s">
        <v>49</v>
      </c>
      <c r="AC750" s="1">
        <v>0</v>
      </c>
      <c r="AD750" s="1">
        <v>0</v>
      </c>
      <c r="AE750" s="1">
        <v>0</v>
      </c>
      <c r="AF750" s="1">
        <v>0</v>
      </c>
      <c r="AG750" s="1">
        <v>0</v>
      </c>
      <c r="AH750" s="1">
        <v>0</v>
      </c>
      <c r="AI750" s="1">
        <v>0</v>
      </c>
      <c r="AJ750" s="1">
        <v>0</v>
      </c>
      <c r="AK750" s="1">
        <v>0</v>
      </c>
      <c r="AL750" s="1">
        <v>0</v>
      </c>
      <c r="AM750" s="1">
        <v>0</v>
      </c>
      <c r="AN750" s="1">
        <v>0</v>
      </c>
      <c r="AO750" s="1">
        <v>0</v>
      </c>
      <c r="AP750" s="1">
        <v>0</v>
      </c>
      <c r="AQ750" s="1">
        <v>0</v>
      </c>
      <c r="AR750" s="1">
        <v>0</v>
      </c>
      <c r="AS750" s="1">
        <v>0</v>
      </c>
      <c r="AT750" s="1">
        <v>0</v>
      </c>
      <c r="AU750" s="1">
        <v>0</v>
      </c>
      <c r="AV750" s="1">
        <v>0</v>
      </c>
      <c r="BF750" s="1">
        <v>0</v>
      </c>
      <c r="BG750" s="1">
        <v>0</v>
      </c>
      <c r="BH750" s="1">
        <v>0</v>
      </c>
      <c r="BK750" s="1">
        <v>0</v>
      </c>
      <c r="BM750" s="1">
        <v>0</v>
      </c>
      <c r="BO750" s="1">
        <v>0</v>
      </c>
    </row>
    <row r="751" spans="1:69" x14ac:dyDescent="0.25">
      <c r="A751" s="1">
        <v>30449655</v>
      </c>
      <c r="B751" t="s">
        <v>4152</v>
      </c>
      <c r="C751" t="s">
        <v>39</v>
      </c>
      <c r="D751" t="s">
        <v>3727</v>
      </c>
      <c r="E751" t="s">
        <v>195</v>
      </c>
      <c r="L751" t="s">
        <v>52</v>
      </c>
      <c r="M751" s="1">
        <v>0</v>
      </c>
      <c r="N751" s="1">
        <v>0</v>
      </c>
      <c r="O751" t="s">
        <v>3728</v>
      </c>
      <c r="P751" t="s">
        <v>176</v>
      </c>
      <c r="Q751" t="s">
        <v>322</v>
      </c>
      <c r="S751" t="s">
        <v>178</v>
      </c>
      <c r="T751" t="s">
        <v>297</v>
      </c>
      <c r="Z751" t="s">
        <v>244</v>
      </c>
      <c r="AC751" t="s">
        <v>180</v>
      </c>
      <c r="AD751" t="s">
        <v>175</v>
      </c>
      <c r="AE751" t="s">
        <v>175</v>
      </c>
      <c r="AF751" t="s">
        <v>200</v>
      </c>
      <c r="AG751" t="s">
        <v>175</v>
      </c>
      <c r="AH751" t="s">
        <v>200</v>
      </c>
      <c r="AI751" t="s">
        <v>200</v>
      </c>
      <c r="AJ751" t="s">
        <v>175</v>
      </c>
      <c r="AK751" t="s">
        <v>181</v>
      </c>
      <c r="AL751" t="s">
        <v>42</v>
      </c>
      <c r="AM751" t="s">
        <v>204</v>
      </c>
      <c r="AN751" t="s">
        <v>185</v>
      </c>
      <c r="AO751" t="s">
        <v>205</v>
      </c>
      <c r="AP751" t="s">
        <v>206</v>
      </c>
      <c r="AQ751" t="s">
        <v>183</v>
      </c>
      <c r="AR751" t="s">
        <v>203</v>
      </c>
      <c r="AS751" t="s">
        <v>201</v>
      </c>
      <c r="AT751" t="s">
        <v>184</v>
      </c>
      <c r="AU751" t="s">
        <v>202</v>
      </c>
      <c r="AV751" t="s">
        <v>182</v>
      </c>
      <c r="AZ751" t="s">
        <v>207</v>
      </c>
      <c r="BA751" t="s">
        <v>188</v>
      </c>
      <c r="BB751" t="s">
        <v>208</v>
      </c>
      <c r="BF751" t="s">
        <v>210</v>
      </c>
      <c r="BG751" s="1">
        <v>0</v>
      </c>
      <c r="BH751" t="s">
        <v>211</v>
      </c>
      <c r="BK751" s="1">
        <v>0</v>
      </c>
      <c r="BM751" s="1">
        <v>0</v>
      </c>
      <c r="BO751" s="1">
        <v>0</v>
      </c>
    </row>
    <row r="752" spans="1:69" x14ac:dyDescent="0.25">
      <c r="A752" s="1">
        <v>30449660</v>
      </c>
      <c r="B752" t="s">
        <v>4153</v>
      </c>
      <c r="C752" t="s">
        <v>39</v>
      </c>
      <c r="D752" t="s">
        <v>3727</v>
      </c>
      <c r="E752" t="s">
        <v>175</v>
      </c>
      <c r="L752" t="s">
        <v>52</v>
      </c>
      <c r="M752" s="1">
        <v>0</v>
      </c>
      <c r="N752" s="1">
        <v>0</v>
      </c>
      <c r="O752" t="s">
        <v>3728</v>
      </c>
      <c r="P752" t="s">
        <v>216</v>
      </c>
      <c r="Q752" t="s">
        <v>322</v>
      </c>
      <c r="S752" s="1">
        <v>0</v>
      </c>
      <c r="T752" t="s">
        <v>175</v>
      </c>
      <c r="AC752" t="s">
        <v>199</v>
      </c>
      <c r="AD752" t="s">
        <v>181</v>
      </c>
      <c r="AE752" t="s">
        <v>181</v>
      </c>
      <c r="AF752" t="s">
        <v>181</v>
      </c>
      <c r="AG752" t="s">
        <v>181</v>
      </c>
      <c r="AH752" t="s">
        <v>181</v>
      </c>
      <c r="AI752" t="s">
        <v>181</v>
      </c>
      <c r="AJ752" t="s">
        <v>181</v>
      </c>
      <c r="AK752" t="s">
        <v>181</v>
      </c>
      <c r="AL752" t="s">
        <v>42</v>
      </c>
      <c r="AM752" s="1">
        <v>0</v>
      </c>
      <c r="AN752" s="1">
        <v>0</v>
      </c>
      <c r="AO752" s="1">
        <v>0</v>
      </c>
      <c r="AP752" s="1">
        <v>0</v>
      </c>
      <c r="AQ752" s="1">
        <v>0</v>
      </c>
      <c r="AR752" s="1">
        <v>0</v>
      </c>
      <c r="AS752" s="1">
        <v>0</v>
      </c>
      <c r="AT752" s="1">
        <v>0</v>
      </c>
      <c r="AU752" s="1">
        <v>0</v>
      </c>
      <c r="AV752" s="1">
        <v>0</v>
      </c>
      <c r="AX752" t="s">
        <v>186</v>
      </c>
      <c r="AZ752" t="s">
        <v>207</v>
      </c>
      <c r="BF752" t="s">
        <v>49</v>
      </c>
      <c r="BG752" s="1">
        <v>0</v>
      </c>
      <c r="BH752" t="s">
        <v>211</v>
      </c>
      <c r="BK752" t="s">
        <v>191</v>
      </c>
      <c r="BM752" s="1">
        <v>0</v>
      </c>
      <c r="BO752" t="s">
        <v>218</v>
      </c>
    </row>
    <row r="753" spans="1:69" x14ac:dyDescent="0.25">
      <c r="A753" s="1">
        <v>30449664</v>
      </c>
      <c r="B753" t="s">
        <v>4154</v>
      </c>
      <c r="C753" t="s">
        <v>39</v>
      </c>
      <c r="D753" t="s">
        <v>3727</v>
      </c>
      <c r="E753" t="s">
        <v>200</v>
      </c>
      <c r="L753" t="s">
        <v>52</v>
      </c>
      <c r="M753" s="1">
        <v>0</v>
      </c>
      <c r="N753" s="1">
        <v>0</v>
      </c>
      <c r="O753" t="s">
        <v>3728</v>
      </c>
      <c r="P753" t="s">
        <v>216</v>
      </c>
      <c r="Q753" t="s">
        <v>177</v>
      </c>
      <c r="S753" s="1">
        <v>0</v>
      </c>
      <c r="T753" t="s">
        <v>200</v>
      </c>
      <c r="Y753" t="s">
        <v>224</v>
      </c>
      <c r="AC753" t="s">
        <v>180</v>
      </c>
      <c r="AD753" t="s">
        <v>175</v>
      </c>
      <c r="AE753" t="s">
        <v>175</v>
      </c>
      <c r="AF753" t="s">
        <v>200</v>
      </c>
      <c r="AG753" t="s">
        <v>200</v>
      </c>
      <c r="AH753" t="s">
        <v>200</v>
      </c>
      <c r="AI753" t="s">
        <v>200</v>
      </c>
      <c r="AJ753" t="s">
        <v>175</v>
      </c>
      <c r="AK753" t="s">
        <v>181</v>
      </c>
      <c r="AL753" t="s">
        <v>52</v>
      </c>
      <c r="AM753" t="s">
        <v>201</v>
      </c>
      <c r="AN753" t="s">
        <v>205</v>
      </c>
      <c r="AO753" t="s">
        <v>206</v>
      </c>
      <c r="AP753" t="s">
        <v>183</v>
      </c>
      <c r="AQ753" t="s">
        <v>185</v>
      </c>
      <c r="AR753" t="s">
        <v>203</v>
      </c>
      <c r="AS753" t="s">
        <v>182</v>
      </c>
      <c r="AT753" t="s">
        <v>184</v>
      </c>
      <c r="AU753" t="s">
        <v>204</v>
      </c>
      <c r="AV753" t="s">
        <v>202</v>
      </c>
      <c r="AW753" t="s">
        <v>4155</v>
      </c>
      <c r="AY753" t="s">
        <v>187</v>
      </c>
      <c r="AZ753" t="s">
        <v>207</v>
      </c>
      <c r="BA753" t="s">
        <v>188</v>
      </c>
      <c r="BF753" t="s">
        <v>292</v>
      </c>
      <c r="BG753" t="s">
        <v>315</v>
      </c>
      <c r="BH753" t="s">
        <v>211</v>
      </c>
      <c r="BK753" t="s">
        <v>191</v>
      </c>
      <c r="BL753" t="s">
        <v>4156</v>
      </c>
      <c r="BM753" t="s">
        <v>191</v>
      </c>
      <c r="BN753" t="s">
        <v>4157</v>
      </c>
      <c r="BO753" t="s">
        <v>191</v>
      </c>
      <c r="BP753" t="s">
        <v>4158</v>
      </c>
      <c r="BQ753" t="s">
        <v>4159</v>
      </c>
    </row>
    <row r="754" spans="1:69" x14ac:dyDescent="0.25">
      <c r="A754" s="1">
        <v>30449665</v>
      </c>
      <c r="B754" t="s">
        <v>3414</v>
      </c>
      <c r="C754" t="s">
        <v>39</v>
      </c>
      <c r="D754" t="s">
        <v>3138</v>
      </c>
      <c r="E754" t="s">
        <v>200</v>
      </c>
      <c r="L754" t="s">
        <v>52</v>
      </c>
      <c r="M754" s="1">
        <v>0</v>
      </c>
      <c r="N754" s="1">
        <v>0</v>
      </c>
      <c r="O754" t="s">
        <v>3139</v>
      </c>
      <c r="P754" t="s">
        <v>176</v>
      </c>
      <c r="Q754" t="s">
        <v>177</v>
      </c>
      <c r="S754" t="s">
        <v>178</v>
      </c>
      <c r="T754" t="s">
        <v>200</v>
      </c>
      <c r="X754" t="s">
        <v>179</v>
      </c>
      <c r="AC754" t="s">
        <v>180</v>
      </c>
      <c r="AD754" t="s">
        <v>175</v>
      </c>
      <c r="AE754" t="s">
        <v>181</v>
      </c>
      <c r="AF754" t="s">
        <v>175</v>
      </c>
      <c r="AG754" t="s">
        <v>181</v>
      </c>
      <c r="AH754" t="s">
        <v>175</v>
      </c>
      <c r="AI754" t="s">
        <v>175</v>
      </c>
      <c r="AJ754" t="s">
        <v>181</v>
      </c>
      <c r="AK754" t="s">
        <v>181</v>
      </c>
      <c r="AL754" t="s">
        <v>42</v>
      </c>
      <c r="AM754" t="s">
        <v>185</v>
      </c>
      <c r="AN754" t="s">
        <v>182</v>
      </c>
      <c r="AO754" t="s">
        <v>201</v>
      </c>
      <c r="AP754" t="s">
        <v>206</v>
      </c>
      <c r="AQ754" t="s">
        <v>205</v>
      </c>
      <c r="AR754" t="s">
        <v>204</v>
      </c>
      <c r="AS754" t="s">
        <v>203</v>
      </c>
      <c r="AT754" t="s">
        <v>183</v>
      </c>
      <c r="AU754" t="s">
        <v>184</v>
      </c>
      <c r="AV754" t="s">
        <v>202</v>
      </c>
      <c r="AY754" t="s">
        <v>187</v>
      </c>
      <c r="AZ754" t="s">
        <v>207</v>
      </c>
      <c r="BB754" t="s">
        <v>208</v>
      </c>
      <c r="BC754" t="s">
        <v>209</v>
      </c>
      <c r="BF754" t="s">
        <v>210</v>
      </c>
      <c r="BG754" s="1">
        <v>0</v>
      </c>
      <c r="BH754" t="s">
        <v>211</v>
      </c>
      <c r="BK754" t="s">
        <v>191</v>
      </c>
      <c r="BL754" t="s">
        <v>2599</v>
      </c>
      <c r="BM754" t="s">
        <v>191</v>
      </c>
      <c r="BN754" t="s">
        <v>3415</v>
      </c>
      <c r="BO754" t="s">
        <v>191</v>
      </c>
      <c r="BP754" t="s">
        <v>576</v>
      </c>
      <c r="BQ754" t="s">
        <v>3416</v>
      </c>
    </row>
    <row r="755" spans="1:69" x14ac:dyDescent="0.25">
      <c r="A755" s="1">
        <v>30449666</v>
      </c>
      <c r="B755" t="s">
        <v>560</v>
      </c>
      <c r="C755" t="s">
        <v>39</v>
      </c>
      <c r="D755" t="s">
        <v>174</v>
      </c>
      <c r="E755" t="s">
        <v>200</v>
      </c>
      <c r="L755" t="s">
        <v>52</v>
      </c>
      <c r="M755" s="1">
        <v>0</v>
      </c>
      <c r="N755" s="1">
        <v>0</v>
      </c>
      <c r="O755" t="s">
        <v>174</v>
      </c>
      <c r="P755" t="s">
        <v>176</v>
      </c>
      <c r="Q755" t="s">
        <v>238</v>
      </c>
      <c r="S755" t="s">
        <v>178</v>
      </c>
      <c r="T755" t="s">
        <v>200</v>
      </c>
      <c r="AC755" t="s">
        <v>180</v>
      </c>
      <c r="AD755" t="s">
        <v>200</v>
      </c>
      <c r="AE755" t="s">
        <v>200</v>
      </c>
      <c r="AF755" t="s">
        <v>200</v>
      </c>
      <c r="AG755" t="s">
        <v>200</v>
      </c>
      <c r="AH755" t="s">
        <v>200</v>
      </c>
      <c r="AI755" t="s">
        <v>200</v>
      </c>
      <c r="AJ755" t="s">
        <v>200</v>
      </c>
      <c r="AK755" t="s">
        <v>200</v>
      </c>
      <c r="AL755" t="s">
        <v>42</v>
      </c>
      <c r="AM755" s="1">
        <v>0</v>
      </c>
      <c r="AN755" s="1">
        <v>0</v>
      </c>
      <c r="AO755" s="1">
        <v>0</v>
      </c>
      <c r="AP755" s="1">
        <v>0</v>
      </c>
      <c r="AQ755" s="1">
        <v>0</v>
      </c>
      <c r="AR755" s="1">
        <v>0</v>
      </c>
      <c r="AS755" s="1">
        <v>0</v>
      </c>
      <c r="AT755" s="1">
        <v>0</v>
      </c>
      <c r="AU755" s="1">
        <v>0</v>
      </c>
      <c r="AV755" s="1">
        <v>0</v>
      </c>
      <c r="AX755" t="s">
        <v>186</v>
      </c>
      <c r="BD755" t="s">
        <v>273</v>
      </c>
      <c r="BE755" t="s">
        <v>561</v>
      </c>
      <c r="BF755" t="s">
        <v>210</v>
      </c>
      <c r="BG755" s="1">
        <v>0</v>
      </c>
      <c r="BH755" t="s">
        <v>211</v>
      </c>
      <c r="BK755" t="s">
        <v>191</v>
      </c>
      <c r="BL755" t="s">
        <v>562</v>
      </c>
      <c r="BM755" t="s">
        <v>191</v>
      </c>
      <c r="BN755" t="s">
        <v>562</v>
      </c>
      <c r="BO755" t="s">
        <v>191</v>
      </c>
      <c r="BP755" t="s">
        <v>562</v>
      </c>
    </row>
    <row r="756" spans="1:69" x14ac:dyDescent="0.25">
      <c r="A756" s="1">
        <v>30449668</v>
      </c>
      <c r="B756" t="s">
        <v>4160</v>
      </c>
      <c r="C756" t="s">
        <v>39</v>
      </c>
      <c r="D756" t="s">
        <v>3727</v>
      </c>
      <c r="E756" t="s">
        <v>200</v>
      </c>
      <c r="L756" t="s">
        <v>52</v>
      </c>
      <c r="M756" s="1">
        <v>0</v>
      </c>
      <c r="N756" s="1">
        <v>0</v>
      </c>
      <c r="O756" t="s">
        <v>3728</v>
      </c>
      <c r="P756" t="s">
        <v>216</v>
      </c>
      <c r="Q756" t="s">
        <v>328</v>
      </c>
      <c r="S756" s="1">
        <v>0</v>
      </c>
      <c r="T756" t="s">
        <v>200</v>
      </c>
      <c r="X756" t="s">
        <v>179</v>
      </c>
      <c r="Z756" t="s">
        <v>244</v>
      </c>
      <c r="AC756" t="s">
        <v>199</v>
      </c>
      <c r="AD756" t="s">
        <v>175</v>
      </c>
      <c r="AE756" t="s">
        <v>175</v>
      </c>
      <c r="AF756" t="s">
        <v>175</v>
      </c>
      <c r="AG756" t="s">
        <v>175</v>
      </c>
      <c r="AH756" t="s">
        <v>175</v>
      </c>
      <c r="AI756" t="s">
        <v>175</v>
      </c>
      <c r="AJ756" t="s">
        <v>175</v>
      </c>
      <c r="AK756" t="s">
        <v>175</v>
      </c>
      <c r="AL756" t="s">
        <v>42</v>
      </c>
      <c r="AM756" t="s">
        <v>204</v>
      </c>
      <c r="AN756" t="s">
        <v>183</v>
      </c>
      <c r="AO756" t="s">
        <v>182</v>
      </c>
      <c r="AP756" t="s">
        <v>203</v>
      </c>
      <c r="AQ756" t="s">
        <v>185</v>
      </c>
      <c r="AR756" t="s">
        <v>184</v>
      </c>
      <c r="AS756" t="s">
        <v>202</v>
      </c>
      <c r="AT756" t="s">
        <v>201</v>
      </c>
      <c r="AU756" t="s">
        <v>206</v>
      </c>
      <c r="AV756" t="s">
        <v>205</v>
      </c>
      <c r="AX756" t="s">
        <v>186</v>
      </c>
      <c r="AY756" t="s">
        <v>187</v>
      </c>
      <c r="AZ756" t="s">
        <v>207</v>
      </c>
      <c r="BA756" t="s">
        <v>188</v>
      </c>
      <c r="BB756" t="s">
        <v>208</v>
      </c>
      <c r="BC756" t="s">
        <v>209</v>
      </c>
      <c r="BF756" t="s">
        <v>232</v>
      </c>
      <c r="BG756" t="s">
        <v>301</v>
      </c>
      <c r="BH756" t="s">
        <v>247</v>
      </c>
      <c r="BK756" t="s">
        <v>191</v>
      </c>
      <c r="BL756" t="s">
        <v>4161</v>
      </c>
      <c r="BM756" t="s">
        <v>191</v>
      </c>
      <c r="BN756" t="s">
        <v>4162</v>
      </c>
      <c r="BO756" t="s">
        <v>191</v>
      </c>
      <c r="BP756" t="s">
        <v>4163</v>
      </c>
    </row>
    <row r="757" spans="1:69" x14ac:dyDescent="0.25">
      <c r="A757" s="1">
        <v>30449673</v>
      </c>
      <c r="B757" t="s">
        <v>2796</v>
      </c>
      <c r="C757" t="s">
        <v>39</v>
      </c>
      <c r="D757" t="s">
        <v>2512</v>
      </c>
      <c r="E757" t="s">
        <v>200</v>
      </c>
      <c r="L757" t="s">
        <v>52</v>
      </c>
      <c r="M757" s="1">
        <v>0</v>
      </c>
      <c r="N757" s="1">
        <v>0</v>
      </c>
      <c r="O757" t="s">
        <v>2512</v>
      </c>
      <c r="P757" t="s">
        <v>176</v>
      </c>
      <c r="Q757" t="s">
        <v>196</v>
      </c>
      <c r="S757" t="s">
        <v>178</v>
      </c>
      <c r="T757" t="s">
        <v>200</v>
      </c>
      <c r="AA757" t="s">
        <v>273</v>
      </c>
      <c r="AB757" t="s">
        <v>2797</v>
      </c>
      <c r="AC757" t="s">
        <v>180</v>
      </c>
      <c r="AD757" t="s">
        <v>299</v>
      </c>
      <c r="AE757" t="s">
        <v>299</v>
      </c>
      <c r="AF757" t="s">
        <v>299</v>
      </c>
      <c r="AG757" t="s">
        <v>299</v>
      </c>
      <c r="AH757" t="s">
        <v>299</v>
      </c>
      <c r="AI757" t="s">
        <v>299</v>
      </c>
      <c r="AJ757" t="s">
        <v>299</v>
      </c>
      <c r="AK757" t="s">
        <v>299</v>
      </c>
      <c r="AL757" t="s">
        <v>42</v>
      </c>
      <c r="AM757" t="s">
        <v>184</v>
      </c>
      <c r="AN757" t="s">
        <v>205</v>
      </c>
      <c r="AO757" t="s">
        <v>206</v>
      </c>
      <c r="AP757" t="s">
        <v>182</v>
      </c>
      <c r="AQ757" t="s">
        <v>202</v>
      </c>
      <c r="AR757" t="s">
        <v>203</v>
      </c>
      <c r="AS757" t="s">
        <v>201</v>
      </c>
      <c r="AT757" t="s">
        <v>183</v>
      </c>
      <c r="AU757" t="s">
        <v>185</v>
      </c>
      <c r="AV757" t="s">
        <v>204</v>
      </c>
      <c r="AW757" t="s">
        <v>2798</v>
      </c>
      <c r="AY757" t="s">
        <v>187</v>
      </c>
      <c r="AZ757" t="s">
        <v>207</v>
      </c>
      <c r="BA757" t="s">
        <v>188</v>
      </c>
      <c r="BC757" t="s">
        <v>209</v>
      </c>
      <c r="BF757" t="s">
        <v>210</v>
      </c>
      <c r="BG757" s="1">
        <v>0</v>
      </c>
      <c r="BH757" t="s">
        <v>211</v>
      </c>
      <c r="BK757" t="s">
        <v>191</v>
      </c>
      <c r="BL757" t="s">
        <v>944</v>
      </c>
      <c r="BM757" t="s">
        <v>191</v>
      </c>
      <c r="BN757" t="s">
        <v>944</v>
      </c>
      <c r="BO757" t="s">
        <v>191</v>
      </c>
      <c r="BP757" t="s">
        <v>2799</v>
      </c>
      <c r="BQ757" t="s">
        <v>2800</v>
      </c>
    </row>
    <row r="758" spans="1:69" x14ac:dyDescent="0.25">
      <c r="A758" s="1">
        <v>30449674</v>
      </c>
      <c r="B758" t="s">
        <v>1263</v>
      </c>
      <c r="C758" t="s">
        <v>39</v>
      </c>
      <c r="D758" t="s">
        <v>942</v>
      </c>
      <c r="E758" t="s">
        <v>175</v>
      </c>
      <c r="L758" t="s">
        <v>52</v>
      </c>
      <c r="M758" s="1">
        <v>0</v>
      </c>
      <c r="N758" s="1">
        <v>0</v>
      </c>
      <c r="O758" t="s">
        <v>942</v>
      </c>
      <c r="P758" t="s">
        <v>176</v>
      </c>
      <c r="Q758" t="s">
        <v>238</v>
      </c>
      <c r="S758" t="s">
        <v>178</v>
      </c>
      <c r="T758" t="s">
        <v>175</v>
      </c>
      <c r="X758" t="s">
        <v>179</v>
      </c>
      <c r="AC758" t="s">
        <v>199</v>
      </c>
      <c r="AD758" t="s">
        <v>175</v>
      </c>
      <c r="AE758" t="s">
        <v>181</v>
      </c>
      <c r="AF758" t="s">
        <v>181</v>
      </c>
      <c r="AG758" t="s">
        <v>175</v>
      </c>
      <c r="AH758" t="s">
        <v>175</v>
      </c>
      <c r="AI758" t="s">
        <v>175</v>
      </c>
      <c r="AJ758" t="s">
        <v>175</v>
      </c>
      <c r="AK758" t="s">
        <v>181</v>
      </c>
      <c r="AL758" t="s">
        <v>42</v>
      </c>
      <c r="AM758" t="s">
        <v>185</v>
      </c>
      <c r="AN758" t="s">
        <v>182</v>
      </c>
      <c r="AO758" t="s">
        <v>184</v>
      </c>
      <c r="AP758" t="s">
        <v>204</v>
      </c>
      <c r="AQ758" t="s">
        <v>205</v>
      </c>
      <c r="AR758" t="s">
        <v>206</v>
      </c>
      <c r="AS758" t="s">
        <v>183</v>
      </c>
      <c r="AT758" t="s">
        <v>202</v>
      </c>
      <c r="AU758" t="s">
        <v>203</v>
      </c>
      <c r="AV758" t="s">
        <v>201</v>
      </c>
      <c r="AZ758" t="s">
        <v>207</v>
      </c>
      <c r="BF758" t="s">
        <v>210</v>
      </c>
      <c r="BG758" s="1">
        <v>0</v>
      </c>
      <c r="BH758" t="s">
        <v>190</v>
      </c>
      <c r="BK758" t="s">
        <v>191</v>
      </c>
      <c r="BL758" t="s">
        <v>1264</v>
      </c>
      <c r="BM758" t="s">
        <v>191</v>
      </c>
      <c r="BN758" t="s">
        <v>1264</v>
      </c>
      <c r="BO758" t="s">
        <v>191</v>
      </c>
      <c r="BP758" t="s">
        <v>1265</v>
      </c>
    </row>
    <row r="759" spans="1:69" x14ac:dyDescent="0.25">
      <c r="A759" s="1">
        <v>30449679</v>
      </c>
      <c r="B759" t="s">
        <v>563</v>
      </c>
      <c r="C759" t="s">
        <v>39</v>
      </c>
      <c r="D759" t="s">
        <v>174</v>
      </c>
      <c r="E759" t="s">
        <v>216</v>
      </c>
      <c r="L759" t="s">
        <v>52</v>
      </c>
      <c r="M759" s="1">
        <v>0</v>
      </c>
      <c r="N759" s="1">
        <v>0</v>
      </c>
      <c r="O759" t="s">
        <v>174</v>
      </c>
      <c r="P759" t="s">
        <v>216</v>
      </c>
      <c r="Q759" t="s">
        <v>238</v>
      </c>
      <c r="S759" s="1">
        <v>0</v>
      </c>
      <c r="T759" t="s">
        <v>297</v>
      </c>
      <c r="U759" t="s">
        <v>564</v>
      </c>
      <c r="W759" t="s">
        <v>262</v>
      </c>
      <c r="X759" t="s">
        <v>179</v>
      </c>
      <c r="Z759" t="s">
        <v>244</v>
      </c>
      <c r="AC759" t="s">
        <v>199</v>
      </c>
      <c r="AD759" t="s">
        <v>230</v>
      </c>
      <c r="AE759" t="s">
        <v>230</v>
      </c>
      <c r="AF759" t="s">
        <v>299</v>
      </c>
      <c r="AG759" t="s">
        <v>181</v>
      </c>
      <c r="AH759" t="s">
        <v>230</v>
      </c>
      <c r="AI759" t="s">
        <v>181</v>
      </c>
      <c r="AJ759" t="s">
        <v>230</v>
      </c>
      <c r="AK759" t="s">
        <v>230</v>
      </c>
      <c r="AL759" t="s">
        <v>52</v>
      </c>
      <c r="AM759" t="s">
        <v>202</v>
      </c>
      <c r="AN759" t="s">
        <v>201</v>
      </c>
      <c r="AO759" t="s">
        <v>182</v>
      </c>
      <c r="AP759" t="s">
        <v>183</v>
      </c>
      <c r="AQ759" t="s">
        <v>185</v>
      </c>
      <c r="AR759" t="s">
        <v>184</v>
      </c>
      <c r="AS759" t="s">
        <v>205</v>
      </c>
      <c r="AT759" t="s">
        <v>204</v>
      </c>
      <c r="AU759" t="s">
        <v>206</v>
      </c>
      <c r="AV759" t="s">
        <v>203</v>
      </c>
      <c r="AW759" t="s">
        <v>565</v>
      </c>
      <c r="AX759" t="s">
        <v>186</v>
      </c>
      <c r="AZ759" t="s">
        <v>207</v>
      </c>
      <c r="BB759" t="s">
        <v>208</v>
      </c>
      <c r="BC759" t="s">
        <v>209</v>
      </c>
      <c r="BF759" t="s">
        <v>189</v>
      </c>
      <c r="BG759" s="1">
        <v>0</v>
      </c>
      <c r="BH759" t="s">
        <v>211</v>
      </c>
      <c r="BK759" t="s">
        <v>191</v>
      </c>
      <c r="BL759" t="s">
        <v>566</v>
      </c>
      <c r="BM759" t="s">
        <v>191</v>
      </c>
      <c r="BN759" t="s">
        <v>567</v>
      </c>
      <c r="BO759" t="s">
        <v>191</v>
      </c>
      <c r="BP759" t="s">
        <v>518</v>
      </c>
    </row>
    <row r="760" spans="1:69" x14ac:dyDescent="0.25">
      <c r="A760" s="1">
        <v>30449682</v>
      </c>
      <c r="B760" t="s">
        <v>81</v>
      </c>
      <c r="C760" t="s">
        <v>39</v>
      </c>
      <c r="L760" s="1">
        <v>0</v>
      </c>
      <c r="M760" s="1">
        <v>0</v>
      </c>
      <c r="N760" s="1">
        <v>0</v>
      </c>
      <c r="O760" s="1">
        <v>0</v>
      </c>
      <c r="P760" s="1">
        <v>0</v>
      </c>
      <c r="Q760" s="1">
        <v>0</v>
      </c>
      <c r="S760" s="1">
        <v>0</v>
      </c>
      <c r="T760" s="1">
        <v>0</v>
      </c>
      <c r="AC760" s="1">
        <v>0</v>
      </c>
      <c r="AD760" s="1">
        <v>0</v>
      </c>
      <c r="AE760" s="1">
        <v>0</v>
      </c>
      <c r="AF760" s="1">
        <v>0</v>
      </c>
      <c r="AG760" s="1">
        <v>0</v>
      </c>
      <c r="AH760" s="1">
        <v>0</v>
      </c>
      <c r="AI760" s="1">
        <v>0</v>
      </c>
      <c r="AJ760" s="1">
        <v>0</v>
      </c>
      <c r="AK760" s="1">
        <v>0</v>
      </c>
      <c r="AL760" s="1">
        <v>0</v>
      </c>
      <c r="AM760" s="1">
        <v>0</v>
      </c>
      <c r="AN760" s="1">
        <v>0</v>
      </c>
      <c r="AO760" s="1">
        <v>0</v>
      </c>
      <c r="AP760" s="1">
        <v>0</v>
      </c>
      <c r="AQ760" s="1">
        <v>0</v>
      </c>
      <c r="AR760" s="1">
        <v>0</v>
      </c>
      <c r="AS760" s="1">
        <v>0</v>
      </c>
      <c r="AT760" s="1">
        <v>0</v>
      </c>
      <c r="AU760" s="1">
        <v>0</v>
      </c>
      <c r="AV760" s="1">
        <v>0</v>
      </c>
      <c r="BF760" s="1">
        <v>0</v>
      </c>
      <c r="BG760" s="1">
        <v>0</v>
      </c>
      <c r="BH760" s="1">
        <v>0</v>
      </c>
      <c r="BK760" s="1">
        <v>0</v>
      </c>
      <c r="BM760" s="1">
        <v>0</v>
      </c>
      <c r="BO760" s="1">
        <v>0</v>
      </c>
    </row>
    <row r="761" spans="1:69" x14ac:dyDescent="0.25">
      <c r="A761" s="1">
        <v>30449684</v>
      </c>
      <c r="B761" t="s">
        <v>3417</v>
      </c>
      <c r="C761" t="s">
        <v>39</v>
      </c>
      <c r="D761" t="s">
        <v>3138</v>
      </c>
      <c r="E761" t="s">
        <v>175</v>
      </c>
      <c r="L761" t="s">
        <v>52</v>
      </c>
      <c r="M761" s="1">
        <v>0</v>
      </c>
      <c r="N761" s="1">
        <v>0</v>
      </c>
      <c r="O761" t="s">
        <v>3139</v>
      </c>
      <c r="P761" t="s">
        <v>176</v>
      </c>
      <c r="Q761" t="s">
        <v>238</v>
      </c>
      <c r="S761" t="s">
        <v>178</v>
      </c>
      <c r="T761" t="s">
        <v>175</v>
      </c>
      <c r="V761" t="s">
        <v>397</v>
      </c>
      <c r="X761" t="s">
        <v>179</v>
      </c>
      <c r="AC761" t="s">
        <v>1357</v>
      </c>
      <c r="AD761" t="s">
        <v>181</v>
      </c>
      <c r="AE761" t="s">
        <v>181</v>
      </c>
      <c r="AF761" t="s">
        <v>181</v>
      </c>
      <c r="AG761" t="s">
        <v>230</v>
      </c>
      <c r="AH761" t="s">
        <v>181</v>
      </c>
      <c r="AI761" t="s">
        <v>175</v>
      </c>
      <c r="AJ761" t="s">
        <v>230</v>
      </c>
      <c r="AK761" t="s">
        <v>230</v>
      </c>
      <c r="AL761" t="s">
        <v>42</v>
      </c>
      <c r="AM761" t="s">
        <v>184</v>
      </c>
      <c r="AN761" t="s">
        <v>183</v>
      </c>
      <c r="AO761" t="s">
        <v>182</v>
      </c>
      <c r="AP761" t="s">
        <v>185</v>
      </c>
      <c r="AQ761" t="s">
        <v>204</v>
      </c>
      <c r="AR761" t="s">
        <v>203</v>
      </c>
      <c r="AS761" t="s">
        <v>205</v>
      </c>
      <c r="AT761" t="s">
        <v>206</v>
      </c>
      <c r="AU761" t="s">
        <v>201</v>
      </c>
      <c r="AV761" t="s">
        <v>202</v>
      </c>
      <c r="AX761" t="s">
        <v>186</v>
      </c>
      <c r="AZ761" t="s">
        <v>207</v>
      </c>
      <c r="BC761" t="s">
        <v>209</v>
      </c>
      <c r="BF761" t="s">
        <v>49</v>
      </c>
      <c r="BG761" s="1">
        <v>0</v>
      </c>
      <c r="BH761" t="s">
        <v>302</v>
      </c>
      <c r="BI761" t="s">
        <v>3418</v>
      </c>
      <c r="BK761" t="s">
        <v>191</v>
      </c>
      <c r="BL761" t="s">
        <v>1200</v>
      </c>
      <c r="BM761" t="s">
        <v>191</v>
      </c>
      <c r="BN761" t="s">
        <v>3419</v>
      </c>
      <c r="BO761" t="s">
        <v>191</v>
      </c>
      <c r="BP761" t="s">
        <v>1200</v>
      </c>
    </row>
    <row r="762" spans="1:69" x14ac:dyDescent="0.25">
      <c r="A762" s="1">
        <v>30449685</v>
      </c>
      <c r="B762" t="s">
        <v>2039</v>
      </c>
      <c r="C762" t="s">
        <v>39</v>
      </c>
      <c r="D762" t="s">
        <v>1616</v>
      </c>
      <c r="E762" t="s">
        <v>216</v>
      </c>
      <c r="L762" t="s">
        <v>52</v>
      </c>
      <c r="M762" s="1">
        <v>0</v>
      </c>
      <c r="N762" s="1">
        <v>0</v>
      </c>
      <c r="O762" t="s">
        <v>1616</v>
      </c>
      <c r="P762" t="s">
        <v>216</v>
      </c>
      <c r="Q762" t="s">
        <v>328</v>
      </c>
      <c r="S762" s="1">
        <v>0</v>
      </c>
      <c r="T762" t="s">
        <v>197</v>
      </c>
      <c r="U762" t="s">
        <v>2040</v>
      </c>
      <c r="X762" t="s">
        <v>179</v>
      </c>
      <c r="AC762" t="s">
        <v>180</v>
      </c>
      <c r="AD762" t="s">
        <v>181</v>
      </c>
      <c r="AE762" t="s">
        <v>230</v>
      </c>
      <c r="AF762" t="s">
        <v>230</v>
      </c>
      <c r="AG762" t="s">
        <v>230</v>
      </c>
      <c r="AH762" t="s">
        <v>175</v>
      </c>
      <c r="AI762" t="s">
        <v>175</v>
      </c>
      <c r="AJ762" t="s">
        <v>175</v>
      </c>
      <c r="AK762" t="s">
        <v>181</v>
      </c>
      <c r="AL762" t="s">
        <v>42</v>
      </c>
      <c r="AM762" t="s">
        <v>204</v>
      </c>
      <c r="AN762" t="s">
        <v>185</v>
      </c>
      <c r="AO762" t="s">
        <v>205</v>
      </c>
      <c r="AP762" t="s">
        <v>183</v>
      </c>
      <c r="AQ762" t="s">
        <v>184</v>
      </c>
      <c r="AR762" t="s">
        <v>182</v>
      </c>
      <c r="AS762" t="s">
        <v>202</v>
      </c>
      <c r="AT762" t="s">
        <v>201</v>
      </c>
      <c r="AU762" t="s">
        <v>206</v>
      </c>
      <c r="AV762" t="s">
        <v>203</v>
      </c>
      <c r="AY762" t="s">
        <v>187</v>
      </c>
      <c r="AZ762" t="s">
        <v>207</v>
      </c>
      <c r="BB762" t="s">
        <v>208</v>
      </c>
      <c r="BF762" t="s">
        <v>189</v>
      </c>
      <c r="BG762" s="1">
        <v>0</v>
      </c>
      <c r="BH762" t="s">
        <v>211</v>
      </c>
      <c r="BK762" t="s">
        <v>191</v>
      </c>
      <c r="BL762" t="s">
        <v>2041</v>
      </c>
      <c r="BM762" t="s">
        <v>191</v>
      </c>
      <c r="BN762" t="s">
        <v>2042</v>
      </c>
      <c r="BO762" t="s">
        <v>191</v>
      </c>
      <c r="BQ762" t="s">
        <v>2043</v>
      </c>
    </row>
    <row r="763" spans="1:69" x14ac:dyDescent="0.25">
      <c r="A763" s="1">
        <v>30449687</v>
      </c>
      <c r="B763" t="s">
        <v>2801</v>
      </c>
      <c r="C763" t="s">
        <v>39</v>
      </c>
      <c r="D763" t="s">
        <v>2512</v>
      </c>
      <c r="E763" t="s">
        <v>175</v>
      </c>
      <c r="L763" t="s">
        <v>52</v>
      </c>
      <c r="M763" s="1">
        <v>0</v>
      </c>
      <c r="N763" s="1">
        <v>0</v>
      </c>
      <c r="O763" t="s">
        <v>2512</v>
      </c>
      <c r="P763" t="s">
        <v>216</v>
      </c>
      <c r="Q763" t="s">
        <v>238</v>
      </c>
      <c r="S763" s="1">
        <v>0</v>
      </c>
      <c r="T763" t="s">
        <v>175</v>
      </c>
      <c r="X763" t="s">
        <v>179</v>
      </c>
      <c r="AC763" t="s">
        <v>180</v>
      </c>
      <c r="AD763" t="s">
        <v>175</v>
      </c>
      <c r="AE763" t="s">
        <v>175</v>
      </c>
      <c r="AF763" t="s">
        <v>230</v>
      </c>
      <c r="AG763" t="s">
        <v>175</v>
      </c>
      <c r="AH763" t="s">
        <v>175</v>
      </c>
      <c r="AI763" t="s">
        <v>175</v>
      </c>
      <c r="AJ763" t="s">
        <v>175</v>
      </c>
      <c r="AK763" t="s">
        <v>175</v>
      </c>
      <c r="AL763" t="s">
        <v>42</v>
      </c>
      <c r="AM763" t="s">
        <v>184</v>
      </c>
      <c r="AN763" t="s">
        <v>183</v>
      </c>
      <c r="AO763" t="s">
        <v>206</v>
      </c>
      <c r="AP763" t="s">
        <v>185</v>
      </c>
      <c r="AQ763" t="s">
        <v>182</v>
      </c>
      <c r="AR763" t="s">
        <v>203</v>
      </c>
      <c r="AS763" t="s">
        <v>202</v>
      </c>
      <c r="AT763" t="s">
        <v>201</v>
      </c>
      <c r="AU763" t="s">
        <v>204</v>
      </c>
      <c r="AV763" t="s">
        <v>205</v>
      </c>
      <c r="AZ763" t="s">
        <v>207</v>
      </c>
      <c r="BA763" t="s">
        <v>188</v>
      </c>
      <c r="BC763" t="s">
        <v>209</v>
      </c>
      <c r="BF763" t="s">
        <v>189</v>
      </c>
      <c r="BG763" s="1">
        <v>0</v>
      </c>
      <c r="BH763" t="s">
        <v>247</v>
      </c>
      <c r="BK763" t="s">
        <v>191</v>
      </c>
      <c r="BM763" t="s">
        <v>191</v>
      </c>
      <c r="BO763" t="s">
        <v>191</v>
      </c>
    </row>
    <row r="764" spans="1:69" x14ac:dyDescent="0.25">
      <c r="A764" s="1">
        <v>30449688</v>
      </c>
      <c r="B764" t="s">
        <v>82</v>
      </c>
      <c r="C764" t="s">
        <v>39</v>
      </c>
      <c r="L764" s="1">
        <v>0</v>
      </c>
      <c r="M764" s="1">
        <v>0</v>
      </c>
      <c r="N764" s="1">
        <v>0</v>
      </c>
      <c r="O764" s="1">
        <v>0</v>
      </c>
      <c r="P764" s="1">
        <v>0</v>
      </c>
      <c r="Q764" s="1">
        <v>0</v>
      </c>
      <c r="S764" s="1">
        <v>0</v>
      </c>
      <c r="T764" s="1">
        <v>0</v>
      </c>
      <c r="AC764" s="1">
        <v>0</v>
      </c>
      <c r="AD764" s="1">
        <v>0</v>
      </c>
      <c r="AE764" s="1">
        <v>0</v>
      </c>
      <c r="AF764" s="1">
        <v>0</v>
      </c>
      <c r="AG764" s="1">
        <v>0</v>
      </c>
      <c r="AH764" s="1">
        <v>0</v>
      </c>
      <c r="AI764" s="1">
        <v>0</v>
      </c>
      <c r="AJ764" s="1">
        <v>0</v>
      </c>
      <c r="AK764" s="1">
        <v>0</v>
      </c>
      <c r="AL764" s="1">
        <v>0</v>
      </c>
      <c r="AM764" s="1">
        <v>0</v>
      </c>
      <c r="AN764" s="1">
        <v>0</v>
      </c>
      <c r="AO764" s="1">
        <v>0</v>
      </c>
      <c r="AP764" s="1">
        <v>0</v>
      </c>
      <c r="AQ764" s="1">
        <v>0</v>
      </c>
      <c r="AR764" s="1">
        <v>0</v>
      </c>
      <c r="AS764" s="1">
        <v>0</v>
      </c>
      <c r="AT764" s="1">
        <v>0</v>
      </c>
      <c r="AU764" s="1">
        <v>0</v>
      </c>
      <c r="AV764" s="1">
        <v>0</v>
      </c>
      <c r="BF764" s="1">
        <v>0</v>
      </c>
      <c r="BG764" s="1">
        <v>0</v>
      </c>
      <c r="BH764" s="1">
        <v>0</v>
      </c>
      <c r="BK764" s="1">
        <v>0</v>
      </c>
      <c r="BM764" s="1">
        <v>0</v>
      </c>
      <c r="BO764" s="1">
        <v>0</v>
      </c>
    </row>
    <row r="765" spans="1:69" x14ac:dyDescent="0.25">
      <c r="A765" s="1">
        <v>30449692</v>
      </c>
      <c r="B765" t="s">
        <v>2802</v>
      </c>
      <c r="C765" t="s">
        <v>39</v>
      </c>
      <c r="D765" t="s">
        <v>2512</v>
      </c>
      <c r="E765" t="s">
        <v>216</v>
      </c>
      <c r="L765" t="s">
        <v>52</v>
      </c>
      <c r="M765" s="1">
        <v>0</v>
      </c>
      <c r="N765" s="1">
        <v>0</v>
      </c>
      <c r="O765" t="s">
        <v>2512</v>
      </c>
      <c r="P765" t="s">
        <v>216</v>
      </c>
      <c r="Q765" t="s">
        <v>328</v>
      </c>
      <c r="S765" s="1">
        <v>0</v>
      </c>
      <c r="T765" t="s">
        <v>197</v>
      </c>
      <c r="U765" t="s">
        <v>2803</v>
      </c>
      <c r="W765" t="s">
        <v>262</v>
      </c>
      <c r="Y765" t="s">
        <v>224</v>
      </c>
      <c r="AA765" t="s">
        <v>273</v>
      </c>
      <c r="AB765" t="s">
        <v>2804</v>
      </c>
      <c r="AC765" t="s">
        <v>199</v>
      </c>
      <c r="AD765" t="s">
        <v>181</v>
      </c>
      <c r="AE765" t="s">
        <v>230</v>
      </c>
      <c r="AF765" t="s">
        <v>230</v>
      </c>
      <c r="AG765" t="s">
        <v>175</v>
      </c>
      <c r="AH765" t="s">
        <v>175</v>
      </c>
      <c r="AI765" t="s">
        <v>175</v>
      </c>
      <c r="AJ765" t="s">
        <v>175</v>
      </c>
      <c r="AK765" t="s">
        <v>230</v>
      </c>
      <c r="AL765" t="s">
        <v>42</v>
      </c>
      <c r="AM765" t="s">
        <v>184</v>
      </c>
      <c r="AN765" t="s">
        <v>183</v>
      </c>
      <c r="AO765" t="s">
        <v>185</v>
      </c>
      <c r="AP765" t="s">
        <v>202</v>
      </c>
      <c r="AQ765" t="s">
        <v>204</v>
      </c>
      <c r="AR765" t="s">
        <v>205</v>
      </c>
      <c r="AS765" t="s">
        <v>203</v>
      </c>
      <c r="AT765" t="s">
        <v>206</v>
      </c>
      <c r="AU765" t="s">
        <v>201</v>
      </c>
      <c r="AV765" t="s">
        <v>182</v>
      </c>
      <c r="AX765" t="s">
        <v>186</v>
      </c>
      <c r="AY765" t="s">
        <v>187</v>
      </c>
      <c r="AZ765" t="s">
        <v>207</v>
      </c>
      <c r="BA765" t="s">
        <v>188</v>
      </c>
      <c r="BF765" t="s">
        <v>232</v>
      </c>
      <c r="BG765" t="s">
        <v>233</v>
      </c>
      <c r="BH765" t="s">
        <v>211</v>
      </c>
      <c r="BK765" t="s">
        <v>191</v>
      </c>
      <c r="BL765" t="s">
        <v>2805</v>
      </c>
      <c r="BM765" t="s">
        <v>191</v>
      </c>
      <c r="BN765" t="s">
        <v>2806</v>
      </c>
      <c r="BO765" t="s">
        <v>191</v>
      </c>
      <c r="BP765" t="s">
        <v>254</v>
      </c>
      <c r="BQ765" t="s">
        <v>2807</v>
      </c>
    </row>
    <row r="766" spans="1:69" x14ac:dyDescent="0.25">
      <c r="A766" s="1">
        <v>30449695</v>
      </c>
      <c r="B766" t="s">
        <v>4164</v>
      </c>
      <c r="C766" t="s">
        <v>39</v>
      </c>
      <c r="D766" t="s">
        <v>3727</v>
      </c>
      <c r="E766" t="s">
        <v>175</v>
      </c>
      <c r="L766" t="s">
        <v>52</v>
      </c>
      <c r="M766" s="1">
        <v>0</v>
      </c>
      <c r="N766" s="1">
        <v>0</v>
      </c>
      <c r="O766" t="s">
        <v>3728</v>
      </c>
      <c r="P766" t="s">
        <v>176</v>
      </c>
      <c r="Q766" t="s">
        <v>238</v>
      </c>
      <c r="S766" t="s">
        <v>178</v>
      </c>
      <c r="T766" t="s">
        <v>175</v>
      </c>
      <c r="W766" t="s">
        <v>262</v>
      </c>
      <c r="AC766" t="s">
        <v>180</v>
      </c>
      <c r="AD766" t="s">
        <v>175</v>
      </c>
      <c r="AE766" t="s">
        <v>175</v>
      </c>
      <c r="AF766" t="s">
        <v>175</v>
      </c>
      <c r="AG766" t="s">
        <v>175</v>
      </c>
      <c r="AH766" t="s">
        <v>200</v>
      </c>
      <c r="AI766" t="s">
        <v>175</v>
      </c>
      <c r="AJ766" t="s">
        <v>230</v>
      </c>
      <c r="AK766" t="s">
        <v>175</v>
      </c>
      <c r="AL766" t="s">
        <v>42</v>
      </c>
      <c r="AM766" t="s">
        <v>206</v>
      </c>
      <c r="AN766" t="s">
        <v>184</v>
      </c>
      <c r="AO766" t="s">
        <v>183</v>
      </c>
      <c r="AP766" t="s">
        <v>185</v>
      </c>
      <c r="AQ766" t="s">
        <v>205</v>
      </c>
      <c r="AR766" t="s">
        <v>203</v>
      </c>
      <c r="AS766" t="s">
        <v>202</v>
      </c>
      <c r="AT766" t="s">
        <v>201</v>
      </c>
      <c r="AU766" t="s">
        <v>204</v>
      </c>
      <c r="AV766" t="s">
        <v>182</v>
      </c>
      <c r="AX766" t="s">
        <v>186</v>
      </c>
      <c r="AY766" t="s">
        <v>187</v>
      </c>
      <c r="AZ766" t="s">
        <v>207</v>
      </c>
      <c r="BA766" t="s">
        <v>188</v>
      </c>
      <c r="BB766" t="s">
        <v>208</v>
      </c>
      <c r="BC766" t="s">
        <v>209</v>
      </c>
      <c r="BF766" t="s">
        <v>210</v>
      </c>
      <c r="BG766" s="1">
        <v>0</v>
      </c>
      <c r="BH766" t="s">
        <v>247</v>
      </c>
      <c r="BK766" t="s">
        <v>191</v>
      </c>
      <c r="BM766" t="s">
        <v>191</v>
      </c>
      <c r="BO766" t="s">
        <v>191</v>
      </c>
    </row>
    <row r="767" spans="1:69" x14ac:dyDescent="0.25">
      <c r="A767" s="1">
        <v>30449697</v>
      </c>
      <c r="B767" t="s">
        <v>2044</v>
      </c>
      <c r="C767" t="s">
        <v>39</v>
      </c>
      <c r="D767" t="s">
        <v>1616</v>
      </c>
      <c r="E767" t="s">
        <v>216</v>
      </c>
      <c r="L767" t="s">
        <v>52</v>
      </c>
      <c r="M767" s="1">
        <v>0</v>
      </c>
      <c r="N767" s="1">
        <v>0</v>
      </c>
      <c r="O767" t="s">
        <v>1616</v>
      </c>
      <c r="P767" t="s">
        <v>216</v>
      </c>
      <c r="Q767" t="s">
        <v>177</v>
      </c>
      <c r="S767" s="1">
        <v>0</v>
      </c>
      <c r="T767" t="s">
        <v>197</v>
      </c>
      <c r="Z767" t="s">
        <v>244</v>
      </c>
      <c r="AC767" t="s">
        <v>199</v>
      </c>
      <c r="AD767" t="s">
        <v>175</v>
      </c>
      <c r="AE767" t="s">
        <v>175</v>
      </c>
      <c r="AF767" t="s">
        <v>175</v>
      </c>
      <c r="AG767" t="s">
        <v>175</v>
      </c>
      <c r="AH767" t="s">
        <v>175</v>
      </c>
      <c r="AI767" t="s">
        <v>175</v>
      </c>
      <c r="AJ767" t="s">
        <v>175</v>
      </c>
      <c r="AK767" t="s">
        <v>175</v>
      </c>
      <c r="AL767" t="s">
        <v>42</v>
      </c>
      <c r="AM767" t="s">
        <v>183</v>
      </c>
      <c r="AN767" t="s">
        <v>206</v>
      </c>
      <c r="AO767" t="s">
        <v>201</v>
      </c>
      <c r="AP767" t="s">
        <v>204</v>
      </c>
      <c r="AQ767" t="s">
        <v>203</v>
      </c>
      <c r="AR767" t="s">
        <v>202</v>
      </c>
      <c r="AS767" t="s">
        <v>205</v>
      </c>
      <c r="AT767" t="s">
        <v>185</v>
      </c>
      <c r="AU767" t="s">
        <v>184</v>
      </c>
      <c r="AV767" t="s">
        <v>182</v>
      </c>
      <c r="AX767" t="s">
        <v>186</v>
      </c>
      <c r="AY767" t="s">
        <v>187</v>
      </c>
      <c r="AZ767" t="s">
        <v>207</v>
      </c>
      <c r="BA767" t="s">
        <v>188</v>
      </c>
      <c r="BB767" t="s">
        <v>208</v>
      </c>
      <c r="BC767" t="s">
        <v>209</v>
      </c>
      <c r="BF767" t="s">
        <v>189</v>
      </c>
      <c r="BG767" s="1">
        <v>0</v>
      </c>
      <c r="BH767" t="s">
        <v>211</v>
      </c>
      <c r="BK767" t="s">
        <v>191</v>
      </c>
      <c r="BL767" t="s">
        <v>1373</v>
      </c>
      <c r="BM767" t="s">
        <v>191</v>
      </c>
      <c r="BN767" t="s">
        <v>2045</v>
      </c>
      <c r="BO767" t="s">
        <v>218</v>
      </c>
      <c r="BP767" t="s">
        <v>2046</v>
      </c>
    </row>
    <row r="768" spans="1:69" x14ac:dyDescent="0.25">
      <c r="A768" s="1">
        <v>30449698</v>
      </c>
      <c r="B768" t="s">
        <v>2047</v>
      </c>
      <c r="C768" t="s">
        <v>39</v>
      </c>
      <c r="D768" t="s">
        <v>1616</v>
      </c>
      <c r="E768" t="s">
        <v>175</v>
      </c>
      <c r="L768" t="s">
        <v>52</v>
      </c>
      <c r="M768" s="1">
        <v>0</v>
      </c>
      <c r="N768" s="1">
        <v>0</v>
      </c>
      <c r="O768" t="s">
        <v>1616</v>
      </c>
      <c r="P768" t="s">
        <v>176</v>
      </c>
      <c r="Q768" t="s">
        <v>177</v>
      </c>
      <c r="S768" t="s">
        <v>178</v>
      </c>
      <c r="T768" t="s">
        <v>175</v>
      </c>
      <c r="V768" t="s">
        <v>397</v>
      </c>
      <c r="AC768" t="s">
        <v>199</v>
      </c>
      <c r="AD768" t="s">
        <v>175</v>
      </c>
      <c r="AE768" t="s">
        <v>175</v>
      </c>
      <c r="AF768" t="s">
        <v>175</v>
      </c>
      <c r="AG768" t="s">
        <v>175</v>
      </c>
      <c r="AH768" t="s">
        <v>200</v>
      </c>
      <c r="AI768" t="s">
        <v>175</v>
      </c>
      <c r="AJ768" t="s">
        <v>175</v>
      </c>
      <c r="AK768" t="s">
        <v>175</v>
      </c>
      <c r="AL768" t="s">
        <v>42</v>
      </c>
      <c r="AM768" t="s">
        <v>185</v>
      </c>
      <c r="AN768" t="s">
        <v>183</v>
      </c>
      <c r="AO768" t="s">
        <v>201</v>
      </c>
      <c r="AP768" t="s">
        <v>206</v>
      </c>
      <c r="AQ768" t="s">
        <v>205</v>
      </c>
      <c r="AR768" t="s">
        <v>202</v>
      </c>
      <c r="AS768" t="s">
        <v>203</v>
      </c>
      <c r="AT768" t="s">
        <v>184</v>
      </c>
      <c r="AU768" t="s">
        <v>182</v>
      </c>
      <c r="AV768" t="s">
        <v>204</v>
      </c>
      <c r="AX768" t="s">
        <v>186</v>
      </c>
      <c r="AZ768" t="s">
        <v>207</v>
      </c>
      <c r="BF768" t="s">
        <v>292</v>
      </c>
      <c r="BG768" t="s">
        <v>301</v>
      </c>
      <c r="BH768" t="s">
        <v>211</v>
      </c>
      <c r="BK768" t="s">
        <v>191</v>
      </c>
      <c r="BM768" t="s">
        <v>191</v>
      </c>
      <c r="BO768" t="s">
        <v>191</v>
      </c>
    </row>
    <row r="769" spans="1:69" x14ac:dyDescent="0.25">
      <c r="A769" s="1">
        <v>30449699</v>
      </c>
      <c r="B769" t="s">
        <v>2808</v>
      </c>
      <c r="C769" t="s">
        <v>39</v>
      </c>
      <c r="D769" t="s">
        <v>2512</v>
      </c>
      <c r="E769" t="s">
        <v>175</v>
      </c>
      <c r="L769" t="s">
        <v>52</v>
      </c>
      <c r="M769" s="1">
        <v>0</v>
      </c>
      <c r="N769" s="1">
        <v>0</v>
      </c>
      <c r="O769" t="s">
        <v>2512</v>
      </c>
      <c r="P769" t="s">
        <v>176</v>
      </c>
      <c r="Q769" t="s">
        <v>196</v>
      </c>
      <c r="S769" t="s">
        <v>349</v>
      </c>
      <c r="T769" t="s">
        <v>175</v>
      </c>
      <c r="Z769" t="s">
        <v>244</v>
      </c>
      <c r="AC769" t="s">
        <v>199</v>
      </c>
      <c r="AD769" t="s">
        <v>181</v>
      </c>
      <c r="AE769" t="s">
        <v>181</v>
      </c>
      <c r="AF769" t="s">
        <v>181</v>
      </c>
      <c r="AG769" t="s">
        <v>181</v>
      </c>
      <c r="AH769" t="s">
        <v>175</v>
      </c>
      <c r="AI769" t="s">
        <v>181</v>
      </c>
      <c r="AJ769" t="s">
        <v>181</v>
      </c>
      <c r="AK769" t="s">
        <v>181</v>
      </c>
      <c r="AL769" t="s">
        <v>52</v>
      </c>
      <c r="AM769" t="s">
        <v>185</v>
      </c>
      <c r="AN769" s="1">
        <v>0</v>
      </c>
      <c r="AO769" t="s">
        <v>182</v>
      </c>
      <c r="AP769" t="s">
        <v>206</v>
      </c>
      <c r="AQ769" s="1">
        <v>0</v>
      </c>
      <c r="AR769" s="1">
        <v>0</v>
      </c>
      <c r="AS769" s="1">
        <v>0</v>
      </c>
      <c r="AT769" t="s">
        <v>183</v>
      </c>
      <c r="AU769" t="s">
        <v>184</v>
      </c>
      <c r="AV769" t="s">
        <v>201</v>
      </c>
      <c r="AY769" t="s">
        <v>187</v>
      </c>
      <c r="AZ769" t="s">
        <v>207</v>
      </c>
      <c r="BF769" t="s">
        <v>210</v>
      </c>
      <c r="BG769" s="1">
        <v>0</v>
      </c>
      <c r="BH769" t="s">
        <v>464</v>
      </c>
      <c r="BK769" t="s">
        <v>191</v>
      </c>
      <c r="BM769" t="s">
        <v>218</v>
      </c>
      <c r="BO769" s="1">
        <v>0</v>
      </c>
      <c r="BQ769" t="s">
        <v>2809</v>
      </c>
    </row>
    <row r="770" spans="1:69" x14ac:dyDescent="0.25">
      <c r="A770" s="1">
        <v>30449700</v>
      </c>
      <c r="B770" t="s">
        <v>2810</v>
      </c>
      <c r="C770" t="s">
        <v>39</v>
      </c>
      <c r="D770" t="s">
        <v>2512</v>
      </c>
      <c r="E770" t="s">
        <v>200</v>
      </c>
      <c r="L770" t="s">
        <v>52</v>
      </c>
      <c r="M770" s="1">
        <v>0</v>
      </c>
      <c r="N770" s="1">
        <v>0</v>
      </c>
      <c r="O770" t="s">
        <v>2512</v>
      </c>
      <c r="P770" t="s">
        <v>176</v>
      </c>
      <c r="Q770" t="s">
        <v>328</v>
      </c>
      <c r="S770" t="s">
        <v>178</v>
      </c>
      <c r="T770" t="s">
        <v>200</v>
      </c>
      <c r="Z770" t="s">
        <v>244</v>
      </c>
      <c r="AC770" t="s">
        <v>199</v>
      </c>
      <c r="AD770" t="s">
        <v>175</v>
      </c>
      <c r="AE770" t="s">
        <v>175</v>
      </c>
      <c r="AF770" t="s">
        <v>181</v>
      </c>
      <c r="AG770" t="s">
        <v>181</v>
      </c>
      <c r="AH770" t="s">
        <v>175</v>
      </c>
      <c r="AI770" t="s">
        <v>175</v>
      </c>
      <c r="AJ770" t="s">
        <v>181</v>
      </c>
      <c r="AK770" t="s">
        <v>181</v>
      </c>
      <c r="AL770" t="s">
        <v>42</v>
      </c>
      <c r="AM770" t="s">
        <v>204</v>
      </c>
      <c r="AN770" t="s">
        <v>201</v>
      </c>
      <c r="AO770" t="s">
        <v>183</v>
      </c>
      <c r="AP770" t="s">
        <v>203</v>
      </c>
      <c r="AQ770" t="s">
        <v>184</v>
      </c>
      <c r="AR770" t="s">
        <v>185</v>
      </c>
      <c r="AS770" t="s">
        <v>202</v>
      </c>
      <c r="AT770" t="s">
        <v>182</v>
      </c>
      <c r="AU770" t="s">
        <v>206</v>
      </c>
      <c r="AV770" t="s">
        <v>205</v>
      </c>
      <c r="AX770" t="s">
        <v>186</v>
      </c>
      <c r="AY770" t="s">
        <v>187</v>
      </c>
      <c r="BC770" t="s">
        <v>209</v>
      </c>
      <c r="BF770" t="s">
        <v>232</v>
      </c>
      <c r="BG770" t="s">
        <v>301</v>
      </c>
      <c r="BH770" t="s">
        <v>211</v>
      </c>
      <c r="BK770" t="s">
        <v>191</v>
      </c>
      <c r="BM770" t="s">
        <v>191</v>
      </c>
      <c r="BO770" t="s">
        <v>191</v>
      </c>
    </row>
    <row r="771" spans="1:69" x14ac:dyDescent="0.25">
      <c r="A771" s="1">
        <v>30449707</v>
      </c>
      <c r="B771" t="s">
        <v>4165</v>
      </c>
      <c r="C771" t="s">
        <v>39</v>
      </c>
      <c r="D771" t="s">
        <v>3727</v>
      </c>
      <c r="E771" t="s">
        <v>200</v>
      </c>
      <c r="L771" t="s">
        <v>52</v>
      </c>
      <c r="M771" s="1">
        <v>0</v>
      </c>
      <c r="N771" s="1">
        <v>0</v>
      </c>
      <c r="O771" t="s">
        <v>3728</v>
      </c>
      <c r="P771" t="s">
        <v>216</v>
      </c>
      <c r="Q771" t="s">
        <v>322</v>
      </c>
      <c r="S771" s="1">
        <v>0</v>
      </c>
      <c r="T771" t="s">
        <v>200</v>
      </c>
      <c r="AA771" t="s">
        <v>273</v>
      </c>
      <c r="AB771" t="s">
        <v>4166</v>
      </c>
      <c r="AC771" t="s">
        <v>225</v>
      </c>
      <c r="AD771" t="s">
        <v>200</v>
      </c>
      <c r="AE771" t="s">
        <v>181</v>
      </c>
      <c r="AF771" t="s">
        <v>181</v>
      </c>
      <c r="AG771" t="s">
        <v>181</v>
      </c>
      <c r="AH771" t="s">
        <v>200</v>
      </c>
      <c r="AI771" t="s">
        <v>200</v>
      </c>
      <c r="AJ771" t="s">
        <v>200</v>
      </c>
      <c r="AK771" t="s">
        <v>200</v>
      </c>
      <c r="AL771" t="s">
        <v>52</v>
      </c>
      <c r="AM771" s="1">
        <v>0</v>
      </c>
      <c r="AN771" t="s">
        <v>185</v>
      </c>
      <c r="AO771" s="1">
        <v>0</v>
      </c>
      <c r="AP771" s="1">
        <v>0</v>
      </c>
      <c r="AQ771" s="1">
        <v>0</v>
      </c>
      <c r="AR771" s="1">
        <v>0</v>
      </c>
      <c r="AS771" s="1">
        <v>0</v>
      </c>
      <c r="AT771" s="1">
        <v>0</v>
      </c>
      <c r="AU771" t="s">
        <v>184</v>
      </c>
      <c r="AV771" s="1">
        <v>0</v>
      </c>
      <c r="AW771" t="s">
        <v>4167</v>
      </c>
      <c r="BC771" t="s">
        <v>209</v>
      </c>
      <c r="BF771" t="s">
        <v>210</v>
      </c>
      <c r="BG771" s="1">
        <v>0</v>
      </c>
      <c r="BH771" t="s">
        <v>190</v>
      </c>
      <c r="BK771" t="s">
        <v>191</v>
      </c>
      <c r="BL771" t="s">
        <v>4168</v>
      </c>
      <c r="BM771" t="s">
        <v>218</v>
      </c>
      <c r="BN771" t="s">
        <v>4169</v>
      </c>
      <c r="BO771" t="s">
        <v>191</v>
      </c>
      <c r="BP771" t="s">
        <v>4170</v>
      </c>
      <c r="BQ771" t="s">
        <v>4171</v>
      </c>
    </row>
    <row r="772" spans="1:69" x14ac:dyDescent="0.25">
      <c r="A772" s="1">
        <v>30449709</v>
      </c>
      <c r="B772" t="s">
        <v>3420</v>
      </c>
      <c r="C772" t="s">
        <v>39</v>
      </c>
      <c r="D772" t="s">
        <v>3138</v>
      </c>
      <c r="E772" t="s">
        <v>175</v>
      </c>
      <c r="L772" t="s">
        <v>52</v>
      </c>
      <c r="M772" s="1">
        <v>0</v>
      </c>
      <c r="N772" s="1">
        <v>0</v>
      </c>
      <c r="O772" t="s">
        <v>3139</v>
      </c>
      <c r="P772" t="s">
        <v>176</v>
      </c>
      <c r="Q772" t="s">
        <v>196</v>
      </c>
      <c r="S772" t="s">
        <v>222</v>
      </c>
      <c r="T772" t="s">
        <v>175</v>
      </c>
      <c r="V772" t="s">
        <v>397</v>
      </c>
      <c r="W772" t="s">
        <v>262</v>
      </c>
      <c r="X772" t="s">
        <v>179</v>
      </c>
      <c r="Y772" t="s">
        <v>224</v>
      </c>
      <c r="Z772" t="s">
        <v>244</v>
      </c>
      <c r="AC772" t="s">
        <v>180</v>
      </c>
      <c r="AD772" s="1">
        <v>0</v>
      </c>
      <c r="AE772" t="s">
        <v>175</v>
      </c>
      <c r="AF772" t="s">
        <v>200</v>
      </c>
      <c r="AG772" t="s">
        <v>175</v>
      </c>
      <c r="AH772" t="s">
        <v>175</v>
      </c>
      <c r="AI772" s="1">
        <v>0</v>
      </c>
      <c r="AJ772" t="s">
        <v>175</v>
      </c>
      <c r="AK772" s="1">
        <v>0</v>
      </c>
      <c r="AL772" s="1">
        <v>0</v>
      </c>
      <c r="AM772" s="1">
        <v>0</v>
      </c>
      <c r="AN772" s="1">
        <v>0</v>
      </c>
      <c r="AO772" s="1">
        <v>0</v>
      </c>
      <c r="AP772" s="1">
        <v>0</v>
      </c>
      <c r="AQ772" s="1">
        <v>0</v>
      </c>
      <c r="AR772" s="1">
        <v>0</v>
      </c>
      <c r="AS772" s="1">
        <v>0</v>
      </c>
      <c r="AT772" s="1">
        <v>0</v>
      </c>
      <c r="AU772" s="1">
        <v>0</v>
      </c>
      <c r="AV772" s="1">
        <v>0</v>
      </c>
      <c r="BF772" s="1">
        <v>0</v>
      </c>
      <c r="BG772" s="1">
        <v>0</v>
      </c>
      <c r="BH772" s="1">
        <v>0</v>
      </c>
      <c r="BK772" s="1">
        <v>0</v>
      </c>
      <c r="BM772" s="1">
        <v>0</v>
      </c>
      <c r="BO772" s="1">
        <v>0</v>
      </c>
    </row>
    <row r="773" spans="1:69" x14ac:dyDescent="0.25">
      <c r="A773" s="1">
        <v>30449718</v>
      </c>
      <c r="B773" t="s">
        <v>3421</v>
      </c>
      <c r="C773" t="s">
        <v>39</v>
      </c>
      <c r="D773" t="s">
        <v>3138</v>
      </c>
      <c r="E773" t="s">
        <v>195</v>
      </c>
      <c r="L773" t="s">
        <v>52</v>
      </c>
      <c r="M773" s="1">
        <v>0</v>
      </c>
      <c r="N773" s="1">
        <v>0</v>
      </c>
      <c r="O773" t="s">
        <v>3139</v>
      </c>
      <c r="P773" t="s">
        <v>176</v>
      </c>
      <c r="Q773" t="s">
        <v>238</v>
      </c>
      <c r="S773" t="s">
        <v>178</v>
      </c>
      <c r="T773" t="s">
        <v>197</v>
      </c>
      <c r="U773" t="s">
        <v>3422</v>
      </c>
      <c r="Y773" t="s">
        <v>224</v>
      </c>
      <c r="Z773" t="s">
        <v>244</v>
      </c>
      <c r="AC773" t="s">
        <v>180</v>
      </c>
      <c r="AD773" t="s">
        <v>181</v>
      </c>
      <c r="AE773" t="s">
        <v>175</v>
      </c>
      <c r="AF773" t="s">
        <v>175</v>
      </c>
      <c r="AG773" t="s">
        <v>175</v>
      </c>
      <c r="AH773" t="s">
        <v>200</v>
      </c>
      <c r="AI773" t="s">
        <v>200</v>
      </c>
      <c r="AJ773" t="s">
        <v>175</v>
      </c>
      <c r="AK773" t="s">
        <v>181</v>
      </c>
      <c r="AL773" t="s">
        <v>52</v>
      </c>
      <c r="AM773" t="s">
        <v>206</v>
      </c>
      <c r="AN773" t="s">
        <v>205</v>
      </c>
      <c r="AO773" t="s">
        <v>201</v>
      </c>
      <c r="AP773" t="s">
        <v>204</v>
      </c>
      <c r="AQ773" t="s">
        <v>184</v>
      </c>
      <c r="AR773" t="s">
        <v>185</v>
      </c>
      <c r="AS773" t="s">
        <v>183</v>
      </c>
      <c r="AT773" t="s">
        <v>202</v>
      </c>
      <c r="AU773" t="s">
        <v>203</v>
      </c>
      <c r="AV773" t="s">
        <v>182</v>
      </c>
      <c r="AX773" t="s">
        <v>186</v>
      </c>
      <c r="AZ773" t="s">
        <v>207</v>
      </c>
      <c r="BC773" t="s">
        <v>209</v>
      </c>
      <c r="BF773" t="s">
        <v>292</v>
      </c>
      <c r="BG773" s="1">
        <v>0</v>
      </c>
      <c r="BH773" t="s">
        <v>211</v>
      </c>
      <c r="BK773" t="s">
        <v>191</v>
      </c>
      <c r="BL773" t="s">
        <v>3423</v>
      </c>
      <c r="BM773" t="s">
        <v>218</v>
      </c>
      <c r="BN773" t="s">
        <v>1057</v>
      </c>
      <c r="BO773" t="s">
        <v>191</v>
      </c>
      <c r="BP773" t="s">
        <v>3424</v>
      </c>
    </row>
    <row r="774" spans="1:69" x14ac:dyDescent="0.25">
      <c r="A774" s="1">
        <v>30449731</v>
      </c>
      <c r="B774" t="s">
        <v>3425</v>
      </c>
      <c r="C774" t="s">
        <v>39</v>
      </c>
      <c r="D774" t="s">
        <v>3138</v>
      </c>
      <c r="E774" t="s">
        <v>175</v>
      </c>
      <c r="L774" t="s">
        <v>52</v>
      </c>
      <c r="M774" s="1">
        <v>0</v>
      </c>
      <c r="N774" s="1">
        <v>0</v>
      </c>
      <c r="O774" t="s">
        <v>3139</v>
      </c>
      <c r="P774" t="s">
        <v>176</v>
      </c>
      <c r="Q774" t="s">
        <v>196</v>
      </c>
      <c r="S774" t="s">
        <v>222</v>
      </c>
      <c r="T774" t="s">
        <v>175</v>
      </c>
      <c r="Z774" t="s">
        <v>244</v>
      </c>
      <c r="AC774" t="s">
        <v>180</v>
      </c>
      <c r="AD774" t="s">
        <v>175</v>
      </c>
      <c r="AE774" t="s">
        <v>175</v>
      </c>
      <c r="AF774" t="s">
        <v>175</v>
      </c>
      <c r="AG774" t="s">
        <v>175</v>
      </c>
      <c r="AH774" t="s">
        <v>175</v>
      </c>
      <c r="AI774" t="s">
        <v>175</v>
      </c>
      <c r="AJ774" t="s">
        <v>175</v>
      </c>
      <c r="AK774" t="s">
        <v>175</v>
      </c>
      <c r="AL774" t="s">
        <v>52</v>
      </c>
      <c r="AM774" t="s">
        <v>185</v>
      </c>
      <c r="AN774" t="s">
        <v>204</v>
      </c>
      <c r="AO774" t="s">
        <v>183</v>
      </c>
      <c r="AP774" t="s">
        <v>184</v>
      </c>
      <c r="AQ774" t="s">
        <v>206</v>
      </c>
      <c r="AR774" t="s">
        <v>205</v>
      </c>
      <c r="AS774" t="s">
        <v>182</v>
      </c>
      <c r="AT774" t="s">
        <v>202</v>
      </c>
      <c r="AU774" t="s">
        <v>201</v>
      </c>
      <c r="AV774" t="s">
        <v>203</v>
      </c>
      <c r="AX774" t="s">
        <v>186</v>
      </c>
      <c r="AY774" t="s">
        <v>187</v>
      </c>
      <c r="AZ774" t="s">
        <v>207</v>
      </c>
      <c r="BB774" t="s">
        <v>208</v>
      </c>
      <c r="BF774" t="s">
        <v>210</v>
      </c>
      <c r="BG774" s="1">
        <v>0</v>
      </c>
      <c r="BH774" t="s">
        <v>211</v>
      </c>
      <c r="BK774" t="s">
        <v>191</v>
      </c>
      <c r="BM774" t="s">
        <v>191</v>
      </c>
      <c r="BO774" t="s">
        <v>191</v>
      </c>
      <c r="BQ774" t="s">
        <v>3426</v>
      </c>
    </row>
    <row r="775" spans="1:69" x14ac:dyDescent="0.25">
      <c r="A775" s="1">
        <v>30449733</v>
      </c>
      <c r="B775" t="s">
        <v>3427</v>
      </c>
      <c r="C775" t="s">
        <v>39</v>
      </c>
      <c r="D775" t="s">
        <v>3138</v>
      </c>
      <c r="E775" t="s">
        <v>200</v>
      </c>
      <c r="L775" t="s">
        <v>52</v>
      </c>
      <c r="M775" s="1">
        <v>0</v>
      </c>
      <c r="N775" s="1">
        <v>0</v>
      </c>
      <c r="O775" t="s">
        <v>3139</v>
      </c>
      <c r="P775" t="s">
        <v>216</v>
      </c>
      <c r="Q775" t="s">
        <v>322</v>
      </c>
      <c r="S775" s="1">
        <v>0</v>
      </c>
      <c r="T775" t="s">
        <v>200</v>
      </c>
      <c r="Y775" t="s">
        <v>224</v>
      </c>
      <c r="AC775" t="s">
        <v>199</v>
      </c>
      <c r="AD775" t="s">
        <v>200</v>
      </c>
      <c r="AE775" t="s">
        <v>200</v>
      </c>
      <c r="AF775" t="s">
        <v>200</v>
      </c>
      <c r="AG775" t="s">
        <v>200</v>
      </c>
      <c r="AH775" t="s">
        <v>200</v>
      </c>
      <c r="AI775" t="s">
        <v>200</v>
      </c>
      <c r="AJ775" t="s">
        <v>200</v>
      </c>
      <c r="AK775" t="s">
        <v>200</v>
      </c>
      <c r="AL775" t="s">
        <v>42</v>
      </c>
      <c r="AM775" t="s">
        <v>205</v>
      </c>
      <c r="AN775" t="s">
        <v>185</v>
      </c>
      <c r="AO775" t="s">
        <v>204</v>
      </c>
      <c r="AP775" t="s">
        <v>183</v>
      </c>
      <c r="AQ775" t="s">
        <v>201</v>
      </c>
      <c r="AR775" t="s">
        <v>206</v>
      </c>
      <c r="AS775" t="s">
        <v>203</v>
      </c>
      <c r="AT775" t="s">
        <v>184</v>
      </c>
      <c r="AU775" t="s">
        <v>182</v>
      </c>
      <c r="AV775" t="s">
        <v>202</v>
      </c>
      <c r="AX775" t="s">
        <v>186</v>
      </c>
      <c r="AY775" t="s">
        <v>187</v>
      </c>
      <c r="BA775" t="s">
        <v>188</v>
      </c>
      <c r="BF775" t="s">
        <v>49</v>
      </c>
      <c r="BG775" s="1">
        <v>0</v>
      </c>
      <c r="BH775" t="s">
        <v>211</v>
      </c>
      <c r="BK775" t="s">
        <v>191</v>
      </c>
      <c r="BM775" t="s">
        <v>191</v>
      </c>
      <c r="BO775" t="s">
        <v>191</v>
      </c>
    </row>
    <row r="776" spans="1:69" x14ac:dyDescent="0.25">
      <c r="A776" s="1">
        <v>30449738</v>
      </c>
      <c r="B776" t="s">
        <v>4172</v>
      </c>
      <c r="C776" t="s">
        <v>39</v>
      </c>
      <c r="D776" t="s">
        <v>3727</v>
      </c>
      <c r="E776" t="s">
        <v>175</v>
      </c>
      <c r="L776" t="s">
        <v>52</v>
      </c>
      <c r="M776" s="1">
        <v>0</v>
      </c>
      <c r="N776" s="1">
        <v>0</v>
      </c>
      <c r="O776" t="s">
        <v>3728</v>
      </c>
      <c r="P776" t="s">
        <v>216</v>
      </c>
      <c r="Q776" t="s">
        <v>258</v>
      </c>
      <c r="S776" s="1">
        <v>0</v>
      </c>
      <c r="T776" t="s">
        <v>175</v>
      </c>
      <c r="W776" t="s">
        <v>262</v>
      </c>
      <c r="AC776" t="s">
        <v>180</v>
      </c>
      <c r="AD776" t="s">
        <v>175</v>
      </c>
      <c r="AE776" t="s">
        <v>175</v>
      </c>
      <c r="AF776" t="s">
        <v>175</v>
      </c>
      <c r="AG776" t="s">
        <v>175</v>
      </c>
      <c r="AH776" t="s">
        <v>200</v>
      </c>
      <c r="AI776" t="s">
        <v>200</v>
      </c>
      <c r="AJ776" t="s">
        <v>175</v>
      </c>
      <c r="AK776" t="s">
        <v>175</v>
      </c>
      <c r="AL776" t="s">
        <v>42</v>
      </c>
      <c r="AM776" t="s">
        <v>204</v>
      </c>
      <c r="AN776" t="s">
        <v>183</v>
      </c>
      <c r="AO776" t="s">
        <v>205</v>
      </c>
      <c r="AP776" t="s">
        <v>202</v>
      </c>
      <c r="AQ776" t="s">
        <v>185</v>
      </c>
      <c r="AR776" t="s">
        <v>184</v>
      </c>
      <c r="AS776" t="s">
        <v>182</v>
      </c>
      <c r="AT776" t="s">
        <v>201</v>
      </c>
      <c r="AU776" t="s">
        <v>206</v>
      </c>
      <c r="AV776" t="s">
        <v>203</v>
      </c>
      <c r="AX776" t="s">
        <v>186</v>
      </c>
      <c r="AY776" t="s">
        <v>187</v>
      </c>
      <c r="AZ776" t="s">
        <v>207</v>
      </c>
      <c r="BA776" t="s">
        <v>188</v>
      </c>
      <c r="BB776" t="s">
        <v>208</v>
      </c>
      <c r="BC776" t="s">
        <v>209</v>
      </c>
      <c r="BF776" t="s">
        <v>49</v>
      </c>
      <c r="BG776" s="1">
        <v>0</v>
      </c>
      <c r="BH776" t="s">
        <v>211</v>
      </c>
      <c r="BK776" t="s">
        <v>191</v>
      </c>
      <c r="BL776" t="s">
        <v>4173</v>
      </c>
      <c r="BM776" t="s">
        <v>191</v>
      </c>
      <c r="BN776" t="s">
        <v>1256</v>
      </c>
      <c r="BO776" t="s">
        <v>191</v>
      </c>
      <c r="BP776" t="s">
        <v>4174</v>
      </c>
    </row>
    <row r="777" spans="1:69" x14ac:dyDescent="0.25">
      <c r="A777" s="1">
        <v>30449741</v>
      </c>
      <c r="B777" t="s">
        <v>83</v>
      </c>
      <c r="C777" t="s">
        <v>39</v>
      </c>
      <c r="L777" s="1">
        <v>0</v>
      </c>
      <c r="M777" s="1">
        <v>0</v>
      </c>
      <c r="N777" s="1">
        <v>0</v>
      </c>
      <c r="O777" s="1">
        <v>0</v>
      </c>
      <c r="P777" s="1">
        <v>0</v>
      </c>
      <c r="Q777" s="1">
        <v>0</v>
      </c>
      <c r="S777" s="1">
        <v>0</v>
      </c>
      <c r="T777" s="1">
        <v>0</v>
      </c>
      <c r="AC777" s="1">
        <v>0</v>
      </c>
      <c r="AD777" s="1">
        <v>0</v>
      </c>
      <c r="AE777" s="1">
        <v>0</v>
      </c>
      <c r="AF777" s="1">
        <v>0</v>
      </c>
      <c r="AG777" s="1">
        <v>0</v>
      </c>
      <c r="AH777" s="1">
        <v>0</v>
      </c>
      <c r="AI777" s="1">
        <v>0</v>
      </c>
      <c r="AJ777" s="1">
        <v>0</v>
      </c>
      <c r="AK777" s="1">
        <v>0</v>
      </c>
      <c r="AL777" s="1">
        <v>0</v>
      </c>
      <c r="AM777" s="1">
        <v>0</v>
      </c>
      <c r="AN777" s="1">
        <v>0</v>
      </c>
      <c r="AO777" s="1">
        <v>0</v>
      </c>
      <c r="AP777" s="1">
        <v>0</v>
      </c>
      <c r="AQ777" s="1">
        <v>0</v>
      </c>
      <c r="AR777" s="1">
        <v>0</v>
      </c>
      <c r="AS777" s="1">
        <v>0</v>
      </c>
      <c r="AT777" s="1">
        <v>0</v>
      </c>
      <c r="AU777" s="1">
        <v>0</v>
      </c>
      <c r="AV777" s="1">
        <v>0</v>
      </c>
      <c r="BF777" s="1">
        <v>0</v>
      </c>
      <c r="BG777" s="1">
        <v>0</v>
      </c>
      <c r="BH777" s="1">
        <v>0</v>
      </c>
      <c r="BK777" s="1">
        <v>0</v>
      </c>
      <c r="BM777" s="1">
        <v>0</v>
      </c>
      <c r="BO777" s="1">
        <v>0</v>
      </c>
    </row>
    <row r="778" spans="1:69" x14ac:dyDescent="0.25">
      <c r="A778" s="1">
        <v>30449746</v>
      </c>
      <c r="B778" t="s">
        <v>4175</v>
      </c>
      <c r="C778" t="s">
        <v>39</v>
      </c>
      <c r="D778" t="s">
        <v>3727</v>
      </c>
      <c r="E778" t="s">
        <v>200</v>
      </c>
      <c r="L778" t="s">
        <v>52</v>
      </c>
      <c r="M778" s="1">
        <v>0</v>
      </c>
      <c r="N778" s="1">
        <v>0</v>
      </c>
      <c r="O778" t="s">
        <v>3728</v>
      </c>
      <c r="P778" t="s">
        <v>176</v>
      </c>
      <c r="Q778" t="s">
        <v>196</v>
      </c>
      <c r="S778" t="s">
        <v>222</v>
      </c>
      <c r="T778" t="s">
        <v>200</v>
      </c>
      <c r="Y778" t="s">
        <v>224</v>
      </c>
      <c r="AC778" t="s">
        <v>225</v>
      </c>
      <c r="AD778" t="s">
        <v>175</v>
      </c>
      <c r="AE778" t="s">
        <v>175</v>
      </c>
      <c r="AF778" t="s">
        <v>175</v>
      </c>
      <c r="AG778" t="s">
        <v>175</v>
      </c>
      <c r="AH778" t="s">
        <v>175</v>
      </c>
      <c r="AI778" t="s">
        <v>175</v>
      </c>
      <c r="AJ778" t="s">
        <v>175</v>
      </c>
      <c r="AK778" t="s">
        <v>175</v>
      </c>
      <c r="AL778" t="s">
        <v>42</v>
      </c>
      <c r="AM778" t="s">
        <v>201</v>
      </c>
      <c r="AN778" t="s">
        <v>182</v>
      </c>
      <c r="AO778" t="s">
        <v>205</v>
      </c>
      <c r="AP778" t="s">
        <v>185</v>
      </c>
      <c r="AQ778" t="s">
        <v>202</v>
      </c>
      <c r="AR778" t="s">
        <v>203</v>
      </c>
      <c r="AS778" t="s">
        <v>206</v>
      </c>
      <c r="AT778" t="s">
        <v>183</v>
      </c>
      <c r="AU778" t="s">
        <v>204</v>
      </c>
      <c r="AV778" t="s">
        <v>184</v>
      </c>
      <c r="AW778" t="s">
        <v>4176</v>
      </c>
      <c r="AY778" t="s">
        <v>187</v>
      </c>
      <c r="BF778" t="s">
        <v>292</v>
      </c>
      <c r="BG778" t="s">
        <v>315</v>
      </c>
      <c r="BH778" t="s">
        <v>190</v>
      </c>
      <c r="BK778" s="1">
        <v>0</v>
      </c>
      <c r="BL778" t="s">
        <v>4177</v>
      </c>
      <c r="BM778" t="s">
        <v>218</v>
      </c>
      <c r="BN778" t="s">
        <v>4178</v>
      </c>
      <c r="BO778" t="s">
        <v>191</v>
      </c>
      <c r="BP778" t="s">
        <v>4179</v>
      </c>
    </row>
    <row r="779" spans="1:69" x14ac:dyDescent="0.25">
      <c r="A779" s="1">
        <v>30449748</v>
      </c>
      <c r="B779" t="s">
        <v>2811</v>
      </c>
      <c r="C779" t="s">
        <v>39</v>
      </c>
      <c r="D779" t="s">
        <v>2512</v>
      </c>
      <c r="E779" t="s">
        <v>200</v>
      </c>
      <c r="L779" t="s">
        <v>52</v>
      </c>
      <c r="M779" s="1">
        <v>0</v>
      </c>
      <c r="N779" s="1">
        <v>0</v>
      </c>
      <c r="O779" t="s">
        <v>2512</v>
      </c>
      <c r="P779" t="s">
        <v>176</v>
      </c>
      <c r="Q779" t="s">
        <v>196</v>
      </c>
      <c r="S779" t="s">
        <v>178</v>
      </c>
      <c r="T779" t="s">
        <v>200</v>
      </c>
      <c r="AA779" t="s">
        <v>273</v>
      </c>
      <c r="AB779" t="s">
        <v>2812</v>
      </c>
      <c r="AC779" t="s">
        <v>1357</v>
      </c>
      <c r="AD779" t="s">
        <v>200</v>
      </c>
      <c r="AE779" t="s">
        <v>200</v>
      </c>
      <c r="AF779" t="s">
        <v>200</v>
      </c>
      <c r="AG779" t="s">
        <v>200</v>
      </c>
      <c r="AH779" t="s">
        <v>200</v>
      </c>
      <c r="AI779" t="s">
        <v>200</v>
      </c>
      <c r="AJ779" t="s">
        <v>200</v>
      </c>
      <c r="AK779" t="s">
        <v>200</v>
      </c>
      <c r="AL779" t="s">
        <v>52</v>
      </c>
      <c r="AM779" t="s">
        <v>185</v>
      </c>
      <c r="AN779" t="s">
        <v>201</v>
      </c>
      <c r="AO779" t="s">
        <v>182</v>
      </c>
      <c r="AP779" t="s">
        <v>183</v>
      </c>
      <c r="AQ779" t="s">
        <v>202</v>
      </c>
      <c r="AR779" t="s">
        <v>203</v>
      </c>
      <c r="AS779" t="s">
        <v>184</v>
      </c>
      <c r="AT779" t="s">
        <v>206</v>
      </c>
      <c r="AU779" t="s">
        <v>205</v>
      </c>
      <c r="AV779" t="s">
        <v>204</v>
      </c>
      <c r="AW779" t="s">
        <v>2813</v>
      </c>
      <c r="AX779" t="s">
        <v>186</v>
      </c>
      <c r="AY779" t="s">
        <v>187</v>
      </c>
      <c r="AZ779" t="s">
        <v>207</v>
      </c>
      <c r="BA779" t="s">
        <v>188</v>
      </c>
      <c r="BB779" t="s">
        <v>208</v>
      </c>
      <c r="BC779" t="s">
        <v>209</v>
      </c>
      <c r="BD779" t="s">
        <v>273</v>
      </c>
      <c r="BE779" t="s">
        <v>2814</v>
      </c>
      <c r="BF779" t="s">
        <v>210</v>
      </c>
      <c r="BG779" s="1">
        <v>0</v>
      </c>
      <c r="BH779" t="s">
        <v>464</v>
      </c>
      <c r="BK779" t="s">
        <v>191</v>
      </c>
      <c r="BL779" t="s">
        <v>2815</v>
      </c>
      <c r="BM779" t="s">
        <v>218</v>
      </c>
      <c r="BN779" t="s">
        <v>2816</v>
      </c>
      <c r="BO779" t="s">
        <v>218</v>
      </c>
      <c r="BQ779" t="s">
        <v>2817</v>
      </c>
    </row>
    <row r="780" spans="1:69" x14ac:dyDescent="0.25">
      <c r="A780" s="1">
        <v>30449751</v>
      </c>
      <c r="B780" t="s">
        <v>4180</v>
      </c>
      <c r="C780" t="s">
        <v>39</v>
      </c>
      <c r="D780" t="s">
        <v>3727</v>
      </c>
      <c r="E780" t="s">
        <v>200</v>
      </c>
      <c r="L780" t="s">
        <v>52</v>
      </c>
      <c r="M780" s="1">
        <v>0</v>
      </c>
      <c r="N780" s="1">
        <v>0</v>
      </c>
      <c r="O780" t="s">
        <v>3728</v>
      </c>
      <c r="P780" t="s">
        <v>176</v>
      </c>
      <c r="Q780" t="s">
        <v>196</v>
      </c>
      <c r="S780" t="s">
        <v>222</v>
      </c>
      <c r="T780" t="s">
        <v>200</v>
      </c>
      <c r="X780" t="s">
        <v>179</v>
      </c>
      <c r="AC780" t="s">
        <v>180</v>
      </c>
      <c r="AD780" t="s">
        <v>299</v>
      </c>
      <c r="AE780" t="s">
        <v>299</v>
      </c>
      <c r="AF780" t="s">
        <v>299</v>
      </c>
      <c r="AG780" t="s">
        <v>299</v>
      </c>
      <c r="AH780" s="1">
        <v>0</v>
      </c>
      <c r="AI780" s="1">
        <v>0</v>
      </c>
      <c r="AJ780" s="1">
        <v>0</v>
      </c>
      <c r="AK780" t="s">
        <v>299</v>
      </c>
      <c r="AL780" t="s">
        <v>52</v>
      </c>
      <c r="AM780" t="s">
        <v>182</v>
      </c>
      <c r="AN780" t="s">
        <v>183</v>
      </c>
      <c r="AO780" t="s">
        <v>205</v>
      </c>
      <c r="AP780" t="s">
        <v>185</v>
      </c>
      <c r="AQ780" t="s">
        <v>203</v>
      </c>
      <c r="AR780" t="s">
        <v>202</v>
      </c>
      <c r="AS780" t="s">
        <v>184</v>
      </c>
      <c r="AT780" t="s">
        <v>201</v>
      </c>
      <c r="AU780" t="s">
        <v>206</v>
      </c>
      <c r="AV780" t="s">
        <v>204</v>
      </c>
      <c r="AY780" t="s">
        <v>187</v>
      </c>
      <c r="AZ780" t="s">
        <v>207</v>
      </c>
      <c r="BA780" t="s">
        <v>188</v>
      </c>
      <c r="BB780" t="s">
        <v>208</v>
      </c>
      <c r="BF780" t="s">
        <v>49</v>
      </c>
      <c r="BG780" s="1">
        <v>0</v>
      </c>
      <c r="BH780" t="s">
        <v>211</v>
      </c>
      <c r="BK780" t="s">
        <v>191</v>
      </c>
      <c r="BL780" t="s">
        <v>4181</v>
      </c>
      <c r="BM780" t="s">
        <v>218</v>
      </c>
      <c r="BN780" t="s">
        <v>4182</v>
      </c>
      <c r="BO780" t="s">
        <v>191</v>
      </c>
      <c r="BP780" t="s">
        <v>4183</v>
      </c>
    </row>
    <row r="781" spans="1:69" x14ac:dyDescent="0.25">
      <c r="A781" s="1">
        <v>30449754</v>
      </c>
      <c r="B781" t="s">
        <v>4184</v>
      </c>
      <c r="C781" t="s">
        <v>39</v>
      </c>
      <c r="D781" t="s">
        <v>3727</v>
      </c>
      <c r="E781" t="s">
        <v>175</v>
      </c>
      <c r="L781" t="s">
        <v>52</v>
      </c>
      <c r="M781" s="1">
        <v>0</v>
      </c>
      <c r="N781" s="1">
        <v>0</v>
      </c>
      <c r="O781" t="s">
        <v>3728</v>
      </c>
      <c r="P781" t="s">
        <v>176</v>
      </c>
      <c r="Q781" t="s">
        <v>273</v>
      </c>
      <c r="R781" t="s">
        <v>4185</v>
      </c>
      <c r="S781" t="s">
        <v>178</v>
      </c>
      <c r="T781" t="s">
        <v>175</v>
      </c>
      <c r="X781" t="s">
        <v>179</v>
      </c>
      <c r="Y781" t="s">
        <v>224</v>
      </c>
      <c r="AC781" t="s">
        <v>199</v>
      </c>
      <c r="AD781" t="s">
        <v>175</v>
      </c>
      <c r="AE781" t="s">
        <v>175</v>
      </c>
      <c r="AF781" t="s">
        <v>175</v>
      </c>
      <c r="AG781" t="s">
        <v>175</v>
      </c>
      <c r="AH781" t="s">
        <v>175</v>
      </c>
      <c r="AI781" t="s">
        <v>175</v>
      </c>
      <c r="AJ781" t="s">
        <v>175</v>
      </c>
      <c r="AK781" t="s">
        <v>175</v>
      </c>
      <c r="AL781" t="s">
        <v>42</v>
      </c>
      <c r="AM781" t="s">
        <v>206</v>
      </c>
      <c r="AN781" t="s">
        <v>204</v>
      </c>
      <c r="AO781" t="s">
        <v>201</v>
      </c>
      <c r="AP781" t="s">
        <v>202</v>
      </c>
      <c r="AQ781" t="s">
        <v>185</v>
      </c>
      <c r="AR781" t="s">
        <v>184</v>
      </c>
      <c r="AS781" t="s">
        <v>203</v>
      </c>
      <c r="AT781" t="s">
        <v>182</v>
      </c>
      <c r="AU781" t="s">
        <v>183</v>
      </c>
      <c r="AV781" t="s">
        <v>205</v>
      </c>
      <c r="AY781" t="s">
        <v>187</v>
      </c>
      <c r="AZ781" t="s">
        <v>207</v>
      </c>
      <c r="BB781" t="s">
        <v>208</v>
      </c>
      <c r="BF781" t="s">
        <v>292</v>
      </c>
      <c r="BG781" t="s">
        <v>301</v>
      </c>
      <c r="BH781" t="s">
        <v>211</v>
      </c>
      <c r="BK781" t="s">
        <v>191</v>
      </c>
      <c r="BL781" t="s">
        <v>4186</v>
      </c>
      <c r="BM781" t="s">
        <v>191</v>
      </c>
      <c r="BO781" t="s">
        <v>191</v>
      </c>
    </row>
    <row r="782" spans="1:69" x14ac:dyDescent="0.25">
      <c r="A782" s="1">
        <v>30449758</v>
      </c>
      <c r="B782" t="s">
        <v>3428</v>
      </c>
      <c r="C782" t="s">
        <v>39</v>
      </c>
      <c r="D782" t="s">
        <v>3138</v>
      </c>
      <c r="E782" t="s">
        <v>200</v>
      </c>
      <c r="L782" t="s">
        <v>52</v>
      </c>
      <c r="M782" s="1">
        <v>0</v>
      </c>
      <c r="N782" s="1">
        <v>0</v>
      </c>
      <c r="O782" t="s">
        <v>3139</v>
      </c>
      <c r="P782" t="s">
        <v>176</v>
      </c>
      <c r="Q782" t="s">
        <v>238</v>
      </c>
      <c r="S782" t="s">
        <v>178</v>
      </c>
      <c r="T782" t="s">
        <v>200</v>
      </c>
      <c r="W782" t="s">
        <v>262</v>
      </c>
      <c r="X782" t="s">
        <v>179</v>
      </c>
      <c r="Z782" t="s">
        <v>244</v>
      </c>
      <c r="AC782" t="s">
        <v>180</v>
      </c>
      <c r="AD782" s="1">
        <v>0</v>
      </c>
      <c r="AE782" t="s">
        <v>200</v>
      </c>
      <c r="AF782" t="s">
        <v>200</v>
      </c>
      <c r="AG782" s="1">
        <v>0</v>
      </c>
      <c r="AH782" t="s">
        <v>175</v>
      </c>
      <c r="AI782" t="s">
        <v>200</v>
      </c>
      <c r="AJ782" t="s">
        <v>200</v>
      </c>
      <c r="AK782" t="s">
        <v>175</v>
      </c>
      <c r="AL782" t="s">
        <v>42</v>
      </c>
      <c r="AM782" s="1">
        <v>0</v>
      </c>
      <c r="AN782" s="1">
        <v>0</v>
      </c>
      <c r="AO782" s="1">
        <v>0</v>
      </c>
      <c r="AP782" s="1">
        <v>0</v>
      </c>
      <c r="AQ782" s="1">
        <v>0</v>
      </c>
      <c r="AR782" s="1">
        <v>0</v>
      </c>
      <c r="AS782" s="1">
        <v>0</v>
      </c>
      <c r="AT782" s="1">
        <v>0</v>
      </c>
      <c r="AU782" s="1">
        <v>0</v>
      </c>
      <c r="AV782" s="1">
        <v>0</v>
      </c>
      <c r="AX782" t="s">
        <v>186</v>
      </c>
      <c r="AY782" t="s">
        <v>187</v>
      </c>
      <c r="AZ782" t="s">
        <v>207</v>
      </c>
      <c r="BA782" t="s">
        <v>188</v>
      </c>
      <c r="BB782" t="s">
        <v>208</v>
      </c>
      <c r="BC782" t="s">
        <v>209</v>
      </c>
      <c r="BF782" t="s">
        <v>292</v>
      </c>
      <c r="BG782" t="s">
        <v>301</v>
      </c>
      <c r="BH782" t="s">
        <v>247</v>
      </c>
      <c r="BK782" t="s">
        <v>191</v>
      </c>
      <c r="BL782" t="s">
        <v>576</v>
      </c>
      <c r="BM782" t="s">
        <v>191</v>
      </c>
      <c r="BN782" t="s">
        <v>576</v>
      </c>
      <c r="BO782" t="s">
        <v>191</v>
      </c>
      <c r="BP782" t="s">
        <v>3429</v>
      </c>
    </row>
    <row r="783" spans="1:69" x14ac:dyDescent="0.25">
      <c r="A783" s="1">
        <v>30449759</v>
      </c>
      <c r="B783" t="s">
        <v>2818</v>
      </c>
      <c r="C783" t="s">
        <v>39</v>
      </c>
      <c r="D783" t="s">
        <v>2512</v>
      </c>
      <c r="E783" t="s">
        <v>175</v>
      </c>
      <c r="L783" t="s">
        <v>52</v>
      </c>
      <c r="M783" s="1">
        <v>0</v>
      </c>
      <c r="N783" s="1">
        <v>0</v>
      </c>
      <c r="O783" t="s">
        <v>2512</v>
      </c>
      <c r="P783" t="s">
        <v>216</v>
      </c>
      <c r="Q783" t="s">
        <v>322</v>
      </c>
      <c r="S783" s="1">
        <v>0</v>
      </c>
      <c r="T783" t="s">
        <v>175</v>
      </c>
      <c r="X783" t="s">
        <v>179</v>
      </c>
      <c r="Y783" t="s">
        <v>224</v>
      </c>
      <c r="AC783" t="s">
        <v>180</v>
      </c>
      <c r="AD783" t="s">
        <v>175</v>
      </c>
      <c r="AE783" t="s">
        <v>175</v>
      </c>
      <c r="AF783" t="s">
        <v>175</v>
      </c>
      <c r="AG783" t="s">
        <v>175</v>
      </c>
      <c r="AH783" t="s">
        <v>175</v>
      </c>
      <c r="AI783" t="s">
        <v>175</v>
      </c>
      <c r="AJ783" t="s">
        <v>181</v>
      </c>
      <c r="AK783" t="s">
        <v>181</v>
      </c>
      <c r="AL783" t="s">
        <v>52</v>
      </c>
      <c r="AM783" t="s">
        <v>205</v>
      </c>
      <c r="AN783" t="s">
        <v>182</v>
      </c>
      <c r="AO783" t="s">
        <v>206</v>
      </c>
      <c r="AP783" t="s">
        <v>185</v>
      </c>
      <c r="AQ783" t="s">
        <v>202</v>
      </c>
      <c r="AR783" t="s">
        <v>203</v>
      </c>
      <c r="AS783" t="s">
        <v>201</v>
      </c>
      <c r="AT783" t="s">
        <v>184</v>
      </c>
      <c r="AU783" t="s">
        <v>183</v>
      </c>
      <c r="AV783" t="s">
        <v>204</v>
      </c>
      <c r="AX783" t="s">
        <v>186</v>
      </c>
      <c r="AZ783" t="s">
        <v>207</v>
      </c>
      <c r="BA783" t="s">
        <v>188</v>
      </c>
      <c r="BB783" t="s">
        <v>208</v>
      </c>
      <c r="BC783" t="s">
        <v>209</v>
      </c>
      <c r="BF783" t="s">
        <v>210</v>
      </c>
      <c r="BG783" s="1">
        <v>0</v>
      </c>
      <c r="BH783" t="s">
        <v>302</v>
      </c>
      <c r="BK783" t="s">
        <v>191</v>
      </c>
      <c r="BL783" t="s">
        <v>2819</v>
      </c>
      <c r="BM783" t="s">
        <v>191</v>
      </c>
      <c r="BN783" t="s">
        <v>960</v>
      </c>
      <c r="BO783" t="s">
        <v>191</v>
      </c>
      <c r="BP783" t="s">
        <v>2820</v>
      </c>
      <c r="BQ783" t="s">
        <v>2821</v>
      </c>
    </row>
    <row r="784" spans="1:69" x14ac:dyDescent="0.25">
      <c r="A784" s="1">
        <v>30449760</v>
      </c>
      <c r="B784" t="s">
        <v>1266</v>
      </c>
      <c r="C784" t="s">
        <v>39</v>
      </c>
      <c r="D784" t="s">
        <v>942</v>
      </c>
      <c r="E784" t="s">
        <v>216</v>
      </c>
      <c r="L784" t="s">
        <v>52</v>
      </c>
      <c r="M784" s="1">
        <v>0</v>
      </c>
      <c r="N784" s="1">
        <v>0</v>
      </c>
      <c r="O784" t="s">
        <v>942</v>
      </c>
      <c r="P784" t="s">
        <v>216</v>
      </c>
      <c r="Q784" t="s">
        <v>258</v>
      </c>
      <c r="S784" s="1">
        <v>0</v>
      </c>
      <c r="T784" t="s">
        <v>197</v>
      </c>
      <c r="U784" t="s">
        <v>1267</v>
      </c>
      <c r="AA784" t="s">
        <v>273</v>
      </c>
      <c r="AB784" t="s">
        <v>1268</v>
      </c>
      <c r="AC784" t="s">
        <v>180</v>
      </c>
      <c r="AD784" t="s">
        <v>181</v>
      </c>
      <c r="AE784" t="s">
        <v>181</v>
      </c>
      <c r="AF784" t="s">
        <v>299</v>
      </c>
      <c r="AG784" t="s">
        <v>230</v>
      </c>
      <c r="AH784" t="s">
        <v>181</v>
      </c>
      <c r="AI784" t="s">
        <v>181</v>
      </c>
      <c r="AJ784" t="s">
        <v>299</v>
      </c>
      <c r="AK784" t="s">
        <v>181</v>
      </c>
      <c r="AL784" t="s">
        <v>52</v>
      </c>
      <c r="AM784" t="s">
        <v>184</v>
      </c>
      <c r="AN784" s="1">
        <v>0</v>
      </c>
      <c r="AO784" s="1">
        <v>0</v>
      </c>
      <c r="AP784" t="s">
        <v>182</v>
      </c>
      <c r="AQ784" t="s">
        <v>183</v>
      </c>
      <c r="AR784" t="s">
        <v>201</v>
      </c>
      <c r="AS784" t="s">
        <v>185</v>
      </c>
      <c r="AT784" s="1">
        <v>0</v>
      </c>
      <c r="AU784" s="1">
        <v>0</v>
      </c>
      <c r="AV784" s="1">
        <v>0</v>
      </c>
      <c r="BA784" t="s">
        <v>188</v>
      </c>
      <c r="BF784" t="s">
        <v>292</v>
      </c>
      <c r="BG784" t="s">
        <v>301</v>
      </c>
      <c r="BH784" t="s">
        <v>302</v>
      </c>
      <c r="BI784" t="s">
        <v>1269</v>
      </c>
      <c r="BK784" t="s">
        <v>191</v>
      </c>
      <c r="BL784" t="s">
        <v>1270</v>
      </c>
      <c r="BM784" t="s">
        <v>191</v>
      </c>
      <c r="BN784" t="s">
        <v>1271</v>
      </c>
      <c r="BO784" t="s">
        <v>191</v>
      </c>
      <c r="BP784" t="s">
        <v>1272</v>
      </c>
      <c r="BQ784" t="s">
        <v>1273</v>
      </c>
    </row>
    <row r="785" spans="1:69" x14ac:dyDescent="0.25">
      <c r="A785" s="1">
        <v>30449761</v>
      </c>
      <c r="B785" t="s">
        <v>568</v>
      </c>
      <c r="C785" t="s">
        <v>39</v>
      </c>
      <c r="D785" t="s">
        <v>174</v>
      </c>
      <c r="E785" t="s">
        <v>200</v>
      </c>
      <c r="L785" t="s">
        <v>52</v>
      </c>
      <c r="M785" s="1">
        <v>0</v>
      </c>
      <c r="N785" s="1">
        <v>0</v>
      </c>
      <c r="O785" t="s">
        <v>174</v>
      </c>
      <c r="P785" t="s">
        <v>176</v>
      </c>
      <c r="Q785" t="s">
        <v>177</v>
      </c>
      <c r="S785" t="s">
        <v>349</v>
      </c>
      <c r="T785" t="s">
        <v>200</v>
      </c>
      <c r="W785" t="s">
        <v>262</v>
      </c>
      <c r="X785" t="s">
        <v>179</v>
      </c>
      <c r="Z785" t="s">
        <v>244</v>
      </c>
      <c r="AC785" t="s">
        <v>199</v>
      </c>
      <c r="AD785" t="s">
        <v>200</v>
      </c>
      <c r="AE785" t="s">
        <v>200</v>
      </c>
      <c r="AF785" t="s">
        <v>175</v>
      </c>
      <c r="AG785" t="s">
        <v>175</v>
      </c>
      <c r="AH785" t="s">
        <v>200</v>
      </c>
      <c r="AI785" t="s">
        <v>200</v>
      </c>
      <c r="AJ785" t="s">
        <v>175</v>
      </c>
      <c r="AK785" t="s">
        <v>200</v>
      </c>
      <c r="AL785" t="s">
        <v>42</v>
      </c>
      <c r="AM785" t="s">
        <v>182</v>
      </c>
      <c r="AN785" t="s">
        <v>206</v>
      </c>
      <c r="AO785" t="s">
        <v>185</v>
      </c>
      <c r="AP785" t="s">
        <v>203</v>
      </c>
      <c r="AQ785" t="s">
        <v>201</v>
      </c>
      <c r="AR785" t="s">
        <v>202</v>
      </c>
      <c r="AS785" t="s">
        <v>205</v>
      </c>
      <c r="AT785" t="s">
        <v>183</v>
      </c>
      <c r="AU785" t="s">
        <v>184</v>
      </c>
      <c r="AV785" t="s">
        <v>204</v>
      </c>
      <c r="AW785" t="s">
        <v>569</v>
      </c>
      <c r="AX785" t="s">
        <v>186</v>
      </c>
      <c r="AY785" t="s">
        <v>187</v>
      </c>
      <c r="AZ785" t="s">
        <v>207</v>
      </c>
      <c r="BA785" t="s">
        <v>188</v>
      </c>
      <c r="BB785" t="s">
        <v>208</v>
      </c>
      <c r="BC785" t="s">
        <v>209</v>
      </c>
      <c r="BF785" t="s">
        <v>189</v>
      </c>
      <c r="BG785" s="1">
        <v>0</v>
      </c>
      <c r="BH785" t="s">
        <v>190</v>
      </c>
      <c r="BK785" t="s">
        <v>191</v>
      </c>
      <c r="BL785" t="s">
        <v>570</v>
      </c>
      <c r="BM785" t="s">
        <v>191</v>
      </c>
      <c r="BN785" t="s">
        <v>571</v>
      </c>
      <c r="BO785" t="s">
        <v>191</v>
      </c>
      <c r="BP785" t="s">
        <v>570</v>
      </c>
      <c r="BQ785" t="s">
        <v>572</v>
      </c>
    </row>
    <row r="786" spans="1:69" x14ac:dyDescent="0.25">
      <c r="A786" s="1">
        <v>30449762</v>
      </c>
      <c r="B786" t="s">
        <v>84</v>
      </c>
      <c r="C786" t="s">
        <v>39</v>
      </c>
      <c r="L786" s="1">
        <v>0</v>
      </c>
      <c r="M786" s="1">
        <v>0</v>
      </c>
      <c r="N786" s="1">
        <v>0</v>
      </c>
      <c r="O786" s="1">
        <v>0</v>
      </c>
      <c r="P786" s="1">
        <v>0</v>
      </c>
      <c r="Q786" s="1">
        <v>0</v>
      </c>
      <c r="S786" s="1">
        <v>0</v>
      </c>
      <c r="T786" s="1">
        <v>0</v>
      </c>
      <c r="AC786" s="1">
        <v>0</v>
      </c>
      <c r="AD786" s="1">
        <v>0</v>
      </c>
      <c r="AE786" s="1">
        <v>0</v>
      </c>
      <c r="AF786" s="1">
        <v>0</v>
      </c>
      <c r="AG786" s="1">
        <v>0</v>
      </c>
      <c r="AH786" s="1">
        <v>0</v>
      </c>
      <c r="AI786" s="1">
        <v>0</v>
      </c>
      <c r="AJ786" s="1">
        <v>0</v>
      </c>
      <c r="AK786" s="1">
        <v>0</v>
      </c>
      <c r="AL786" s="1">
        <v>0</v>
      </c>
      <c r="AM786" s="1">
        <v>0</v>
      </c>
      <c r="AN786" s="1">
        <v>0</v>
      </c>
      <c r="AO786" s="1">
        <v>0</v>
      </c>
      <c r="AP786" s="1">
        <v>0</v>
      </c>
      <c r="AQ786" s="1">
        <v>0</v>
      </c>
      <c r="AR786" s="1">
        <v>0</v>
      </c>
      <c r="AS786" s="1">
        <v>0</v>
      </c>
      <c r="AT786" s="1">
        <v>0</v>
      </c>
      <c r="AU786" s="1">
        <v>0</v>
      </c>
      <c r="AV786" s="1">
        <v>0</v>
      </c>
      <c r="BF786" s="1">
        <v>0</v>
      </c>
      <c r="BG786" s="1">
        <v>0</v>
      </c>
      <c r="BH786" s="1">
        <v>0</v>
      </c>
      <c r="BK786" s="1">
        <v>0</v>
      </c>
      <c r="BM786" s="1">
        <v>0</v>
      </c>
      <c r="BO786" s="1">
        <v>0</v>
      </c>
    </row>
    <row r="787" spans="1:69" x14ac:dyDescent="0.25">
      <c r="A787" s="1">
        <v>30449763</v>
      </c>
      <c r="B787" t="s">
        <v>85</v>
      </c>
      <c r="C787" t="s">
        <v>39</v>
      </c>
      <c r="L787" s="1">
        <v>0</v>
      </c>
      <c r="M787" s="1">
        <v>0</v>
      </c>
      <c r="N787" s="1">
        <v>0</v>
      </c>
      <c r="O787" s="1">
        <v>0</v>
      </c>
      <c r="P787" s="1">
        <v>0</v>
      </c>
      <c r="Q787" s="1">
        <v>0</v>
      </c>
      <c r="S787" s="1">
        <v>0</v>
      </c>
      <c r="T787" s="1">
        <v>0</v>
      </c>
      <c r="AC787" s="1">
        <v>0</v>
      </c>
      <c r="AD787" s="1">
        <v>0</v>
      </c>
      <c r="AE787" s="1">
        <v>0</v>
      </c>
      <c r="AF787" s="1">
        <v>0</v>
      </c>
      <c r="AG787" s="1">
        <v>0</v>
      </c>
      <c r="AH787" s="1">
        <v>0</v>
      </c>
      <c r="AI787" s="1">
        <v>0</v>
      </c>
      <c r="AJ787" s="1">
        <v>0</v>
      </c>
      <c r="AK787" s="1">
        <v>0</v>
      </c>
      <c r="AL787" s="1">
        <v>0</v>
      </c>
      <c r="AM787" s="1">
        <v>0</v>
      </c>
      <c r="AN787" s="1">
        <v>0</v>
      </c>
      <c r="AO787" s="1">
        <v>0</v>
      </c>
      <c r="AP787" s="1">
        <v>0</v>
      </c>
      <c r="AQ787" s="1">
        <v>0</v>
      </c>
      <c r="AR787" s="1">
        <v>0</v>
      </c>
      <c r="AS787" s="1">
        <v>0</v>
      </c>
      <c r="AT787" s="1">
        <v>0</v>
      </c>
      <c r="AU787" s="1">
        <v>0</v>
      </c>
      <c r="AV787" s="1">
        <v>0</v>
      </c>
      <c r="BF787" s="1">
        <v>0</v>
      </c>
      <c r="BG787" s="1">
        <v>0</v>
      </c>
      <c r="BH787" s="1">
        <v>0</v>
      </c>
      <c r="BK787" s="1">
        <v>0</v>
      </c>
      <c r="BM787" s="1">
        <v>0</v>
      </c>
      <c r="BO787" s="1">
        <v>0</v>
      </c>
    </row>
    <row r="788" spans="1:69" x14ac:dyDescent="0.25">
      <c r="A788" s="1">
        <v>30449764</v>
      </c>
      <c r="B788" t="s">
        <v>86</v>
      </c>
      <c r="C788" t="s">
        <v>39</v>
      </c>
      <c r="L788" s="1">
        <v>0</v>
      </c>
      <c r="M788" s="1">
        <v>0</v>
      </c>
      <c r="N788" s="1">
        <v>0</v>
      </c>
      <c r="O788" s="1">
        <v>0</v>
      </c>
      <c r="P788" s="1">
        <v>0</v>
      </c>
      <c r="Q788" s="1">
        <v>0</v>
      </c>
      <c r="S788" s="1">
        <v>0</v>
      </c>
      <c r="T788" s="1">
        <v>0</v>
      </c>
      <c r="AC788" s="1">
        <v>0</v>
      </c>
      <c r="AD788" s="1">
        <v>0</v>
      </c>
      <c r="AE788" s="1">
        <v>0</v>
      </c>
      <c r="AF788" s="1">
        <v>0</v>
      </c>
      <c r="AG788" s="1">
        <v>0</v>
      </c>
      <c r="AH788" s="1">
        <v>0</v>
      </c>
      <c r="AI788" s="1">
        <v>0</v>
      </c>
      <c r="AJ788" s="1">
        <v>0</v>
      </c>
      <c r="AK788" s="1">
        <v>0</v>
      </c>
      <c r="AL788" s="1">
        <v>0</v>
      </c>
      <c r="AM788" s="1">
        <v>0</v>
      </c>
      <c r="AN788" s="1">
        <v>0</v>
      </c>
      <c r="AO788" s="1">
        <v>0</v>
      </c>
      <c r="AP788" s="1">
        <v>0</v>
      </c>
      <c r="AQ788" s="1">
        <v>0</v>
      </c>
      <c r="AR788" s="1">
        <v>0</v>
      </c>
      <c r="AS788" s="1">
        <v>0</v>
      </c>
      <c r="AT788" s="1">
        <v>0</v>
      </c>
      <c r="AU788" s="1">
        <v>0</v>
      </c>
      <c r="AV788" s="1">
        <v>0</v>
      </c>
      <c r="BF788" s="1">
        <v>0</v>
      </c>
      <c r="BG788" s="1">
        <v>0</v>
      </c>
      <c r="BH788" s="1">
        <v>0</v>
      </c>
      <c r="BK788" s="1">
        <v>0</v>
      </c>
      <c r="BM788" s="1">
        <v>0</v>
      </c>
      <c r="BO788" s="1">
        <v>0</v>
      </c>
    </row>
    <row r="789" spans="1:69" x14ac:dyDescent="0.25">
      <c r="A789" s="1">
        <v>30449765</v>
      </c>
      <c r="B789" t="s">
        <v>87</v>
      </c>
      <c r="C789" t="s">
        <v>39</v>
      </c>
      <c r="L789" s="1">
        <v>0</v>
      </c>
      <c r="M789" s="1">
        <v>0</v>
      </c>
      <c r="N789" s="1">
        <v>0</v>
      </c>
      <c r="O789" s="1">
        <v>0</v>
      </c>
      <c r="P789" s="1">
        <v>0</v>
      </c>
      <c r="Q789" s="1">
        <v>0</v>
      </c>
      <c r="S789" s="1">
        <v>0</v>
      </c>
      <c r="T789" s="1">
        <v>0</v>
      </c>
      <c r="AC789" s="1">
        <v>0</v>
      </c>
      <c r="AD789" s="1">
        <v>0</v>
      </c>
      <c r="AE789" s="1">
        <v>0</v>
      </c>
      <c r="AF789" s="1">
        <v>0</v>
      </c>
      <c r="AG789" s="1">
        <v>0</v>
      </c>
      <c r="AH789" s="1">
        <v>0</v>
      </c>
      <c r="AI789" s="1">
        <v>0</v>
      </c>
      <c r="AJ789" s="1">
        <v>0</v>
      </c>
      <c r="AK789" s="1">
        <v>0</v>
      </c>
      <c r="AL789" s="1">
        <v>0</v>
      </c>
      <c r="AM789" s="1">
        <v>0</v>
      </c>
      <c r="AN789" s="1">
        <v>0</v>
      </c>
      <c r="AO789" s="1">
        <v>0</v>
      </c>
      <c r="AP789" s="1">
        <v>0</v>
      </c>
      <c r="AQ789" s="1">
        <v>0</v>
      </c>
      <c r="AR789" s="1">
        <v>0</v>
      </c>
      <c r="AS789" s="1">
        <v>0</v>
      </c>
      <c r="AT789" s="1">
        <v>0</v>
      </c>
      <c r="AU789" s="1">
        <v>0</v>
      </c>
      <c r="AV789" s="1">
        <v>0</v>
      </c>
      <c r="BF789" s="1">
        <v>0</v>
      </c>
      <c r="BG789" s="1">
        <v>0</v>
      </c>
      <c r="BH789" s="1">
        <v>0</v>
      </c>
      <c r="BK789" s="1">
        <v>0</v>
      </c>
      <c r="BM789" s="1">
        <v>0</v>
      </c>
      <c r="BO789" s="1">
        <v>0</v>
      </c>
    </row>
    <row r="790" spans="1:69" x14ac:dyDescent="0.25">
      <c r="A790" s="1">
        <v>30449766</v>
      </c>
      <c r="B790" t="s">
        <v>88</v>
      </c>
      <c r="C790" t="s">
        <v>39</v>
      </c>
      <c r="L790" s="1">
        <v>0</v>
      </c>
      <c r="M790" s="1">
        <v>0</v>
      </c>
      <c r="N790" s="1">
        <v>0</v>
      </c>
      <c r="O790" s="1">
        <v>0</v>
      </c>
      <c r="P790" s="1">
        <v>0</v>
      </c>
      <c r="Q790" s="1">
        <v>0</v>
      </c>
      <c r="S790" s="1">
        <v>0</v>
      </c>
      <c r="T790" s="1">
        <v>0</v>
      </c>
      <c r="AC790" s="1">
        <v>0</v>
      </c>
      <c r="AD790" s="1">
        <v>0</v>
      </c>
      <c r="AE790" s="1">
        <v>0</v>
      </c>
      <c r="AF790" s="1">
        <v>0</v>
      </c>
      <c r="AG790" s="1">
        <v>0</v>
      </c>
      <c r="AH790" s="1">
        <v>0</v>
      </c>
      <c r="AI790" s="1">
        <v>0</v>
      </c>
      <c r="AJ790" s="1">
        <v>0</v>
      </c>
      <c r="AK790" s="1">
        <v>0</v>
      </c>
      <c r="AL790" s="1">
        <v>0</v>
      </c>
      <c r="AM790" s="1">
        <v>0</v>
      </c>
      <c r="AN790" s="1">
        <v>0</v>
      </c>
      <c r="AO790" s="1">
        <v>0</v>
      </c>
      <c r="AP790" s="1">
        <v>0</v>
      </c>
      <c r="AQ790" s="1">
        <v>0</v>
      </c>
      <c r="AR790" s="1">
        <v>0</v>
      </c>
      <c r="AS790" s="1">
        <v>0</v>
      </c>
      <c r="AT790" s="1">
        <v>0</v>
      </c>
      <c r="AU790" s="1">
        <v>0</v>
      </c>
      <c r="AV790" s="1">
        <v>0</v>
      </c>
      <c r="BF790" s="1">
        <v>0</v>
      </c>
      <c r="BG790" s="1">
        <v>0</v>
      </c>
      <c r="BH790" s="1">
        <v>0</v>
      </c>
      <c r="BK790" s="1">
        <v>0</v>
      </c>
      <c r="BM790" s="1">
        <v>0</v>
      </c>
      <c r="BO790" s="1">
        <v>0</v>
      </c>
    </row>
    <row r="791" spans="1:69" x14ac:dyDescent="0.25">
      <c r="A791" s="1">
        <v>30449768</v>
      </c>
      <c r="B791" t="s">
        <v>89</v>
      </c>
      <c r="C791" t="s">
        <v>39</v>
      </c>
      <c r="L791" s="1">
        <v>0</v>
      </c>
      <c r="M791" s="1">
        <v>0</v>
      </c>
      <c r="N791" s="1">
        <v>0</v>
      </c>
      <c r="O791" s="1">
        <v>0</v>
      </c>
      <c r="P791" s="1">
        <v>0</v>
      </c>
      <c r="Q791" s="1">
        <v>0</v>
      </c>
      <c r="S791" s="1">
        <v>0</v>
      </c>
      <c r="T791" s="1">
        <v>0</v>
      </c>
      <c r="AC791" s="1">
        <v>0</v>
      </c>
      <c r="AD791" s="1">
        <v>0</v>
      </c>
      <c r="AE791" s="1">
        <v>0</v>
      </c>
      <c r="AF791" s="1">
        <v>0</v>
      </c>
      <c r="AG791" s="1">
        <v>0</v>
      </c>
      <c r="AH791" s="1">
        <v>0</v>
      </c>
      <c r="AI791" s="1">
        <v>0</v>
      </c>
      <c r="AJ791" s="1">
        <v>0</v>
      </c>
      <c r="AK791" s="1">
        <v>0</v>
      </c>
      <c r="AL791" s="1">
        <v>0</v>
      </c>
      <c r="AM791" s="1">
        <v>0</v>
      </c>
      <c r="AN791" s="1">
        <v>0</v>
      </c>
      <c r="AO791" s="1">
        <v>0</v>
      </c>
      <c r="AP791" s="1">
        <v>0</v>
      </c>
      <c r="AQ791" s="1">
        <v>0</v>
      </c>
      <c r="AR791" s="1">
        <v>0</v>
      </c>
      <c r="AS791" s="1">
        <v>0</v>
      </c>
      <c r="AT791" s="1">
        <v>0</v>
      </c>
      <c r="AU791" s="1">
        <v>0</v>
      </c>
      <c r="AV791" s="1">
        <v>0</v>
      </c>
      <c r="BF791" s="1">
        <v>0</v>
      </c>
      <c r="BG791" s="1">
        <v>0</v>
      </c>
      <c r="BH791" s="1">
        <v>0</v>
      </c>
      <c r="BK791" s="1">
        <v>0</v>
      </c>
      <c r="BM791" s="1">
        <v>0</v>
      </c>
      <c r="BO791" s="1">
        <v>0</v>
      </c>
    </row>
    <row r="792" spans="1:69" x14ac:dyDescent="0.25">
      <c r="A792" s="1">
        <v>30449769</v>
      </c>
      <c r="B792" t="s">
        <v>90</v>
      </c>
      <c r="C792" t="s">
        <v>39</v>
      </c>
      <c r="L792" s="1">
        <v>0</v>
      </c>
      <c r="M792" s="1">
        <v>0</v>
      </c>
      <c r="N792" s="1">
        <v>0</v>
      </c>
      <c r="O792" s="1">
        <v>0</v>
      </c>
      <c r="P792" s="1">
        <v>0</v>
      </c>
      <c r="Q792" s="1">
        <v>0</v>
      </c>
      <c r="S792" s="1">
        <v>0</v>
      </c>
      <c r="T792" s="1">
        <v>0</v>
      </c>
      <c r="AC792" s="1">
        <v>0</v>
      </c>
      <c r="AD792" s="1">
        <v>0</v>
      </c>
      <c r="AE792" s="1">
        <v>0</v>
      </c>
      <c r="AF792" s="1">
        <v>0</v>
      </c>
      <c r="AG792" s="1">
        <v>0</v>
      </c>
      <c r="AH792" s="1">
        <v>0</v>
      </c>
      <c r="AI792" s="1">
        <v>0</v>
      </c>
      <c r="AJ792" s="1">
        <v>0</v>
      </c>
      <c r="AK792" s="1">
        <v>0</v>
      </c>
      <c r="AL792" s="1">
        <v>0</v>
      </c>
      <c r="AM792" s="1">
        <v>0</v>
      </c>
      <c r="AN792" s="1">
        <v>0</v>
      </c>
      <c r="AO792" s="1">
        <v>0</v>
      </c>
      <c r="AP792" s="1">
        <v>0</v>
      </c>
      <c r="AQ792" s="1">
        <v>0</v>
      </c>
      <c r="AR792" s="1">
        <v>0</v>
      </c>
      <c r="AS792" s="1">
        <v>0</v>
      </c>
      <c r="AT792" s="1">
        <v>0</v>
      </c>
      <c r="AU792" s="1">
        <v>0</v>
      </c>
      <c r="AV792" s="1">
        <v>0</v>
      </c>
      <c r="BF792" s="1">
        <v>0</v>
      </c>
      <c r="BG792" s="1">
        <v>0</v>
      </c>
      <c r="BH792" s="1">
        <v>0</v>
      </c>
      <c r="BK792" s="1">
        <v>0</v>
      </c>
      <c r="BM792" s="1">
        <v>0</v>
      </c>
      <c r="BO792" s="1">
        <v>0</v>
      </c>
    </row>
    <row r="793" spans="1:69" x14ac:dyDescent="0.25">
      <c r="A793" s="1">
        <v>30449770</v>
      </c>
      <c r="B793" t="s">
        <v>91</v>
      </c>
      <c r="C793" t="s">
        <v>39</v>
      </c>
      <c r="L793" s="1">
        <v>0</v>
      </c>
      <c r="M793" s="1">
        <v>0</v>
      </c>
      <c r="N793" s="1">
        <v>0</v>
      </c>
      <c r="O793" s="1">
        <v>0</v>
      </c>
      <c r="P793" s="1">
        <v>0</v>
      </c>
      <c r="Q793" s="1">
        <v>0</v>
      </c>
      <c r="S793" s="1">
        <v>0</v>
      </c>
      <c r="T793" s="1">
        <v>0</v>
      </c>
      <c r="AC793" s="1">
        <v>0</v>
      </c>
      <c r="AD793" s="1">
        <v>0</v>
      </c>
      <c r="AE793" s="1">
        <v>0</v>
      </c>
      <c r="AF793" s="1">
        <v>0</v>
      </c>
      <c r="AG793" s="1">
        <v>0</v>
      </c>
      <c r="AH793" s="1">
        <v>0</v>
      </c>
      <c r="AI793" s="1">
        <v>0</v>
      </c>
      <c r="AJ793" s="1">
        <v>0</v>
      </c>
      <c r="AK793" s="1">
        <v>0</v>
      </c>
      <c r="AL793" s="1">
        <v>0</v>
      </c>
      <c r="AM793" s="1">
        <v>0</v>
      </c>
      <c r="AN793" s="1">
        <v>0</v>
      </c>
      <c r="AO793" s="1">
        <v>0</v>
      </c>
      <c r="AP793" s="1">
        <v>0</v>
      </c>
      <c r="AQ793" s="1">
        <v>0</v>
      </c>
      <c r="AR793" s="1">
        <v>0</v>
      </c>
      <c r="AS793" s="1">
        <v>0</v>
      </c>
      <c r="AT793" s="1">
        <v>0</v>
      </c>
      <c r="AU793" s="1">
        <v>0</v>
      </c>
      <c r="AV793" s="1">
        <v>0</v>
      </c>
      <c r="BF793" s="1">
        <v>0</v>
      </c>
      <c r="BG793" s="1">
        <v>0</v>
      </c>
      <c r="BH793" s="1">
        <v>0</v>
      </c>
      <c r="BK793" s="1">
        <v>0</v>
      </c>
      <c r="BM793" s="1">
        <v>0</v>
      </c>
      <c r="BO793" s="1">
        <v>0</v>
      </c>
    </row>
    <row r="794" spans="1:69" x14ac:dyDescent="0.25">
      <c r="A794" s="1">
        <v>30449771</v>
      </c>
      <c r="B794" t="s">
        <v>92</v>
      </c>
      <c r="C794" t="s">
        <v>39</v>
      </c>
      <c r="L794" s="1">
        <v>0</v>
      </c>
      <c r="M794" s="1">
        <v>0</v>
      </c>
      <c r="N794" s="1">
        <v>0</v>
      </c>
      <c r="O794" s="1">
        <v>0</v>
      </c>
      <c r="P794" s="1">
        <v>0</v>
      </c>
      <c r="Q794" s="1">
        <v>0</v>
      </c>
      <c r="S794" s="1">
        <v>0</v>
      </c>
      <c r="T794" s="1">
        <v>0</v>
      </c>
      <c r="AC794" s="1">
        <v>0</v>
      </c>
      <c r="AD794" s="1">
        <v>0</v>
      </c>
      <c r="AE794" s="1">
        <v>0</v>
      </c>
      <c r="AF794" s="1">
        <v>0</v>
      </c>
      <c r="AG794" s="1">
        <v>0</v>
      </c>
      <c r="AH794" s="1">
        <v>0</v>
      </c>
      <c r="AI794" s="1">
        <v>0</v>
      </c>
      <c r="AJ794" s="1">
        <v>0</v>
      </c>
      <c r="AK794" s="1">
        <v>0</v>
      </c>
      <c r="AL794" s="1">
        <v>0</v>
      </c>
      <c r="AM794" s="1">
        <v>0</v>
      </c>
      <c r="AN794" s="1">
        <v>0</v>
      </c>
      <c r="AO794" s="1">
        <v>0</v>
      </c>
      <c r="AP794" s="1">
        <v>0</v>
      </c>
      <c r="AQ794" s="1">
        <v>0</v>
      </c>
      <c r="AR794" s="1">
        <v>0</v>
      </c>
      <c r="AS794" s="1">
        <v>0</v>
      </c>
      <c r="AT794" s="1">
        <v>0</v>
      </c>
      <c r="AU794" s="1">
        <v>0</v>
      </c>
      <c r="AV794" s="1">
        <v>0</v>
      </c>
      <c r="BF794" s="1">
        <v>0</v>
      </c>
      <c r="BG794" s="1">
        <v>0</v>
      </c>
      <c r="BH794" s="1">
        <v>0</v>
      </c>
      <c r="BK794" s="1">
        <v>0</v>
      </c>
      <c r="BM794" s="1">
        <v>0</v>
      </c>
      <c r="BO794" s="1">
        <v>0</v>
      </c>
    </row>
    <row r="795" spans="1:69" x14ac:dyDescent="0.25">
      <c r="A795" s="1">
        <v>30449774</v>
      </c>
      <c r="B795" t="s">
        <v>1274</v>
      </c>
      <c r="C795" t="s">
        <v>39</v>
      </c>
      <c r="D795" t="s">
        <v>942</v>
      </c>
      <c r="E795" t="s">
        <v>200</v>
      </c>
      <c r="L795" t="s">
        <v>52</v>
      </c>
      <c r="M795" s="1">
        <v>0</v>
      </c>
      <c r="N795" s="1">
        <v>0</v>
      </c>
      <c r="O795" t="s">
        <v>942</v>
      </c>
      <c r="P795" t="s">
        <v>176</v>
      </c>
      <c r="Q795" t="s">
        <v>328</v>
      </c>
      <c r="S795" t="s">
        <v>178</v>
      </c>
      <c r="T795" t="s">
        <v>200</v>
      </c>
      <c r="Z795" t="s">
        <v>244</v>
      </c>
      <c r="AA795" t="s">
        <v>273</v>
      </c>
      <c r="AB795" t="s">
        <v>1275</v>
      </c>
      <c r="AC795" t="s">
        <v>199</v>
      </c>
      <c r="AD795" t="s">
        <v>181</v>
      </c>
      <c r="AE795" t="s">
        <v>200</v>
      </c>
      <c r="AF795" t="s">
        <v>200</v>
      </c>
      <c r="AG795" t="s">
        <v>200</v>
      </c>
      <c r="AH795" t="s">
        <v>200</v>
      </c>
      <c r="AI795" t="s">
        <v>200</v>
      </c>
      <c r="AJ795" t="s">
        <v>200</v>
      </c>
      <c r="AK795" t="s">
        <v>200</v>
      </c>
      <c r="AL795" t="s">
        <v>42</v>
      </c>
      <c r="AM795" t="s">
        <v>184</v>
      </c>
      <c r="AN795" t="s">
        <v>206</v>
      </c>
      <c r="AO795" t="s">
        <v>182</v>
      </c>
      <c r="AP795" t="s">
        <v>201</v>
      </c>
      <c r="AQ795" t="s">
        <v>202</v>
      </c>
      <c r="AR795" t="s">
        <v>204</v>
      </c>
      <c r="AS795" t="s">
        <v>203</v>
      </c>
      <c r="AT795" t="s">
        <v>205</v>
      </c>
      <c r="AU795" t="s">
        <v>185</v>
      </c>
      <c r="AV795" t="s">
        <v>183</v>
      </c>
      <c r="AW795" t="s">
        <v>1276</v>
      </c>
      <c r="AX795" t="s">
        <v>186</v>
      </c>
      <c r="AY795" t="s">
        <v>187</v>
      </c>
      <c r="AZ795" t="s">
        <v>207</v>
      </c>
      <c r="BA795" t="s">
        <v>188</v>
      </c>
      <c r="BB795" t="s">
        <v>208</v>
      </c>
      <c r="BC795" t="s">
        <v>209</v>
      </c>
      <c r="BD795" t="s">
        <v>273</v>
      </c>
      <c r="BE795" t="s">
        <v>1277</v>
      </c>
      <c r="BF795" t="s">
        <v>210</v>
      </c>
      <c r="BG795" s="1">
        <v>0</v>
      </c>
      <c r="BH795" t="s">
        <v>464</v>
      </c>
      <c r="BK795" t="s">
        <v>191</v>
      </c>
      <c r="BL795" t="s">
        <v>1278</v>
      </c>
      <c r="BM795" t="s">
        <v>191</v>
      </c>
      <c r="BN795" t="s">
        <v>1279</v>
      </c>
      <c r="BO795" t="s">
        <v>191</v>
      </c>
      <c r="BP795" t="s">
        <v>1280</v>
      </c>
      <c r="BQ795" t="s">
        <v>1281</v>
      </c>
    </row>
    <row r="796" spans="1:69" x14ac:dyDescent="0.25">
      <c r="A796" s="1">
        <v>30449776</v>
      </c>
      <c r="B796" t="s">
        <v>1282</v>
      </c>
      <c r="C796" t="s">
        <v>39</v>
      </c>
      <c r="D796" t="s">
        <v>942</v>
      </c>
      <c r="E796" t="s">
        <v>175</v>
      </c>
      <c r="L796" t="s">
        <v>52</v>
      </c>
      <c r="M796" s="1">
        <v>0</v>
      </c>
      <c r="N796" s="1">
        <v>0</v>
      </c>
      <c r="O796" t="s">
        <v>942</v>
      </c>
      <c r="P796" t="s">
        <v>216</v>
      </c>
      <c r="Q796" t="s">
        <v>328</v>
      </c>
      <c r="S796" s="1">
        <v>0</v>
      </c>
      <c r="T796" t="s">
        <v>175</v>
      </c>
      <c r="Y796" t="s">
        <v>224</v>
      </c>
      <c r="AC796" t="s">
        <v>180</v>
      </c>
      <c r="AD796" t="s">
        <v>175</v>
      </c>
      <c r="AE796" t="s">
        <v>181</v>
      </c>
      <c r="AF796" t="s">
        <v>230</v>
      </c>
      <c r="AG796" t="s">
        <v>175</v>
      </c>
      <c r="AH796" t="s">
        <v>175</v>
      </c>
      <c r="AI796" t="s">
        <v>175</v>
      </c>
      <c r="AJ796" t="s">
        <v>175</v>
      </c>
      <c r="AK796" t="s">
        <v>181</v>
      </c>
      <c r="AL796" t="s">
        <v>42</v>
      </c>
      <c r="AM796" t="s">
        <v>185</v>
      </c>
      <c r="AN796" t="s">
        <v>205</v>
      </c>
      <c r="AO796" t="s">
        <v>184</v>
      </c>
      <c r="AP796" t="s">
        <v>183</v>
      </c>
      <c r="AQ796" t="s">
        <v>182</v>
      </c>
      <c r="AR796" t="s">
        <v>201</v>
      </c>
      <c r="AS796" t="s">
        <v>202</v>
      </c>
      <c r="AT796" t="s">
        <v>206</v>
      </c>
      <c r="AU796" t="s">
        <v>204</v>
      </c>
      <c r="AV796" t="s">
        <v>203</v>
      </c>
      <c r="AX796" t="s">
        <v>186</v>
      </c>
      <c r="AY796" t="s">
        <v>187</v>
      </c>
      <c r="AZ796" t="s">
        <v>207</v>
      </c>
      <c r="BA796" t="s">
        <v>188</v>
      </c>
      <c r="BB796" t="s">
        <v>208</v>
      </c>
      <c r="BC796" t="s">
        <v>209</v>
      </c>
      <c r="BF796" t="s">
        <v>189</v>
      </c>
      <c r="BG796" s="1">
        <v>0</v>
      </c>
      <c r="BH796" t="s">
        <v>211</v>
      </c>
      <c r="BK796" t="s">
        <v>191</v>
      </c>
      <c r="BM796" t="s">
        <v>191</v>
      </c>
      <c r="BO796" t="s">
        <v>191</v>
      </c>
    </row>
    <row r="797" spans="1:69" x14ac:dyDescent="0.25">
      <c r="A797" s="1">
        <v>30449780</v>
      </c>
      <c r="B797" t="s">
        <v>2822</v>
      </c>
      <c r="C797" t="s">
        <v>39</v>
      </c>
      <c r="D797" t="s">
        <v>2512</v>
      </c>
      <c r="E797" t="s">
        <v>175</v>
      </c>
      <c r="L797" t="s">
        <v>52</v>
      </c>
      <c r="M797" s="1">
        <v>0</v>
      </c>
      <c r="N797" s="1">
        <v>0</v>
      </c>
      <c r="O797" t="s">
        <v>2512</v>
      </c>
      <c r="P797" t="s">
        <v>176</v>
      </c>
      <c r="Q797" t="s">
        <v>177</v>
      </c>
      <c r="S797" t="s">
        <v>178</v>
      </c>
      <c r="T797" t="s">
        <v>175</v>
      </c>
      <c r="X797" t="s">
        <v>179</v>
      </c>
      <c r="Z797" t="s">
        <v>244</v>
      </c>
      <c r="AC797" t="s">
        <v>1357</v>
      </c>
      <c r="AD797" t="s">
        <v>175</v>
      </c>
      <c r="AE797" t="s">
        <v>175</v>
      </c>
      <c r="AF797" t="s">
        <v>175</v>
      </c>
      <c r="AG797" t="s">
        <v>175</v>
      </c>
      <c r="AH797" t="s">
        <v>175</v>
      </c>
      <c r="AI797" t="s">
        <v>175</v>
      </c>
      <c r="AJ797" t="s">
        <v>175</v>
      </c>
      <c r="AK797" t="s">
        <v>175</v>
      </c>
      <c r="AL797" t="s">
        <v>42</v>
      </c>
      <c r="AM797" s="1">
        <v>0</v>
      </c>
      <c r="AN797" s="1">
        <v>0</v>
      </c>
      <c r="AO797" s="1">
        <v>0</v>
      </c>
      <c r="AP797" s="1">
        <v>0</v>
      </c>
      <c r="AQ797" s="1">
        <v>0</v>
      </c>
      <c r="AR797" s="1">
        <v>0</v>
      </c>
      <c r="AS797" s="1">
        <v>0</v>
      </c>
      <c r="AT797" s="1">
        <v>0</v>
      </c>
      <c r="AU797" s="1">
        <v>0</v>
      </c>
      <c r="AV797" s="1">
        <v>0</v>
      </c>
      <c r="AY797" t="s">
        <v>187</v>
      </c>
      <c r="AZ797" t="s">
        <v>207</v>
      </c>
      <c r="BA797" t="s">
        <v>188</v>
      </c>
      <c r="BF797" t="s">
        <v>210</v>
      </c>
      <c r="BG797" s="1">
        <v>0</v>
      </c>
      <c r="BH797" t="s">
        <v>247</v>
      </c>
      <c r="BK797" t="s">
        <v>191</v>
      </c>
      <c r="BM797" t="s">
        <v>191</v>
      </c>
      <c r="BO797" t="s">
        <v>218</v>
      </c>
      <c r="BQ797" t="s">
        <v>2823</v>
      </c>
    </row>
    <row r="798" spans="1:69" x14ac:dyDescent="0.25">
      <c r="A798" s="1">
        <v>30449781</v>
      </c>
      <c r="B798" t="s">
        <v>1283</v>
      </c>
      <c r="C798" t="s">
        <v>39</v>
      </c>
      <c r="D798" t="s">
        <v>942</v>
      </c>
      <c r="E798" t="s">
        <v>175</v>
      </c>
      <c r="L798" t="s">
        <v>52</v>
      </c>
      <c r="M798" s="1">
        <v>0</v>
      </c>
      <c r="N798" s="1">
        <v>0</v>
      </c>
      <c r="O798" t="s">
        <v>942</v>
      </c>
      <c r="P798" t="s">
        <v>216</v>
      </c>
      <c r="Q798" t="s">
        <v>322</v>
      </c>
      <c r="S798" s="1">
        <v>0</v>
      </c>
      <c r="T798" t="s">
        <v>175</v>
      </c>
      <c r="Y798" t="s">
        <v>224</v>
      </c>
      <c r="AC798" t="s">
        <v>180</v>
      </c>
      <c r="AD798" t="s">
        <v>200</v>
      </c>
      <c r="AE798" t="s">
        <v>200</v>
      </c>
      <c r="AF798" t="s">
        <v>200</v>
      </c>
      <c r="AG798" t="s">
        <v>200</v>
      </c>
      <c r="AH798" t="s">
        <v>200</v>
      </c>
      <c r="AI798" t="s">
        <v>200</v>
      </c>
      <c r="AJ798" t="s">
        <v>200</v>
      </c>
      <c r="AK798" t="s">
        <v>200</v>
      </c>
      <c r="AL798" t="s">
        <v>42</v>
      </c>
      <c r="AM798" t="s">
        <v>182</v>
      </c>
      <c r="AN798" t="s">
        <v>201</v>
      </c>
      <c r="AO798" t="s">
        <v>184</v>
      </c>
      <c r="AP798" t="s">
        <v>185</v>
      </c>
      <c r="AQ798" t="s">
        <v>183</v>
      </c>
      <c r="AR798" t="s">
        <v>204</v>
      </c>
      <c r="AS798" t="s">
        <v>202</v>
      </c>
      <c r="AT798" t="s">
        <v>206</v>
      </c>
      <c r="AU798" t="s">
        <v>205</v>
      </c>
      <c r="AV798" t="s">
        <v>203</v>
      </c>
      <c r="AY798" t="s">
        <v>187</v>
      </c>
      <c r="AZ798" t="s">
        <v>207</v>
      </c>
      <c r="BA798" t="s">
        <v>188</v>
      </c>
      <c r="BB798" t="s">
        <v>208</v>
      </c>
      <c r="BF798" t="s">
        <v>189</v>
      </c>
      <c r="BG798" s="1">
        <v>0</v>
      </c>
      <c r="BH798" t="s">
        <v>190</v>
      </c>
      <c r="BK798" t="s">
        <v>191</v>
      </c>
      <c r="BL798" t="s">
        <v>1284</v>
      </c>
      <c r="BM798" t="s">
        <v>191</v>
      </c>
      <c r="BN798" t="s">
        <v>1285</v>
      </c>
      <c r="BO798" t="s">
        <v>218</v>
      </c>
      <c r="BP798" t="s">
        <v>1286</v>
      </c>
      <c r="BQ798" t="s">
        <v>1287</v>
      </c>
    </row>
    <row r="799" spans="1:69" x14ac:dyDescent="0.25">
      <c r="A799" s="1">
        <v>30449783</v>
      </c>
      <c r="B799" t="s">
        <v>2048</v>
      </c>
      <c r="C799" t="s">
        <v>39</v>
      </c>
      <c r="D799" t="s">
        <v>1616</v>
      </c>
      <c r="E799" t="s">
        <v>195</v>
      </c>
      <c r="L799" t="s">
        <v>52</v>
      </c>
      <c r="M799" s="1">
        <v>0</v>
      </c>
      <c r="N799" s="1">
        <v>0</v>
      </c>
      <c r="O799" t="s">
        <v>1616</v>
      </c>
      <c r="P799" t="s">
        <v>176</v>
      </c>
      <c r="Q799" t="s">
        <v>177</v>
      </c>
      <c r="S799" t="s">
        <v>315</v>
      </c>
      <c r="T799" t="s">
        <v>197</v>
      </c>
      <c r="U799" t="s">
        <v>2049</v>
      </c>
      <c r="X799" t="s">
        <v>179</v>
      </c>
      <c r="AC799" t="s">
        <v>225</v>
      </c>
      <c r="AD799" t="s">
        <v>175</v>
      </c>
      <c r="AE799" t="s">
        <v>200</v>
      </c>
      <c r="AF799" t="s">
        <v>181</v>
      </c>
      <c r="AG799" t="s">
        <v>181</v>
      </c>
      <c r="AH799" t="s">
        <v>175</v>
      </c>
      <c r="AI799" t="s">
        <v>175</v>
      </c>
      <c r="AJ799" t="s">
        <v>181</v>
      </c>
      <c r="AK799" t="s">
        <v>181</v>
      </c>
      <c r="AL799" t="s">
        <v>42</v>
      </c>
      <c r="AM799" t="s">
        <v>184</v>
      </c>
      <c r="AN799" t="s">
        <v>185</v>
      </c>
      <c r="AO799" t="s">
        <v>183</v>
      </c>
      <c r="AP799" t="s">
        <v>182</v>
      </c>
      <c r="AQ799" s="1">
        <v>0</v>
      </c>
      <c r="AR799" s="1">
        <v>0</v>
      </c>
      <c r="AS799" s="1">
        <v>0</v>
      </c>
      <c r="AT799" s="1">
        <v>0</v>
      </c>
      <c r="AU799" s="1">
        <v>0</v>
      </c>
      <c r="AV799" s="1">
        <v>0</v>
      </c>
      <c r="AX799" t="s">
        <v>186</v>
      </c>
      <c r="AY799" t="s">
        <v>187</v>
      </c>
      <c r="AZ799" t="s">
        <v>207</v>
      </c>
      <c r="BA799" t="s">
        <v>188</v>
      </c>
      <c r="BF799" t="s">
        <v>210</v>
      </c>
      <c r="BG799" s="1">
        <v>0</v>
      </c>
      <c r="BH799" t="s">
        <v>247</v>
      </c>
      <c r="BK799" t="s">
        <v>191</v>
      </c>
      <c r="BL799" t="s">
        <v>2050</v>
      </c>
      <c r="BM799" t="s">
        <v>191</v>
      </c>
      <c r="BN799" t="s">
        <v>2051</v>
      </c>
      <c r="BO799" t="s">
        <v>191</v>
      </c>
      <c r="BP799" t="s">
        <v>2052</v>
      </c>
    </row>
    <row r="800" spans="1:69" x14ac:dyDescent="0.25">
      <c r="A800" s="1">
        <v>30449784</v>
      </c>
      <c r="B800" t="s">
        <v>1288</v>
      </c>
      <c r="C800" t="s">
        <v>39</v>
      </c>
      <c r="D800" t="s">
        <v>942</v>
      </c>
      <c r="L800" t="s">
        <v>52</v>
      </c>
      <c r="M800" s="1">
        <v>0</v>
      </c>
      <c r="N800" s="1">
        <v>0</v>
      </c>
      <c r="O800" t="s">
        <v>942</v>
      </c>
      <c r="P800" t="s">
        <v>49</v>
      </c>
      <c r="Q800" s="1">
        <v>0</v>
      </c>
      <c r="S800" s="1">
        <v>0</v>
      </c>
      <c r="T800" s="1">
        <v>0</v>
      </c>
      <c r="Y800" t="s">
        <v>224</v>
      </c>
      <c r="AC800" t="s">
        <v>180</v>
      </c>
      <c r="AD800" t="s">
        <v>181</v>
      </c>
      <c r="AE800" t="s">
        <v>181</v>
      </c>
      <c r="AF800" t="s">
        <v>181</v>
      </c>
      <c r="AG800" t="s">
        <v>181</v>
      </c>
      <c r="AH800" t="s">
        <v>181</v>
      </c>
      <c r="AI800" t="s">
        <v>181</v>
      </c>
      <c r="AJ800" t="s">
        <v>181</v>
      </c>
      <c r="AK800" t="s">
        <v>181</v>
      </c>
      <c r="AL800" t="s">
        <v>42</v>
      </c>
      <c r="AM800" t="s">
        <v>206</v>
      </c>
      <c r="AN800" t="s">
        <v>182</v>
      </c>
      <c r="AO800" t="s">
        <v>183</v>
      </c>
      <c r="AP800" t="s">
        <v>201</v>
      </c>
      <c r="AQ800" t="s">
        <v>205</v>
      </c>
      <c r="AR800" t="s">
        <v>202</v>
      </c>
      <c r="AS800" t="s">
        <v>203</v>
      </c>
      <c r="AT800" t="s">
        <v>184</v>
      </c>
      <c r="AU800" t="s">
        <v>185</v>
      </c>
      <c r="AV800" t="s">
        <v>204</v>
      </c>
      <c r="AX800" t="s">
        <v>186</v>
      </c>
      <c r="AZ800" t="s">
        <v>207</v>
      </c>
      <c r="BF800" t="s">
        <v>292</v>
      </c>
      <c r="BG800" t="s">
        <v>49</v>
      </c>
      <c r="BH800" t="s">
        <v>190</v>
      </c>
      <c r="BK800" t="s">
        <v>191</v>
      </c>
      <c r="BM800" t="s">
        <v>218</v>
      </c>
      <c r="BO800" t="s">
        <v>191</v>
      </c>
    </row>
    <row r="801" spans="1:69" x14ac:dyDescent="0.25">
      <c r="A801" s="1">
        <v>30449785</v>
      </c>
      <c r="B801" t="s">
        <v>93</v>
      </c>
      <c r="C801" t="s">
        <v>39</v>
      </c>
      <c r="L801" t="s">
        <v>42</v>
      </c>
      <c r="M801" s="1">
        <v>0</v>
      </c>
      <c r="N801" s="1">
        <v>0</v>
      </c>
      <c r="O801" s="1">
        <v>0</v>
      </c>
      <c r="P801" s="1">
        <v>0</v>
      </c>
      <c r="Q801" s="1">
        <v>0</v>
      </c>
      <c r="S801" s="1">
        <v>0</v>
      </c>
      <c r="T801" s="1">
        <v>0</v>
      </c>
      <c r="AC801" s="1">
        <v>0</v>
      </c>
      <c r="AD801" s="1">
        <v>0</v>
      </c>
      <c r="AE801" s="1">
        <v>0</v>
      </c>
      <c r="AF801" s="1">
        <v>0</v>
      </c>
      <c r="AG801" s="1">
        <v>0</v>
      </c>
      <c r="AH801" s="1">
        <v>0</v>
      </c>
      <c r="AI801" s="1">
        <v>0</v>
      </c>
      <c r="AJ801" s="1">
        <v>0</v>
      </c>
      <c r="AK801" s="1">
        <v>0</v>
      </c>
      <c r="AL801" s="1">
        <v>0</v>
      </c>
      <c r="AM801" s="1">
        <v>0</v>
      </c>
      <c r="AN801" s="1">
        <v>0</v>
      </c>
      <c r="AO801" s="1">
        <v>0</v>
      </c>
      <c r="AP801" s="1">
        <v>0</v>
      </c>
      <c r="AQ801" s="1">
        <v>0</v>
      </c>
      <c r="AR801" s="1">
        <v>0</v>
      </c>
      <c r="AS801" s="1">
        <v>0</v>
      </c>
      <c r="AT801" s="1">
        <v>0</v>
      </c>
      <c r="AU801" s="1">
        <v>0</v>
      </c>
      <c r="AV801" s="1">
        <v>0</v>
      </c>
      <c r="BF801" s="1">
        <v>0</v>
      </c>
      <c r="BG801" s="1">
        <v>0</v>
      </c>
      <c r="BH801" s="1">
        <v>0</v>
      </c>
      <c r="BK801" s="1">
        <v>0</v>
      </c>
      <c r="BM801" s="1">
        <v>0</v>
      </c>
      <c r="BO801" s="1">
        <v>0</v>
      </c>
    </row>
    <row r="802" spans="1:69" x14ac:dyDescent="0.25">
      <c r="A802" s="1">
        <v>30449788</v>
      </c>
      <c r="B802" t="s">
        <v>1289</v>
      </c>
      <c r="C802" t="s">
        <v>39</v>
      </c>
      <c r="D802" t="s">
        <v>942</v>
      </c>
      <c r="E802" t="s">
        <v>216</v>
      </c>
      <c r="L802" t="s">
        <v>52</v>
      </c>
      <c r="M802" s="1">
        <v>0</v>
      </c>
      <c r="N802" s="1">
        <v>0</v>
      </c>
      <c r="O802" t="s">
        <v>942</v>
      </c>
      <c r="P802" t="s">
        <v>216</v>
      </c>
      <c r="Q802" t="s">
        <v>258</v>
      </c>
      <c r="S802" s="1">
        <v>0</v>
      </c>
      <c r="T802" t="s">
        <v>197</v>
      </c>
      <c r="U802" t="s">
        <v>1290</v>
      </c>
      <c r="W802" t="s">
        <v>262</v>
      </c>
      <c r="AC802" t="s">
        <v>199</v>
      </c>
      <c r="AD802" t="s">
        <v>230</v>
      </c>
      <c r="AE802" t="s">
        <v>230</v>
      </c>
      <c r="AF802" t="s">
        <v>230</v>
      </c>
      <c r="AG802" t="s">
        <v>230</v>
      </c>
      <c r="AH802" t="s">
        <v>230</v>
      </c>
      <c r="AI802" t="s">
        <v>230</v>
      </c>
      <c r="AJ802" t="s">
        <v>299</v>
      </c>
      <c r="AK802" t="s">
        <v>230</v>
      </c>
      <c r="AL802" t="s">
        <v>42</v>
      </c>
      <c r="AM802" t="s">
        <v>183</v>
      </c>
      <c r="AN802" t="s">
        <v>185</v>
      </c>
      <c r="AO802" t="s">
        <v>201</v>
      </c>
      <c r="AP802" t="s">
        <v>205</v>
      </c>
      <c r="AQ802" t="s">
        <v>204</v>
      </c>
      <c r="AR802" t="s">
        <v>202</v>
      </c>
      <c r="AS802" t="s">
        <v>206</v>
      </c>
      <c r="AT802" t="s">
        <v>182</v>
      </c>
      <c r="AU802" t="s">
        <v>184</v>
      </c>
      <c r="AV802" t="s">
        <v>203</v>
      </c>
      <c r="AY802" t="s">
        <v>187</v>
      </c>
      <c r="BA802" t="s">
        <v>188</v>
      </c>
      <c r="BC802" t="s">
        <v>209</v>
      </c>
      <c r="BF802" t="s">
        <v>189</v>
      </c>
      <c r="BG802" s="1">
        <v>0</v>
      </c>
      <c r="BH802" t="s">
        <v>247</v>
      </c>
      <c r="BK802" t="s">
        <v>191</v>
      </c>
      <c r="BL802" t="s">
        <v>1291</v>
      </c>
      <c r="BM802" t="s">
        <v>191</v>
      </c>
      <c r="BN802" t="s">
        <v>1292</v>
      </c>
      <c r="BO802" t="s">
        <v>191</v>
      </c>
      <c r="BP802" t="s">
        <v>1293</v>
      </c>
      <c r="BQ802" t="s">
        <v>1294</v>
      </c>
    </row>
    <row r="803" spans="1:69" x14ac:dyDescent="0.25">
      <c r="A803" s="1">
        <v>30449792</v>
      </c>
      <c r="B803" t="s">
        <v>1295</v>
      </c>
      <c r="C803" t="s">
        <v>39</v>
      </c>
      <c r="D803" t="s">
        <v>942</v>
      </c>
      <c r="E803" t="s">
        <v>175</v>
      </c>
      <c r="L803" t="s">
        <v>52</v>
      </c>
      <c r="M803" s="1">
        <v>0</v>
      </c>
      <c r="N803" s="1">
        <v>0</v>
      </c>
      <c r="O803" t="s">
        <v>942</v>
      </c>
      <c r="P803" t="s">
        <v>176</v>
      </c>
      <c r="Q803" t="s">
        <v>258</v>
      </c>
      <c r="S803" t="s">
        <v>178</v>
      </c>
      <c r="T803" t="s">
        <v>175</v>
      </c>
      <c r="Y803" t="s">
        <v>224</v>
      </c>
      <c r="AC803" t="s">
        <v>180</v>
      </c>
      <c r="AD803" t="s">
        <v>181</v>
      </c>
      <c r="AE803" t="s">
        <v>181</v>
      </c>
      <c r="AF803" t="s">
        <v>181</v>
      </c>
      <c r="AG803" t="s">
        <v>181</v>
      </c>
      <c r="AH803" t="s">
        <v>175</v>
      </c>
      <c r="AI803" t="s">
        <v>175</v>
      </c>
      <c r="AJ803" t="s">
        <v>181</v>
      </c>
      <c r="AK803" t="s">
        <v>181</v>
      </c>
      <c r="AL803" t="s">
        <v>42</v>
      </c>
      <c r="AM803" t="s">
        <v>205</v>
      </c>
      <c r="AN803" t="s">
        <v>201</v>
      </c>
      <c r="AO803" t="s">
        <v>185</v>
      </c>
      <c r="AP803" t="s">
        <v>202</v>
      </c>
      <c r="AQ803" t="s">
        <v>182</v>
      </c>
      <c r="AR803" t="s">
        <v>184</v>
      </c>
      <c r="AS803" t="s">
        <v>204</v>
      </c>
      <c r="AT803" t="s">
        <v>183</v>
      </c>
      <c r="AU803" t="s">
        <v>206</v>
      </c>
      <c r="AV803" t="s">
        <v>203</v>
      </c>
      <c r="AX803" t="s">
        <v>186</v>
      </c>
      <c r="AZ803" t="s">
        <v>207</v>
      </c>
      <c r="BF803" t="s">
        <v>49</v>
      </c>
      <c r="BG803" s="1">
        <v>0</v>
      </c>
      <c r="BH803" t="s">
        <v>211</v>
      </c>
      <c r="BK803" t="s">
        <v>191</v>
      </c>
      <c r="BL803" t="s">
        <v>518</v>
      </c>
      <c r="BM803" t="s">
        <v>191</v>
      </c>
      <c r="BO803" t="s">
        <v>191</v>
      </c>
      <c r="BQ803" t="s">
        <v>1296</v>
      </c>
    </row>
    <row r="804" spans="1:69" x14ac:dyDescent="0.25">
      <c r="A804" s="1">
        <v>30449796</v>
      </c>
      <c r="B804" t="s">
        <v>4187</v>
      </c>
      <c r="C804" t="s">
        <v>39</v>
      </c>
      <c r="D804" t="s">
        <v>3727</v>
      </c>
      <c r="E804" t="s">
        <v>175</v>
      </c>
      <c r="L804" t="s">
        <v>52</v>
      </c>
      <c r="M804" s="1">
        <v>0</v>
      </c>
      <c r="N804" s="1">
        <v>0</v>
      </c>
      <c r="O804" t="s">
        <v>3728</v>
      </c>
      <c r="P804" t="s">
        <v>216</v>
      </c>
      <c r="Q804" t="s">
        <v>238</v>
      </c>
      <c r="S804" s="1">
        <v>0</v>
      </c>
      <c r="T804" t="s">
        <v>175</v>
      </c>
      <c r="Y804" t="s">
        <v>224</v>
      </c>
      <c r="AC804" t="s">
        <v>180</v>
      </c>
      <c r="AD804" t="s">
        <v>175</v>
      </c>
      <c r="AE804" t="s">
        <v>175</v>
      </c>
      <c r="AF804" t="s">
        <v>175</v>
      </c>
      <c r="AG804" t="s">
        <v>175</v>
      </c>
      <c r="AH804" t="s">
        <v>175</v>
      </c>
      <c r="AI804" t="s">
        <v>175</v>
      </c>
      <c r="AJ804" t="s">
        <v>175</v>
      </c>
      <c r="AK804" t="s">
        <v>175</v>
      </c>
      <c r="AL804" t="s">
        <v>42</v>
      </c>
      <c r="AM804" s="1">
        <v>0</v>
      </c>
      <c r="AN804" s="1">
        <v>0</v>
      </c>
      <c r="AO804" s="1">
        <v>0</v>
      </c>
      <c r="AP804" s="1">
        <v>0</v>
      </c>
      <c r="AQ804" s="1">
        <v>0</v>
      </c>
      <c r="AR804" s="1">
        <v>0</v>
      </c>
      <c r="AS804" s="1">
        <v>0</v>
      </c>
      <c r="AT804" s="1">
        <v>0</v>
      </c>
      <c r="AU804" s="1">
        <v>0</v>
      </c>
      <c r="AV804" s="1">
        <v>0</v>
      </c>
      <c r="AY804" t="s">
        <v>187</v>
      </c>
      <c r="AZ804" t="s">
        <v>207</v>
      </c>
      <c r="BA804" t="s">
        <v>188</v>
      </c>
      <c r="BF804" t="s">
        <v>210</v>
      </c>
      <c r="BG804" s="1">
        <v>0</v>
      </c>
      <c r="BH804" t="s">
        <v>211</v>
      </c>
      <c r="BK804" s="1">
        <v>0</v>
      </c>
      <c r="BM804" s="1">
        <v>0</v>
      </c>
      <c r="BO804" s="1">
        <v>0</v>
      </c>
    </row>
    <row r="805" spans="1:69" x14ac:dyDescent="0.25">
      <c r="A805" s="1">
        <v>30449797</v>
      </c>
      <c r="B805" t="s">
        <v>3430</v>
      </c>
      <c r="C805" t="s">
        <v>39</v>
      </c>
      <c r="D805" t="s">
        <v>3138</v>
      </c>
      <c r="E805" t="s">
        <v>195</v>
      </c>
      <c r="L805" t="s">
        <v>52</v>
      </c>
      <c r="M805" s="1">
        <v>0</v>
      </c>
      <c r="N805" s="1">
        <v>0</v>
      </c>
      <c r="O805" t="s">
        <v>3139</v>
      </c>
      <c r="P805" t="s">
        <v>176</v>
      </c>
      <c r="Q805" t="s">
        <v>196</v>
      </c>
      <c r="S805" t="s">
        <v>178</v>
      </c>
      <c r="T805" t="s">
        <v>197</v>
      </c>
      <c r="U805" t="s">
        <v>3431</v>
      </c>
      <c r="AA805" t="s">
        <v>273</v>
      </c>
      <c r="AB805" t="s">
        <v>3432</v>
      </c>
      <c r="AC805" t="s">
        <v>266</v>
      </c>
      <c r="AD805" t="s">
        <v>175</v>
      </c>
      <c r="AE805" t="s">
        <v>175</v>
      </c>
      <c r="AF805" t="s">
        <v>181</v>
      </c>
      <c r="AG805" t="s">
        <v>200</v>
      </c>
      <c r="AH805" t="s">
        <v>200</v>
      </c>
      <c r="AI805" t="s">
        <v>175</v>
      </c>
      <c r="AJ805" t="s">
        <v>175</v>
      </c>
      <c r="AK805" t="s">
        <v>175</v>
      </c>
      <c r="AL805" t="s">
        <v>52</v>
      </c>
      <c r="AM805" s="1">
        <v>0</v>
      </c>
      <c r="AN805" s="1">
        <v>0</v>
      </c>
      <c r="AO805" s="1">
        <v>0</v>
      </c>
      <c r="AP805" s="1">
        <v>0</v>
      </c>
      <c r="AQ805" s="1">
        <v>0</v>
      </c>
      <c r="AR805" s="1">
        <v>0</v>
      </c>
      <c r="AS805" s="1">
        <v>0</v>
      </c>
      <c r="AT805" s="1">
        <v>0</v>
      </c>
      <c r="AU805" s="1">
        <v>0</v>
      </c>
      <c r="AV805" s="1">
        <v>0</v>
      </c>
      <c r="AX805" t="s">
        <v>186</v>
      </c>
      <c r="AZ805" t="s">
        <v>207</v>
      </c>
      <c r="BA805" t="s">
        <v>188</v>
      </c>
      <c r="BC805" t="s">
        <v>209</v>
      </c>
      <c r="BF805" t="s">
        <v>210</v>
      </c>
      <c r="BG805" s="1">
        <v>0</v>
      </c>
      <c r="BH805" t="s">
        <v>247</v>
      </c>
      <c r="BK805" t="s">
        <v>191</v>
      </c>
      <c r="BL805" t="s">
        <v>3433</v>
      </c>
      <c r="BM805" s="1">
        <v>0</v>
      </c>
      <c r="BN805" t="s">
        <v>3434</v>
      </c>
      <c r="BO805" s="1">
        <v>0</v>
      </c>
      <c r="BP805" t="s">
        <v>3435</v>
      </c>
    </row>
    <row r="806" spans="1:69" x14ac:dyDescent="0.25">
      <c r="A806" s="1">
        <v>30449798</v>
      </c>
      <c r="B806" t="s">
        <v>2824</v>
      </c>
      <c r="C806" t="s">
        <v>39</v>
      </c>
      <c r="D806" t="s">
        <v>2512</v>
      </c>
      <c r="E806" t="s">
        <v>216</v>
      </c>
      <c r="L806" t="s">
        <v>52</v>
      </c>
      <c r="M806" s="1">
        <v>0</v>
      </c>
      <c r="N806" s="1">
        <v>0</v>
      </c>
      <c r="O806" t="s">
        <v>2512</v>
      </c>
      <c r="P806" t="s">
        <v>216</v>
      </c>
      <c r="Q806" t="s">
        <v>258</v>
      </c>
      <c r="S806" s="1">
        <v>0</v>
      </c>
      <c r="T806" t="s">
        <v>197</v>
      </c>
      <c r="U806" t="s">
        <v>2825</v>
      </c>
      <c r="AC806" t="s">
        <v>199</v>
      </c>
      <c r="AD806" t="s">
        <v>181</v>
      </c>
      <c r="AE806" t="s">
        <v>230</v>
      </c>
      <c r="AF806" t="s">
        <v>299</v>
      </c>
      <c r="AG806" t="s">
        <v>181</v>
      </c>
      <c r="AH806" t="s">
        <v>181</v>
      </c>
      <c r="AI806" t="s">
        <v>175</v>
      </c>
      <c r="AJ806" t="s">
        <v>181</v>
      </c>
      <c r="AK806" t="s">
        <v>230</v>
      </c>
      <c r="AL806" t="s">
        <v>42</v>
      </c>
      <c r="AM806" t="s">
        <v>205</v>
      </c>
      <c r="AN806" t="s">
        <v>183</v>
      </c>
      <c r="AO806" s="1">
        <v>0</v>
      </c>
      <c r="AP806" t="s">
        <v>206</v>
      </c>
      <c r="AQ806" t="s">
        <v>185</v>
      </c>
      <c r="AR806" t="s">
        <v>184</v>
      </c>
      <c r="AS806" t="s">
        <v>202</v>
      </c>
      <c r="AT806" t="s">
        <v>182</v>
      </c>
      <c r="AU806" t="s">
        <v>201</v>
      </c>
      <c r="AV806" t="s">
        <v>204</v>
      </c>
      <c r="AX806" t="s">
        <v>186</v>
      </c>
      <c r="AY806" t="s">
        <v>187</v>
      </c>
      <c r="AZ806" t="s">
        <v>207</v>
      </c>
      <c r="BA806" t="s">
        <v>188</v>
      </c>
      <c r="BB806" t="s">
        <v>208</v>
      </c>
      <c r="BF806" t="s">
        <v>49</v>
      </c>
      <c r="BG806" s="1">
        <v>0</v>
      </c>
      <c r="BH806" t="s">
        <v>302</v>
      </c>
      <c r="BI806" t="s">
        <v>2826</v>
      </c>
      <c r="BK806" t="s">
        <v>191</v>
      </c>
      <c r="BL806" t="s">
        <v>2827</v>
      </c>
      <c r="BM806" t="s">
        <v>218</v>
      </c>
      <c r="BO806" t="s">
        <v>191</v>
      </c>
      <c r="BP806" t="s">
        <v>2828</v>
      </c>
    </row>
    <row r="807" spans="1:69" x14ac:dyDescent="0.25">
      <c r="A807" s="1">
        <v>30449801</v>
      </c>
      <c r="B807" t="s">
        <v>94</v>
      </c>
      <c r="C807" t="s">
        <v>39</v>
      </c>
      <c r="L807" s="1">
        <v>0</v>
      </c>
      <c r="M807" s="1">
        <v>0</v>
      </c>
      <c r="N807" s="1">
        <v>0</v>
      </c>
      <c r="O807" s="1">
        <v>0</v>
      </c>
      <c r="P807" s="1">
        <v>0</v>
      </c>
      <c r="Q807" s="1">
        <v>0</v>
      </c>
      <c r="S807" s="1">
        <v>0</v>
      </c>
      <c r="T807" s="1">
        <v>0</v>
      </c>
      <c r="AC807" s="1">
        <v>0</v>
      </c>
      <c r="AD807" s="1">
        <v>0</v>
      </c>
      <c r="AE807" s="1">
        <v>0</v>
      </c>
      <c r="AF807" s="1">
        <v>0</v>
      </c>
      <c r="AG807" s="1">
        <v>0</v>
      </c>
      <c r="AH807" s="1">
        <v>0</v>
      </c>
      <c r="AI807" s="1">
        <v>0</v>
      </c>
      <c r="AJ807" s="1">
        <v>0</v>
      </c>
      <c r="AK807" s="1">
        <v>0</v>
      </c>
      <c r="AL807" s="1">
        <v>0</v>
      </c>
      <c r="AM807" s="1">
        <v>0</v>
      </c>
      <c r="AN807" s="1">
        <v>0</v>
      </c>
      <c r="AO807" s="1">
        <v>0</v>
      </c>
      <c r="AP807" s="1">
        <v>0</v>
      </c>
      <c r="AQ807" s="1">
        <v>0</v>
      </c>
      <c r="AR807" s="1">
        <v>0</v>
      </c>
      <c r="AS807" s="1">
        <v>0</v>
      </c>
      <c r="AT807" s="1">
        <v>0</v>
      </c>
      <c r="AU807" s="1">
        <v>0</v>
      </c>
      <c r="AV807" s="1">
        <v>0</v>
      </c>
      <c r="BF807" s="1">
        <v>0</v>
      </c>
      <c r="BG807" s="1">
        <v>0</v>
      </c>
      <c r="BH807" s="1">
        <v>0</v>
      </c>
      <c r="BK807" s="1">
        <v>0</v>
      </c>
      <c r="BM807" s="1">
        <v>0</v>
      </c>
      <c r="BO807" s="1">
        <v>0</v>
      </c>
    </row>
    <row r="808" spans="1:69" x14ac:dyDescent="0.25">
      <c r="A808" s="1">
        <v>30449802</v>
      </c>
      <c r="B808" t="s">
        <v>4188</v>
      </c>
      <c r="C808" t="s">
        <v>39</v>
      </c>
      <c r="D808" t="s">
        <v>3727</v>
      </c>
      <c r="E808" t="s">
        <v>175</v>
      </c>
      <c r="L808" t="s">
        <v>52</v>
      </c>
      <c r="M808" s="1">
        <v>0</v>
      </c>
      <c r="N808" s="1">
        <v>0</v>
      </c>
      <c r="O808" t="s">
        <v>3728</v>
      </c>
      <c r="P808" t="s">
        <v>176</v>
      </c>
      <c r="Q808" t="s">
        <v>238</v>
      </c>
      <c r="S808" t="s">
        <v>178</v>
      </c>
      <c r="T808" t="s">
        <v>175</v>
      </c>
      <c r="W808" t="s">
        <v>262</v>
      </c>
      <c r="Y808" t="s">
        <v>224</v>
      </c>
      <c r="AC808" t="s">
        <v>180</v>
      </c>
      <c r="AD808" t="s">
        <v>175</v>
      </c>
      <c r="AE808" t="s">
        <v>175</v>
      </c>
      <c r="AF808" t="s">
        <v>175</v>
      </c>
      <c r="AG808" t="s">
        <v>175</v>
      </c>
      <c r="AH808" t="s">
        <v>175</v>
      </c>
      <c r="AI808" t="s">
        <v>175</v>
      </c>
      <c r="AJ808" t="s">
        <v>181</v>
      </c>
      <c r="AK808" t="s">
        <v>230</v>
      </c>
      <c r="AL808" t="s">
        <v>42</v>
      </c>
      <c r="AM808" t="s">
        <v>184</v>
      </c>
      <c r="AN808" t="s">
        <v>182</v>
      </c>
      <c r="AO808" s="1">
        <v>0</v>
      </c>
      <c r="AP808" t="s">
        <v>185</v>
      </c>
      <c r="AQ808" s="1">
        <v>0</v>
      </c>
      <c r="AR808" s="1">
        <v>0</v>
      </c>
      <c r="AS808" s="1">
        <v>0</v>
      </c>
      <c r="AT808" s="1">
        <v>0</v>
      </c>
      <c r="AU808" s="1">
        <v>0</v>
      </c>
      <c r="AV808" t="s">
        <v>183</v>
      </c>
      <c r="BF808" t="s">
        <v>189</v>
      </c>
      <c r="BG808" s="1">
        <v>0</v>
      </c>
      <c r="BH808" t="s">
        <v>247</v>
      </c>
      <c r="BK808" t="s">
        <v>191</v>
      </c>
      <c r="BM808" t="s">
        <v>191</v>
      </c>
      <c r="BO808" t="s">
        <v>191</v>
      </c>
      <c r="BP808" t="s">
        <v>254</v>
      </c>
    </row>
    <row r="809" spans="1:69" x14ac:dyDescent="0.25">
      <c r="A809" s="1">
        <v>30449803</v>
      </c>
      <c r="B809" t="s">
        <v>1297</v>
      </c>
      <c r="C809" t="s">
        <v>39</v>
      </c>
      <c r="D809" t="s">
        <v>942</v>
      </c>
      <c r="E809" t="s">
        <v>200</v>
      </c>
      <c r="L809" t="s">
        <v>52</v>
      </c>
      <c r="M809" s="1">
        <v>0</v>
      </c>
      <c r="N809" s="1">
        <v>0</v>
      </c>
      <c r="O809" t="s">
        <v>942</v>
      </c>
      <c r="P809" t="s">
        <v>216</v>
      </c>
      <c r="Q809" t="s">
        <v>196</v>
      </c>
      <c r="S809" s="1">
        <v>0</v>
      </c>
      <c r="T809" t="s">
        <v>200</v>
      </c>
      <c r="W809" t="s">
        <v>262</v>
      </c>
      <c r="X809" t="s">
        <v>179</v>
      </c>
      <c r="AC809" t="s">
        <v>199</v>
      </c>
      <c r="AD809" t="s">
        <v>200</v>
      </c>
      <c r="AE809" t="s">
        <v>200</v>
      </c>
      <c r="AF809" t="s">
        <v>200</v>
      </c>
      <c r="AG809" t="s">
        <v>200</v>
      </c>
      <c r="AH809" t="s">
        <v>200</v>
      </c>
      <c r="AI809" t="s">
        <v>200</v>
      </c>
      <c r="AJ809" t="s">
        <v>200</v>
      </c>
      <c r="AK809" t="s">
        <v>200</v>
      </c>
      <c r="AL809" t="s">
        <v>42</v>
      </c>
      <c r="AM809" t="s">
        <v>184</v>
      </c>
      <c r="AN809" t="s">
        <v>182</v>
      </c>
      <c r="AO809" t="s">
        <v>185</v>
      </c>
      <c r="AP809" t="s">
        <v>201</v>
      </c>
      <c r="AQ809" t="s">
        <v>202</v>
      </c>
      <c r="AR809" t="s">
        <v>203</v>
      </c>
      <c r="AS809" t="s">
        <v>204</v>
      </c>
      <c r="AT809" t="s">
        <v>183</v>
      </c>
      <c r="AU809" t="s">
        <v>206</v>
      </c>
      <c r="AV809" t="s">
        <v>205</v>
      </c>
      <c r="AX809" t="s">
        <v>186</v>
      </c>
      <c r="AZ809" t="s">
        <v>207</v>
      </c>
      <c r="BF809" t="s">
        <v>210</v>
      </c>
      <c r="BG809" s="1">
        <v>0</v>
      </c>
      <c r="BH809" t="s">
        <v>247</v>
      </c>
      <c r="BK809" t="s">
        <v>191</v>
      </c>
      <c r="BL809" t="s">
        <v>1298</v>
      </c>
      <c r="BM809" t="s">
        <v>191</v>
      </c>
      <c r="BN809" t="s">
        <v>1299</v>
      </c>
      <c r="BO809" t="s">
        <v>218</v>
      </c>
      <c r="BP809" t="s">
        <v>1300</v>
      </c>
    </row>
    <row r="810" spans="1:69" x14ac:dyDescent="0.25">
      <c r="A810" s="1">
        <v>30449806</v>
      </c>
      <c r="B810" t="s">
        <v>2053</v>
      </c>
      <c r="C810" t="s">
        <v>39</v>
      </c>
      <c r="D810" t="s">
        <v>1616</v>
      </c>
      <c r="E810" t="s">
        <v>175</v>
      </c>
      <c r="L810" t="s">
        <v>52</v>
      </c>
      <c r="M810" s="1">
        <v>0</v>
      </c>
      <c r="N810" s="1">
        <v>0</v>
      </c>
      <c r="O810" t="s">
        <v>1616</v>
      </c>
      <c r="P810" t="s">
        <v>216</v>
      </c>
      <c r="Q810" t="s">
        <v>322</v>
      </c>
      <c r="S810" s="1">
        <v>0</v>
      </c>
      <c r="T810" t="s">
        <v>175</v>
      </c>
      <c r="W810" t="s">
        <v>262</v>
      </c>
      <c r="Z810" t="s">
        <v>244</v>
      </c>
      <c r="AC810" t="s">
        <v>180</v>
      </c>
      <c r="AD810" t="s">
        <v>175</v>
      </c>
      <c r="AE810" t="s">
        <v>175</v>
      </c>
      <c r="AF810" t="s">
        <v>175</v>
      </c>
      <c r="AG810" t="s">
        <v>175</v>
      </c>
      <c r="AH810" t="s">
        <v>200</v>
      </c>
      <c r="AI810" t="s">
        <v>200</v>
      </c>
      <c r="AJ810" t="s">
        <v>175</v>
      </c>
      <c r="AK810" t="s">
        <v>175</v>
      </c>
      <c r="AL810" t="s">
        <v>42</v>
      </c>
      <c r="AM810" t="s">
        <v>205</v>
      </c>
      <c r="AN810" t="s">
        <v>201</v>
      </c>
      <c r="AO810" t="s">
        <v>185</v>
      </c>
      <c r="AP810" t="s">
        <v>184</v>
      </c>
      <c r="AQ810" t="s">
        <v>202</v>
      </c>
      <c r="AR810" t="s">
        <v>204</v>
      </c>
      <c r="AS810" t="s">
        <v>206</v>
      </c>
      <c r="AT810" t="s">
        <v>182</v>
      </c>
      <c r="AU810" t="s">
        <v>183</v>
      </c>
      <c r="AV810" t="s">
        <v>203</v>
      </c>
      <c r="AY810" t="s">
        <v>187</v>
      </c>
      <c r="AZ810" t="s">
        <v>207</v>
      </c>
      <c r="BB810" t="s">
        <v>208</v>
      </c>
      <c r="BC810" t="s">
        <v>209</v>
      </c>
      <c r="BF810" t="s">
        <v>189</v>
      </c>
      <c r="BG810" s="1">
        <v>0</v>
      </c>
      <c r="BH810" t="s">
        <v>211</v>
      </c>
      <c r="BK810" t="s">
        <v>191</v>
      </c>
      <c r="BM810" t="s">
        <v>218</v>
      </c>
      <c r="BO810" t="s">
        <v>218</v>
      </c>
    </row>
    <row r="811" spans="1:69" x14ac:dyDescent="0.25">
      <c r="A811" s="1">
        <v>30449809</v>
      </c>
      <c r="B811" t="s">
        <v>95</v>
      </c>
      <c r="C811" t="s">
        <v>39</v>
      </c>
      <c r="L811" s="1">
        <v>0</v>
      </c>
      <c r="M811" s="1">
        <v>0</v>
      </c>
      <c r="N811" s="1">
        <v>0</v>
      </c>
      <c r="O811" s="1">
        <v>0</v>
      </c>
      <c r="P811" s="1">
        <v>0</v>
      </c>
      <c r="Q811" s="1">
        <v>0</v>
      </c>
      <c r="S811" s="1">
        <v>0</v>
      </c>
      <c r="T811" s="1">
        <v>0</v>
      </c>
      <c r="AC811" s="1">
        <v>0</v>
      </c>
      <c r="AD811" s="1">
        <v>0</v>
      </c>
      <c r="AE811" s="1">
        <v>0</v>
      </c>
      <c r="AF811" s="1">
        <v>0</v>
      </c>
      <c r="AG811" s="1">
        <v>0</v>
      </c>
      <c r="AH811" s="1">
        <v>0</v>
      </c>
      <c r="AI811" s="1">
        <v>0</v>
      </c>
      <c r="AJ811" s="1">
        <v>0</v>
      </c>
      <c r="AK811" s="1">
        <v>0</v>
      </c>
      <c r="AL811" s="1">
        <v>0</v>
      </c>
      <c r="AM811" s="1">
        <v>0</v>
      </c>
      <c r="AN811" s="1">
        <v>0</v>
      </c>
      <c r="AO811" s="1">
        <v>0</v>
      </c>
      <c r="AP811" s="1">
        <v>0</v>
      </c>
      <c r="AQ811" s="1">
        <v>0</v>
      </c>
      <c r="AR811" s="1">
        <v>0</v>
      </c>
      <c r="AS811" s="1">
        <v>0</v>
      </c>
      <c r="AT811" s="1">
        <v>0</v>
      </c>
      <c r="AU811" s="1">
        <v>0</v>
      </c>
      <c r="AV811" s="1">
        <v>0</v>
      </c>
      <c r="BF811" s="1">
        <v>0</v>
      </c>
      <c r="BG811" s="1">
        <v>0</v>
      </c>
      <c r="BH811" s="1">
        <v>0</v>
      </c>
      <c r="BK811" s="1">
        <v>0</v>
      </c>
      <c r="BM811" s="1">
        <v>0</v>
      </c>
      <c r="BO811" s="1">
        <v>0</v>
      </c>
    </row>
    <row r="812" spans="1:69" x14ac:dyDescent="0.25">
      <c r="A812" s="1">
        <v>30449810</v>
      </c>
      <c r="B812" t="s">
        <v>4189</v>
      </c>
      <c r="C812" t="s">
        <v>39</v>
      </c>
      <c r="D812" t="s">
        <v>3727</v>
      </c>
      <c r="E812" t="s">
        <v>195</v>
      </c>
      <c r="L812" t="s">
        <v>52</v>
      </c>
      <c r="M812" s="1">
        <v>0</v>
      </c>
      <c r="N812" s="1">
        <v>0</v>
      </c>
      <c r="O812" t="s">
        <v>3728</v>
      </c>
      <c r="P812" t="s">
        <v>176</v>
      </c>
      <c r="Q812" t="s">
        <v>328</v>
      </c>
      <c r="S812" t="s">
        <v>178</v>
      </c>
      <c r="T812" t="s">
        <v>197</v>
      </c>
      <c r="U812" t="s">
        <v>4190</v>
      </c>
      <c r="AA812" t="s">
        <v>273</v>
      </c>
      <c r="AB812" t="s">
        <v>4191</v>
      </c>
      <c r="AC812" t="s">
        <v>180</v>
      </c>
      <c r="AD812" t="s">
        <v>181</v>
      </c>
      <c r="AE812" t="s">
        <v>181</v>
      </c>
      <c r="AF812" t="s">
        <v>181</v>
      </c>
      <c r="AG812" t="s">
        <v>181</v>
      </c>
      <c r="AH812" t="s">
        <v>181</v>
      </c>
      <c r="AI812" t="s">
        <v>181</v>
      </c>
      <c r="AJ812" t="s">
        <v>181</v>
      </c>
      <c r="AK812" t="s">
        <v>181</v>
      </c>
      <c r="AL812" t="s">
        <v>42</v>
      </c>
      <c r="AM812" s="1">
        <v>0</v>
      </c>
      <c r="AN812" s="1">
        <v>0</v>
      </c>
      <c r="AO812" s="1">
        <v>0</v>
      </c>
      <c r="AP812" s="1">
        <v>0</v>
      </c>
      <c r="AQ812" s="1">
        <v>0</v>
      </c>
      <c r="AR812" s="1">
        <v>0</v>
      </c>
      <c r="AS812" s="1">
        <v>0</v>
      </c>
      <c r="AT812" s="1">
        <v>0</v>
      </c>
      <c r="AU812" s="1">
        <v>0</v>
      </c>
      <c r="AV812" s="1">
        <v>0</v>
      </c>
      <c r="BF812" s="1">
        <v>0</v>
      </c>
      <c r="BG812" s="1">
        <v>0</v>
      </c>
      <c r="BH812" s="1">
        <v>0</v>
      </c>
      <c r="BK812" s="1">
        <v>0</v>
      </c>
      <c r="BM812" s="1">
        <v>0</v>
      </c>
      <c r="BO812" s="1">
        <v>0</v>
      </c>
    </row>
    <row r="813" spans="1:69" x14ac:dyDescent="0.25">
      <c r="A813" s="1">
        <v>30449811</v>
      </c>
      <c r="B813" t="s">
        <v>573</v>
      </c>
      <c r="C813" t="s">
        <v>39</v>
      </c>
      <c r="D813" t="s">
        <v>174</v>
      </c>
      <c r="E813" t="s">
        <v>195</v>
      </c>
      <c r="L813" t="s">
        <v>52</v>
      </c>
      <c r="M813" s="1">
        <v>0</v>
      </c>
      <c r="N813" s="1">
        <v>0</v>
      </c>
      <c r="O813" t="s">
        <v>174</v>
      </c>
      <c r="P813" t="s">
        <v>176</v>
      </c>
      <c r="Q813" t="s">
        <v>177</v>
      </c>
      <c r="S813" s="1">
        <v>0</v>
      </c>
      <c r="T813" s="1">
        <v>0</v>
      </c>
      <c r="AC813" s="1">
        <v>0</v>
      </c>
      <c r="AD813" s="1">
        <v>0</v>
      </c>
      <c r="AE813" s="1">
        <v>0</v>
      </c>
      <c r="AF813" s="1">
        <v>0</v>
      </c>
      <c r="AG813" s="1">
        <v>0</v>
      </c>
      <c r="AH813" s="1">
        <v>0</v>
      </c>
      <c r="AI813" s="1">
        <v>0</v>
      </c>
      <c r="AJ813" s="1">
        <v>0</v>
      </c>
      <c r="AK813" s="1">
        <v>0</v>
      </c>
      <c r="AL813" s="1">
        <v>0</v>
      </c>
      <c r="AM813" s="1">
        <v>0</v>
      </c>
      <c r="AN813" s="1">
        <v>0</v>
      </c>
      <c r="AO813" s="1">
        <v>0</v>
      </c>
      <c r="AP813" s="1">
        <v>0</v>
      </c>
      <c r="AQ813" s="1">
        <v>0</v>
      </c>
      <c r="AR813" s="1">
        <v>0</v>
      </c>
      <c r="AS813" s="1">
        <v>0</v>
      </c>
      <c r="AT813" s="1">
        <v>0</v>
      </c>
      <c r="AU813" s="1">
        <v>0</v>
      </c>
      <c r="AV813" s="1">
        <v>0</v>
      </c>
      <c r="BF813" s="1">
        <v>0</v>
      </c>
      <c r="BG813" s="1">
        <v>0</v>
      </c>
      <c r="BH813" s="1">
        <v>0</v>
      </c>
      <c r="BK813" s="1">
        <v>0</v>
      </c>
      <c r="BM813" s="1">
        <v>0</v>
      </c>
      <c r="BO813" s="1">
        <v>0</v>
      </c>
    </row>
    <row r="814" spans="1:69" x14ac:dyDescent="0.25">
      <c r="A814" s="1">
        <v>30449813</v>
      </c>
      <c r="B814" t="s">
        <v>574</v>
      </c>
      <c r="C814" t="s">
        <v>39</v>
      </c>
      <c r="D814" t="s">
        <v>174</v>
      </c>
      <c r="E814" t="s">
        <v>175</v>
      </c>
      <c r="L814" t="s">
        <v>52</v>
      </c>
      <c r="M814" s="1">
        <v>0</v>
      </c>
      <c r="N814" s="1">
        <v>0</v>
      </c>
      <c r="O814" t="s">
        <v>174</v>
      </c>
      <c r="P814" t="s">
        <v>176</v>
      </c>
      <c r="Q814" t="s">
        <v>196</v>
      </c>
      <c r="S814" t="s">
        <v>222</v>
      </c>
      <c r="T814" t="s">
        <v>175</v>
      </c>
      <c r="W814" t="s">
        <v>262</v>
      </c>
      <c r="X814" t="s">
        <v>179</v>
      </c>
      <c r="Y814" t="s">
        <v>224</v>
      </c>
      <c r="AC814" t="s">
        <v>180</v>
      </c>
      <c r="AD814" s="1">
        <v>0</v>
      </c>
      <c r="AE814" s="1">
        <v>0</v>
      </c>
      <c r="AF814" s="1">
        <v>0</v>
      </c>
      <c r="AG814" s="1">
        <v>0</v>
      </c>
      <c r="AH814" s="1">
        <v>0</v>
      </c>
      <c r="AI814" s="1">
        <v>0</v>
      </c>
      <c r="AJ814" s="1">
        <v>0</v>
      </c>
      <c r="AK814" s="1">
        <v>0</v>
      </c>
      <c r="AL814" s="1">
        <v>0</v>
      </c>
      <c r="AM814" s="1">
        <v>0</v>
      </c>
      <c r="AN814" s="1">
        <v>0</v>
      </c>
      <c r="AO814" s="1">
        <v>0</v>
      </c>
      <c r="AP814" s="1">
        <v>0</v>
      </c>
      <c r="AQ814" s="1">
        <v>0</v>
      </c>
      <c r="AR814" s="1">
        <v>0</v>
      </c>
      <c r="AS814" s="1">
        <v>0</v>
      </c>
      <c r="AT814" s="1">
        <v>0</v>
      </c>
      <c r="AU814" s="1">
        <v>0</v>
      </c>
      <c r="AV814" s="1">
        <v>0</v>
      </c>
      <c r="AX814" t="s">
        <v>186</v>
      </c>
      <c r="AZ814" t="s">
        <v>207</v>
      </c>
      <c r="BA814" t="s">
        <v>188</v>
      </c>
      <c r="BC814" t="s">
        <v>209</v>
      </c>
      <c r="BF814" t="s">
        <v>292</v>
      </c>
      <c r="BG814" t="s">
        <v>233</v>
      </c>
      <c r="BH814" t="s">
        <v>211</v>
      </c>
      <c r="BK814" t="s">
        <v>191</v>
      </c>
      <c r="BL814" t="s">
        <v>575</v>
      </c>
      <c r="BM814" t="s">
        <v>191</v>
      </c>
      <c r="BN814" t="s">
        <v>576</v>
      </c>
      <c r="BO814" t="s">
        <v>191</v>
      </c>
      <c r="BP814" t="s">
        <v>576</v>
      </c>
    </row>
    <row r="815" spans="1:69" x14ac:dyDescent="0.25">
      <c r="A815" s="1">
        <v>30449815</v>
      </c>
      <c r="B815" t="s">
        <v>2829</v>
      </c>
      <c r="C815" t="s">
        <v>39</v>
      </c>
      <c r="D815" t="s">
        <v>2512</v>
      </c>
      <c r="E815" t="s">
        <v>195</v>
      </c>
      <c r="L815" t="s">
        <v>52</v>
      </c>
      <c r="M815" s="1">
        <v>0</v>
      </c>
      <c r="N815" s="1">
        <v>0</v>
      </c>
      <c r="O815" t="s">
        <v>2512</v>
      </c>
      <c r="P815" t="s">
        <v>176</v>
      </c>
      <c r="Q815" t="s">
        <v>177</v>
      </c>
      <c r="S815" t="s">
        <v>178</v>
      </c>
      <c r="T815" t="s">
        <v>197</v>
      </c>
      <c r="W815" t="s">
        <v>262</v>
      </c>
      <c r="X815" t="s">
        <v>179</v>
      </c>
      <c r="Y815" t="s">
        <v>224</v>
      </c>
      <c r="AC815" t="s">
        <v>199</v>
      </c>
      <c r="AD815" t="s">
        <v>175</v>
      </c>
      <c r="AE815" t="s">
        <v>230</v>
      </c>
      <c r="AF815" t="s">
        <v>181</v>
      </c>
      <c r="AG815" t="s">
        <v>175</v>
      </c>
      <c r="AH815" t="s">
        <v>175</v>
      </c>
      <c r="AI815" t="s">
        <v>175</v>
      </c>
      <c r="AJ815" t="s">
        <v>175</v>
      </c>
      <c r="AK815" t="s">
        <v>181</v>
      </c>
      <c r="AL815" t="s">
        <v>42</v>
      </c>
      <c r="AM815" t="s">
        <v>185</v>
      </c>
      <c r="AN815" t="s">
        <v>184</v>
      </c>
      <c r="AO815" t="s">
        <v>182</v>
      </c>
      <c r="AP815" t="s">
        <v>201</v>
      </c>
      <c r="AQ815" t="s">
        <v>206</v>
      </c>
      <c r="AR815" t="s">
        <v>205</v>
      </c>
      <c r="AS815" t="s">
        <v>204</v>
      </c>
      <c r="AT815" t="s">
        <v>183</v>
      </c>
      <c r="AU815" t="s">
        <v>203</v>
      </c>
      <c r="AV815" t="s">
        <v>202</v>
      </c>
      <c r="AY815" t="s">
        <v>187</v>
      </c>
      <c r="BA815" t="s">
        <v>188</v>
      </c>
      <c r="BF815" t="s">
        <v>232</v>
      </c>
      <c r="BG815" t="s">
        <v>276</v>
      </c>
      <c r="BH815" t="s">
        <v>211</v>
      </c>
      <c r="BK815" t="s">
        <v>191</v>
      </c>
      <c r="BM815" t="s">
        <v>191</v>
      </c>
      <c r="BO815" t="s">
        <v>191</v>
      </c>
    </row>
    <row r="816" spans="1:69" x14ac:dyDescent="0.25">
      <c r="A816" s="1">
        <v>30449816</v>
      </c>
      <c r="B816" t="s">
        <v>2830</v>
      </c>
      <c r="C816" t="s">
        <v>39</v>
      </c>
      <c r="D816" t="s">
        <v>2512</v>
      </c>
      <c r="E816" t="s">
        <v>175</v>
      </c>
      <c r="L816" t="s">
        <v>52</v>
      </c>
      <c r="M816" s="1">
        <v>0</v>
      </c>
      <c r="N816" s="1">
        <v>0</v>
      </c>
      <c r="O816" t="s">
        <v>2512</v>
      </c>
      <c r="P816" t="s">
        <v>216</v>
      </c>
      <c r="Q816" t="s">
        <v>322</v>
      </c>
      <c r="S816" s="1">
        <v>0</v>
      </c>
      <c r="T816" t="s">
        <v>175</v>
      </c>
      <c r="Y816" t="s">
        <v>224</v>
      </c>
      <c r="Z816" t="s">
        <v>244</v>
      </c>
      <c r="AC816" t="s">
        <v>180</v>
      </c>
      <c r="AD816" t="s">
        <v>175</v>
      </c>
      <c r="AE816" t="s">
        <v>175</v>
      </c>
      <c r="AF816" t="s">
        <v>181</v>
      </c>
      <c r="AG816" t="s">
        <v>181</v>
      </c>
      <c r="AH816" t="s">
        <v>200</v>
      </c>
      <c r="AI816" t="s">
        <v>200</v>
      </c>
      <c r="AJ816" t="s">
        <v>175</v>
      </c>
      <c r="AK816" t="s">
        <v>175</v>
      </c>
      <c r="AL816" t="s">
        <v>52</v>
      </c>
      <c r="AM816" t="s">
        <v>182</v>
      </c>
      <c r="AN816" t="s">
        <v>206</v>
      </c>
      <c r="AO816" t="s">
        <v>185</v>
      </c>
      <c r="AP816" t="s">
        <v>183</v>
      </c>
      <c r="AQ816" t="s">
        <v>202</v>
      </c>
      <c r="AR816" t="s">
        <v>203</v>
      </c>
      <c r="AS816" t="s">
        <v>184</v>
      </c>
      <c r="AT816" t="s">
        <v>205</v>
      </c>
      <c r="AU816" t="s">
        <v>204</v>
      </c>
      <c r="AV816" t="s">
        <v>201</v>
      </c>
      <c r="AW816" t="s">
        <v>2831</v>
      </c>
      <c r="AX816" t="s">
        <v>186</v>
      </c>
      <c r="AY816" t="s">
        <v>187</v>
      </c>
      <c r="AZ816" t="s">
        <v>207</v>
      </c>
      <c r="BA816" t="s">
        <v>188</v>
      </c>
      <c r="BC816" t="s">
        <v>209</v>
      </c>
      <c r="BF816" t="s">
        <v>210</v>
      </c>
      <c r="BG816" s="1">
        <v>0</v>
      </c>
      <c r="BH816" t="s">
        <v>211</v>
      </c>
      <c r="BK816" t="s">
        <v>191</v>
      </c>
      <c r="BL816" t="s">
        <v>316</v>
      </c>
      <c r="BM816" s="1">
        <v>0</v>
      </c>
      <c r="BO816" t="s">
        <v>218</v>
      </c>
      <c r="BP816" t="s">
        <v>2832</v>
      </c>
    </row>
    <row r="817" spans="1:69" x14ac:dyDescent="0.25">
      <c r="A817" s="1">
        <v>30449817</v>
      </c>
      <c r="B817" t="s">
        <v>577</v>
      </c>
      <c r="C817" t="s">
        <v>39</v>
      </c>
      <c r="D817" t="s">
        <v>174</v>
      </c>
      <c r="E817" t="s">
        <v>195</v>
      </c>
      <c r="L817" t="s">
        <v>52</v>
      </c>
      <c r="M817" s="1">
        <v>0</v>
      </c>
      <c r="N817" s="1">
        <v>0</v>
      </c>
      <c r="O817" t="s">
        <v>174</v>
      </c>
      <c r="P817" t="s">
        <v>176</v>
      </c>
      <c r="Q817" t="s">
        <v>196</v>
      </c>
      <c r="S817" t="s">
        <v>222</v>
      </c>
      <c r="T817" t="s">
        <v>297</v>
      </c>
      <c r="U817" t="s">
        <v>578</v>
      </c>
      <c r="Y817" t="s">
        <v>224</v>
      </c>
      <c r="AC817" t="s">
        <v>180</v>
      </c>
      <c r="AD817" t="s">
        <v>175</v>
      </c>
      <c r="AE817" t="s">
        <v>175</v>
      </c>
      <c r="AF817" t="s">
        <v>175</v>
      </c>
      <c r="AG817" t="s">
        <v>175</v>
      </c>
      <c r="AH817" t="s">
        <v>175</v>
      </c>
      <c r="AI817" t="s">
        <v>175</v>
      </c>
      <c r="AJ817" t="s">
        <v>175</v>
      </c>
      <c r="AK817" t="s">
        <v>175</v>
      </c>
      <c r="AL817" t="s">
        <v>42</v>
      </c>
      <c r="AM817" t="s">
        <v>184</v>
      </c>
      <c r="AN817" t="s">
        <v>185</v>
      </c>
      <c r="AO817" t="s">
        <v>201</v>
      </c>
      <c r="AP817" t="s">
        <v>205</v>
      </c>
      <c r="AQ817" t="s">
        <v>206</v>
      </c>
      <c r="AR817" t="s">
        <v>202</v>
      </c>
      <c r="AS817" t="s">
        <v>204</v>
      </c>
      <c r="AT817" t="s">
        <v>183</v>
      </c>
      <c r="AU817" t="s">
        <v>203</v>
      </c>
      <c r="AV817" t="s">
        <v>182</v>
      </c>
      <c r="AW817" t="s">
        <v>579</v>
      </c>
      <c r="AX817" t="s">
        <v>186</v>
      </c>
      <c r="BF817" t="s">
        <v>210</v>
      </c>
      <c r="BG817" s="1">
        <v>0</v>
      </c>
      <c r="BH817" t="s">
        <v>464</v>
      </c>
      <c r="BK817" t="s">
        <v>191</v>
      </c>
      <c r="BL817" t="s">
        <v>580</v>
      </c>
      <c r="BM817" t="s">
        <v>191</v>
      </c>
      <c r="BN817" t="s">
        <v>581</v>
      </c>
      <c r="BO817" t="s">
        <v>191</v>
      </c>
      <c r="BP817" t="s">
        <v>582</v>
      </c>
      <c r="BQ817" t="s">
        <v>583</v>
      </c>
    </row>
    <row r="818" spans="1:69" x14ac:dyDescent="0.25">
      <c r="A818" s="1">
        <v>30449818</v>
      </c>
      <c r="B818" t="s">
        <v>584</v>
      </c>
      <c r="C818" t="s">
        <v>39</v>
      </c>
      <c r="D818" t="s">
        <v>174</v>
      </c>
      <c r="E818" t="s">
        <v>200</v>
      </c>
      <c r="L818" t="s">
        <v>52</v>
      </c>
      <c r="M818" s="1">
        <v>0</v>
      </c>
      <c r="N818" s="1">
        <v>0</v>
      </c>
      <c r="O818" t="s">
        <v>174</v>
      </c>
      <c r="P818" t="s">
        <v>216</v>
      </c>
      <c r="Q818" t="s">
        <v>322</v>
      </c>
      <c r="S818" s="1">
        <v>0</v>
      </c>
      <c r="T818" t="s">
        <v>200</v>
      </c>
      <c r="Y818" t="s">
        <v>224</v>
      </c>
      <c r="AC818" t="s">
        <v>180</v>
      </c>
      <c r="AD818" t="s">
        <v>175</v>
      </c>
      <c r="AE818" t="s">
        <v>230</v>
      </c>
      <c r="AF818" t="s">
        <v>175</v>
      </c>
      <c r="AG818" t="s">
        <v>175</v>
      </c>
      <c r="AH818" s="1">
        <v>0</v>
      </c>
      <c r="AI818" t="s">
        <v>175</v>
      </c>
      <c r="AJ818" t="s">
        <v>175</v>
      </c>
      <c r="AK818" t="s">
        <v>230</v>
      </c>
      <c r="AL818" t="s">
        <v>52</v>
      </c>
      <c r="AM818" t="s">
        <v>184</v>
      </c>
      <c r="AN818" t="s">
        <v>202</v>
      </c>
      <c r="AO818" t="s">
        <v>182</v>
      </c>
      <c r="AP818" t="s">
        <v>185</v>
      </c>
      <c r="AQ818" t="s">
        <v>204</v>
      </c>
      <c r="AR818" t="s">
        <v>203</v>
      </c>
      <c r="AS818" t="s">
        <v>183</v>
      </c>
      <c r="AT818" t="s">
        <v>205</v>
      </c>
      <c r="AU818" t="s">
        <v>206</v>
      </c>
      <c r="AV818" t="s">
        <v>201</v>
      </c>
      <c r="AW818" t="s">
        <v>585</v>
      </c>
      <c r="AY818" t="s">
        <v>187</v>
      </c>
      <c r="AZ818" t="s">
        <v>207</v>
      </c>
      <c r="BB818" t="s">
        <v>208</v>
      </c>
      <c r="BC818" t="s">
        <v>209</v>
      </c>
      <c r="BF818" t="s">
        <v>232</v>
      </c>
      <c r="BG818" t="s">
        <v>315</v>
      </c>
      <c r="BH818" t="s">
        <v>211</v>
      </c>
      <c r="BK818" t="s">
        <v>191</v>
      </c>
      <c r="BL818" t="s">
        <v>586</v>
      </c>
      <c r="BM818" t="s">
        <v>218</v>
      </c>
      <c r="BN818" t="s">
        <v>587</v>
      </c>
      <c r="BO818" t="s">
        <v>191</v>
      </c>
      <c r="BP818" t="s">
        <v>588</v>
      </c>
    </row>
    <row r="819" spans="1:69" x14ac:dyDescent="0.25">
      <c r="A819" s="1">
        <v>30449820</v>
      </c>
      <c r="B819" t="s">
        <v>2833</v>
      </c>
      <c r="C819" t="s">
        <v>39</v>
      </c>
      <c r="D819" t="s">
        <v>2512</v>
      </c>
      <c r="E819" t="s">
        <v>195</v>
      </c>
      <c r="L819" t="s">
        <v>52</v>
      </c>
      <c r="M819" s="1">
        <v>0</v>
      </c>
      <c r="N819" s="1">
        <v>0</v>
      </c>
      <c r="O819" t="s">
        <v>2512</v>
      </c>
      <c r="P819" t="s">
        <v>176</v>
      </c>
      <c r="Q819" t="s">
        <v>177</v>
      </c>
      <c r="S819" t="s">
        <v>178</v>
      </c>
      <c r="T819" t="s">
        <v>197</v>
      </c>
      <c r="W819" t="s">
        <v>262</v>
      </c>
      <c r="X819" t="s">
        <v>179</v>
      </c>
      <c r="Y819" t="s">
        <v>224</v>
      </c>
      <c r="AC819" t="s">
        <v>199</v>
      </c>
      <c r="AD819" t="s">
        <v>181</v>
      </c>
      <c r="AE819" t="s">
        <v>181</v>
      </c>
      <c r="AF819" t="s">
        <v>230</v>
      </c>
      <c r="AG819" t="s">
        <v>230</v>
      </c>
      <c r="AH819" t="s">
        <v>175</v>
      </c>
      <c r="AI819" t="s">
        <v>230</v>
      </c>
      <c r="AJ819" t="s">
        <v>230</v>
      </c>
      <c r="AK819" t="s">
        <v>181</v>
      </c>
      <c r="AL819" t="s">
        <v>52</v>
      </c>
      <c r="AM819" t="s">
        <v>182</v>
      </c>
      <c r="AN819" t="s">
        <v>184</v>
      </c>
      <c r="AO819" t="s">
        <v>185</v>
      </c>
      <c r="AP819" t="s">
        <v>206</v>
      </c>
      <c r="AQ819" t="s">
        <v>202</v>
      </c>
      <c r="AR819" t="s">
        <v>203</v>
      </c>
      <c r="AS819" t="s">
        <v>183</v>
      </c>
      <c r="AT819" t="s">
        <v>201</v>
      </c>
      <c r="AU819" t="s">
        <v>204</v>
      </c>
      <c r="AV819" t="s">
        <v>205</v>
      </c>
      <c r="AX819" t="s">
        <v>186</v>
      </c>
      <c r="AY819" t="s">
        <v>187</v>
      </c>
      <c r="AZ819" t="s">
        <v>207</v>
      </c>
      <c r="BA819" t="s">
        <v>188</v>
      </c>
      <c r="BC819" t="s">
        <v>209</v>
      </c>
      <c r="BF819" t="s">
        <v>232</v>
      </c>
      <c r="BG819" t="s">
        <v>233</v>
      </c>
      <c r="BH819" t="s">
        <v>211</v>
      </c>
      <c r="BK819" t="s">
        <v>218</v>
      </c>
      <c r="BM819" t="s">
        <v>191</v>
      </c>
      <c r="BO819" t="s">
        <v>218</v>
      </c>
    </row>
    <row r="820" spans="1:69" x14ac:dyDescent="0.25">
      <c r="A820" s="1">
        <v>30449822</v>
      </c>
      <c r="B820" t="s">
        <v>96</v>
      </c>
      <c r="C820" t="s">
        <v>39</v>
      </c>
      <c r="L820" s="1">
        <v>0</v>
      </c>
      <c r="M820" s="1">
        <v>0</v>
      </c>
      <c r="N820" s="1">
        <v>0</v>
      </c>
      <c r="O820" s="1">
        <v>0</v>
      </c>
      <c r="P820" s="1">
        <v>0</v>
      </c>
      <c r="Q820" s="1">
        <v>0</v>
      </c>
      <c r="S820" s="1">
        <v>0</v>
      </c>
      <c r="T820" s="1">
        <v>0</v>
      </c>
      <c r="AC820" s="1">
        <v>0</v>
      </c>
      <c r="AD820" s="1">
        <v>0</v>
      </c>
      <c r="AE820" s="1">
        <v>0</v>
      </c>
      <c r="AF820" s="1">
        <v>0</v>
      </c>
      <c r="AG820" s="1">
        <v>0</v>
      </c>
      <c r="AH820" s="1">
        <v>0</v>
      </c>
      <c r="AI820" s="1">
        <v>0</v>
      </c>
      <c r="AJ820" s="1">
        <v>0</v>
      </c>
      <c r="AK820" s="1">
        <v>0</v>
      </c>
      <c r="AL820" s="1">
        <v>0</v>
      </c>
      <c r="AM820" s="1">
        <v>0</v>
      </c>
      <c r="AN820" s="1">
        <v>0</v>
      </c>
      <c r="AO820" s="1">
        <v>0</v>
      </c>
      <c r="AP820" s="1">
        <v>0</v>
      </c>
      <c r="AQ820" s="1">
        <v>0</v>
      </c>
      <c r="AR820" s="1">
        <v>0</v>
      </c>
      <c r="AS820" s="1">
        <v>0</v>
      </c>
      <c r="AT820" s="1">
        <v>0</v>
      </c>
      <c r="AU820" s="1">
        <v>0</v>
      </c>
      <c r="AV820" s="1">
        <v>0</v>
      </c>
      <c r="BF820" s="1">
        <v>0</v>
      </c>
      <c r="BG820" s="1">
        <v>0</v>
      </c>
      <c r="BH820" s="1">
        <v>0</v>
      </c>
      <c r="BK820" s="1">
        <v>0</v>
      </c>
      <c r="BM820" s="1">
        <v>0</v>
      </c>
      <c r="BO820" s="1">
        <v>0</v>
      </c>
    </row>
    <row r="821" spans="1:69" x14ac:dyDescent="0.25">
      <c r="A821" s="1">
        <v>30449826</v>
      </c>
      <c r="B821" t="s">
        <v>3436</v>
      </c>
      <c r="C821" t="s">
        <v>39</v>
      </c>
      <c r="D821" t="s">
        <v>3138</v>
      </c>
      <c r="E821" t="s">
        <v>200</v>
      </c>
      <c r="L821" t="s">
        <v>52</v>
      </c>
      <c r="M821" s="1">
        <v>0</v>
      </c>
      <c r="N821" s="1">
        <v>0</v>
      </c>
      <c r="O821" t="s">
        <v>3139</v>
      </c>
      <c r="P821" t="s">
        <v>176</v>
      </c>
      <c r="Q821" t="s">
        <v>238</v>
      </c>
      <c r="S821" t="s">
        <v>315</v>
      </c>
      <c r="T821" t="s">
        <v>200</v>
      </c>
      <c r="AA821" t="s">
        <v>273</v>
      </c>
      <c r="AB821" t="s">
        <v>225</v>
      </c>
      <c r="AC821" t="s">
        <v>180</v>
      </c>
      <c r="AD821" t="s">
        <v>200</v>
      </c>
      <c r="AE821" t="s">
        <v>200</v>
      </c>
      <c r="AF821" t="s">
        <v>200</v>
      </c>
      <c r="AG821" t="s">
        <v>200</v>
      </c>
      <c r="AH821" t="s">
        <v>200</v>
      </c>
      <c r="AI821" t="s">
        <v>200</v>
      </c>
      <c r="AJ821" t="s">
        <v>200</v>
      </c>
      <c r="AK821" t="s">
        <v>200</v>
      </c>
      <c r="AL821" t="s">
        <v>42</v>
      </c>
      <c r="AM821" t="s">
        <v>203</v>
      </c>
      <c r="AN821" t="s">
        <v>206</v>
      </c>
      <c r="AO821" t="s">
        <v>185</v>
      </c>
      <c r="AP821" t="s">
        <v>204</v>
      </c>
      <c r="AQ821" t="s">
        <v>183</v>
      </c>
      <c r="AR821" t="s">
        <v>205</v>
      </c>
      <c r="AS821" t="s">
        <v>202</v>
      </c>
      <c r="AT821" t="s">
        <v>182</v>
      </c>
      <c r="AU821" t="s">
        <v>184</v>
      </c>
      <c r="AV821" t="s">
        <v>201</v>
      </c>
      <c r="AX821" t="s">
        <v>186</v>
      </c>
      <c r="AY821" t="s">
        <v>187</v>
      </c>
      <c r="AZ821" t="s">
        <v>207</v>
      </c>
      <c r="BA821" t="s">
        <v>188</v>
      </c>
      <c r="BB821" t="s">
        <v>208</v>
      </c>
      <c r="BC821" t="s">
        <v>209</v>
      </c>
      <c r="BF821" t="s">
        <v>49</v>
      </c>
      <c r="BG821" s="1">
        <v>0</v>
      </c>
      <c r="BH821" t="s">
        <v>302</v>
      </c>
      <c r="BI821" t="s">
        <v>3437</v>
      </c>
      <c r="BK821" t="s">
        <v>191</v>
      </c>
      <c r="BM821" t="s">
        <v>191</v>
      </c>
      <c r="BN821" t="s">
        <v>519</v>
      </c>
      <c r="BO821" t="s">
        <v>191</v>
      </c>
      <c r="BP821" t="s">
        <v>518</v>
      </c>
    </row>
    <row r="822" spans="1:69" x14ac:dyDescent="0.25">
      <c r="A822" s="1">
        <v>30449828</v>
      </c>
      <c r="B822" t="s">
        <v>1301</v>
      </c>
      <c r="C822" t="s">
        <v>39</v>
      </c>
      <c r="D822" t="s">
        <v>942</v>
      </c>
      <c r="E822" t="s">
        <v>175</v>
      </c>
      <c r="L822" t="s">
        <v>52</v>
      </c>
      <c r="M822" s="1">
        <v>0</v>
      </c>
      <c r="N822" s="1">
        <v>0</v>
      </c>
      <c r="O822" t="s">
        <v>942</v>
      </c>
      <c r="P822" t="s">
        <v>176</v>
      </c>
      <c r="Q822" t="s">
        <v>238</v>
      </c>
      <c r="S822" t="s">
        <v>178</v>
      </c>
      <c r="T822" t="s">
        <v>175</v>
      </c>
      <c r="Z822" t="s">
        <v>244</v>
      </c>
      <c r="AC822" t="s">
        <v>199</v>
      </c>
      <c r="AD822" t="s">
        <v>175</v>
      </c>
      <c r="AE822" t="s">
        <v>175</v>
      </c>
      <c r="AF822" t="s">
        <v>175</v>
      </c>
      <c r="AG822" t="s">
        <v>175</v>
      </c>
      <c r="AH822" t="s">
        <v>175</v>
      </c>
      <c r="AI822" t="s">
        <v>175</v>
      </c>
      <c r="AJ822" t="s">
        <v>175</v>
      </c>
      <c r="AK822" t="s">
        <v>175</v>
      </c>
      <c r="AL822" t="s">
        <v>42</v>
      </c>
      <c r="AM822" t="s">
        <v>182</v>
      </c>
      <c r="AN822" t="s">
        <v>183</v>
      </c>
      <c r="AO822" t="s">
        <v>206</v>
      </c>
      <c r="AP822" t="s">
        <v>201</v>
      </c>
      <c r="AQ822" t="s">
        <v>202</v>
      </c>
      <c r="AR822" t="s">
        <v>203</v>
      </c>
      <c r="AS822" t="s">
        <v>205</v>
      </c>
      <c r="AT822" t="s">
        <v>184</v>
      </c>
      <c r="AU822" t="s">
        <v>204</v>
      </c>
      <c r="AV822" t="s">
        <v>185</v>
      </c>
      <c r="AX822" t="s">
        <v>186</v>
      </c>
      <c r="AZ822" t="s">
        <v>207</v>
      </c>
      <c r="BB822" t="s">
        <v>208</v>
      </c>
      <c r="BF822" t="s">
        <v>210</v>
      </c>
      <c r="BG822" s="1">
        <v>0</v>
      </c>
      <c r="BH822" t="s">
        <v>247</v>
      </c>
      <c r="BK822" t="s">
        <v>191</v>
      </c>
      <c r="BL822" t="s">
        <v>518</v>
      </c>
      <c r="BM822" t="s">
        <v>218</v>
      </c>
      <c r="BO822" t="s">
        <v>218</v>
      </c>
      <c r="BP822" t="s">
        <v>576</v>
      </c>
    </row>
    <row r="823" spans="1:69" x14ac:dyDescent="0.25">
      <c r="A823" s="1">
        <v>30449831</v>
      </c>
      <c r="B823" t="s">
        <v>2834</v>
      </c>
      <c r="C823" t="s">
        <v>39</v>
      </c>
      <c r="D823" t="s">
        <v>2512</v>
      </c>
      <c r="E823" t="s">
        <v>175</v>
      </c>
      <c r="L823" t="s">
        <v>52</v>
      </c>
      <c r="M823" s="1">
        <v>0</v>
      </c>
      <c r="N823" s="1">
        <v>0</v>
      </c>
      <c r="O823" t="s">
        <v>2512</v>
      </c>
      <c r="P823" t="s">
        <v>216</v>
      </c>
      <c r="Q823" t="s">
        <v>322</v>
      </c>
      <c r="S823" s="1">
        <v>0</v>
      </c>
      <c r="T823" t="s">
        <v>175</v>
      </c>
      <c r="W823" t="s">
        <v>262</v>
      </c>
      <c r="AC823" t="s">
        <v>199</v>
      </c>
      <c r="AD823" t="s">
        <v>175</v>
      </c>
      <c r="AE823" t="s">
        <v>175</v>
      </c>
      <c r="AF823" t="s">
        <v>175</v>
      </c>
      <c r="AG823" t="s">
        <v>175</v>
      </c>
      <c r="AH823" t="s">
        <v>299</v>
      </c>
      <c r="AI823" t="s">
        <v>175</v>
      </c>
      <c r="AJ823" t="s">
        <v>230</v>
      </c>
      <c r="AK823" t="s">
        <v>175</v>
      </c>
      <c r="AL823" t="s">
        <v>42</v>
      </c>
      <c r="AM823" t="s">
        <v>185</v>
      </c>
      <c r="AN823" t="s">
        <v>182</v>
      </c>
      <c r="AO823" t="s">
        <v>184</v>
      </c>
      <c r="AP823" t="s">
        <v>183</v>
      </c>
      <c r="AQ823" t="s">
        <v>201</v>
      </c>
      <c r="AR823" t="s">
        <v>202</v>
      </c>
      <c r="AS823" s="1">
        <v>0</v>
      </c>
      <c r="AT823" t="s">
        <v>204</v>
      </c>
      <c r="AU823" t="s">
        <v>206</v>
      </c>
      <c r="AV823" t="s">
        <v>205</v>
      </c>
      <c r="AY823" t="s">
        <v>187</v>
      </c>
      <c r="AZ823" t="s">
        <v>207</v>
      </c>
      <c r="BA823" t="s">
        <v>188</v>
      </c>
      <c r="BB823" t="s">
        <v>208</v>
      </c>
      <c r="BF823" t="s">
        <v>292</v>
      </c>
      <c r="BG823" t="s">
        <v>301</v>
      </c>
      <c r="BH823" t="s">
        <v>211</v>
      </c>
      <c r="BK823" t="s">
        <v>191</v>
      </c>
      <c r="BL823" t="s">
        <v>2016</v>
      </c>
      <c r="BM823" t="s">
        <v>191</v>
      </c>
      <c r="BO823" t="s">
        <v>218</v>
      </c>
    </row>
    <row r="824" spans="1:69" x14ac:dyDescent="0.25">
      <c r="A824" s="1">
        <v>30449834</v>
      </c>
      <c r="B824" t="s">
        <v>4192</v>
      </c>
      <c r="C824" t="s">
        <v>39</v>
      </c>
      <c r="D824" t="s">
        <v>3727</v>
      </c>
      <c r="E824" t="s">
        <v>175</v>
      </c>
      <c r="L824" t="s">
        <v>52</v>
      </c>
      <c r="M824" s="1">
        <v>0</v>
      </c>
      <c r="N824" s="1">
        <v>0</v>
      </c>
      <c r="O824" t="s">
        <v>3728</v>
      </c>
      <c r="P824" t="s">
        <v>176</v>
      </c>
      <c r="Q824" t="s">
        <v>177</v>
      </c>
      <c r="S824" t="s">
        <v>349</v>
      </c>
      <c r="T824" t="s">
        <v>175</v>
      </c>
      <c r="W824" t="s">
        <v>262</v>
      </c>
      <c r="X824" t="s">
        <v>179</v>
      </c>
      <c r="Y824" t="s">
        <v>224</v>
      </c>
      <c r="Z824" t="s">
        <v>244</v>
      </c>
      <c r="AC824" t="s">
        <v>199</v>
      </c>
      <c r="AD824" t="s">
        <v>175</v>
      </c>
      <c r="AE824" t="s">
        <v>175</v>
      </c>
      <c r="AF824" t="s">
        <v>175</v>
      </c>
      <c r="AG824" t="s">
        <v>175</v>
      </c>
      <c r="AH824" t="s">
        <v>175</v>
      </c>
      <c r="AI824" t="s">
        <v>175</v>
      </c>
      <c r="AJ824" t="s">
        <v>175</v>
      </c>
      <c r="AK824" t="s">
        <v>175</v>
      </c>
      <c r="AL824" t="s">
        <v>42</v>
      </c>
      <c r="AM824" t="s">
        <v>204</v>
      </c>
      <c r="AN824" t="s">
        <v>184</v>
      </c>
      <c r="AO824" t="s">
        <v>185</v>
      </c>
      <c r="AP824" t="s">
        <v>182</v>
      </c>
      <c r="AQ824" t="s">
        <v>201</v>
      </c>
      <c r="AR824" t="s">
        <v>183</v>
      </c>
      <c r="AS824" t="s">
        <v>203</v>
      </c>
      <c r="AT824" t="s">
        <v>205</v>
      </c>
      <c r="AU824" t="s">
        <v>206</v>
      </c>
      <c r="AV824" t="s">
        <v>202</v>
      </c>
      <c r="AX824" t="s">
        <v>186</v>
      </c>
      <c r="AZ824" t="s">
        <v>207</v>
      </c>
      <c r="BA824" t="s">
        <v>188</v>
      </c>
      <c r="BB824" t="s">
        <v>208</v>
      </c>
      <c r="BF824" t="s">
        <v>232</v>
      </c>
      <c r="BG824" t="s">
        <v>276</v>
      </c>
      <c r="BH824" t="s">
        <v>211</v>
      </c>
      <c r="BK824" t="s">
        <v>218</v>
      </c>
      <c r="BL824" t="s">
        <v>4193</v>
      </c>
      <c r="BM824" t="s">
        <v>191</v>
      </c>
      <c r="BN824" t="s">
        <v>4194</v>
      </c>
      <c r="BO824" t="s">
        <v>191</v>
      </c>
      <c r="BP824" t="s">
        <v>4195</v>
      </c>
    </row>
    <row r="825" spans="1:69" x14ac:dyDescent="0.25">
      <c r="A825" s="1">
        <v>30449837</v>
      </c>
      <c r="B825" t="s">
        <v>1302</v>
      </c>
      <c r="C825" t="s">
        <v>39</v>
      </c>
      <c r="D825" t="s">
        <v>942</v>
      </c>
      <c r="E825" t="s">
        <v>195</v>
      </c>
      <c r="L825" t="s">
        <v>52</v>
      </c>
      <c r="M825" s="1">
        <v>0</v>
      </c>
      <c r="N825" s="1">
        <v>0</v>
      </c>
      <c r="O825" t="s">
        <v>942</v>
      </c>
      <c r="P825" t="s">
        <v>176</v>
      </c>
      <c r="Q825" t="s">
        <v>177</v>
      </c>
      <c r="S825" t="s">
        <v>222</v>
      </c>
      <c r="T825" t="s">
        <v>197</v>
      </c>
      <c r="U825" t="s">
        <v>1303</v>
      </c>
      <c r="AA825" t="s">
        <v>273</v>
      </c>
      <c r="AB825" t="s">
        <v>1304</v>
      </c>
      <c r="AC825" t="s">
        <v>180</v>
      </c>
      <c r="AD825" t="s">
        <v>181</v>
      </c>
      <c r="AE825" t="s">
        <v>299</v>
      </c>
      <c r="AF825" t="s">
        <v>230</v>
      </c>
      <c r="AG825" t="s">
        <v>299</v>
      </c>
      <c r="AH825" t="s">
        <v>181</v>
      </c>
      <c r="AI825" t="s">
        <v>181</v>
      </c>
      <c r="AJ825" t="s">
        <v>299</v>
      </c>
      <c r="AK825" t="s">
        <v>181</v>
      </c>
      <c r="AL825" t="s">
        <v>42</v>
      </c>
      <c r="AM825" t="s">
        <v>185</v>
      </c>
      <c r="AN825" s="1">
        <v>0</v>
      </c>
      <c r="AO825" t="s">
        <v>201</v>
      </c>
      <c r="AP825" t="s">
        <v>184</v>
      </c>
      <c r="AQ825" s="1">
        <v>0</v>
      </c>
      <c r="AR825" s="1">
        <v>0</v>
      </c>
      <c r="AS825" s="1">
        <v>0</v>
      </c>
      <c r="AT825" t="s">
        <v>182</v>
      </c>
      <c r="AU825" t="s">
        <v>183</v>
      </c>
      <c r="AV825" t="s">
        <v>206</v>
      </c>
      <c r="AW825" t="s">
        <v>1305</v>
      </c>
      <c r="AZ825" t="s">
        <v>207</v>
      </c>
      <c r="BF825" t="s">
        <v>49</v>
      </c>
      <c r="BG825" s="1">
        <v>0</v>
      </c>
      <c r="BH825" t="s">
        <v>412</v>
      </c>
      <c r="BI825" t="s">
        <v>1306</v>
      </c>
      <c r="BK825" s="1">
        <v>0</v>
      </c>
      <c r="BL825" t="s">
        <v>1307</v>
      </c>
      <c r="BM825" s="1">
        <v>0</v>
      </c>
      <c r="BN825" t="s">
        <v>1308</v>
      </c>
      <c r="BO825" t="s">
        <v>218</v>
      </c>
      <c r="BP825" t="s">
        <v>1309</v>
      </c>
      <c r="BQ825" t="s">
        <v>1310</v>
      </c>
    </row>
    <row r="826" spans="1:69" x14ac:dyDescent="0.25">
      <c r="A826" s="1">
        <v>30449838</v>
      </c>
      <c r="B826" t="s">
        <v>1311</v>
      </c>
      <c r="C826" t="s">
        <v>39</v>
      </c>
      <c r="D826" t="s">
        <v>942</v>
      </c>
      <c r="E826" t="s">
        <v>175</v>
      </c>
      <c r="L826" t="s">
        <v>52</v>
      </c>
      <c r="M826" s="1">
        <v>0</v>
      </c>
      <c r="N826" s="1">
        <v>0</v>
      </c>
      <c r="O826" t="s">
        <v>942</v>
      </c>
      <c r="P826" t="s">
        <v>216</v>
      </c>
      <c r="Q826" t="s">
        <v>322</v>
      </c>
      <c r="S826" s="1">
        <v>0</v>
      </c>
      <c r="T826" t="s">
        <v>175</v>
      </c>
      <c r="AA826" t="s">
        <v>273</v>
      </c>
      <c r="AB826" t="s">
        <v>1312</v>
      </c>
      <c r="AC826" t="s">
        <v>266</v>
      </c>
      <c r="AD826" t="s">
        <v>175</v>
      </c>
      <c r="AE826" t="s">
        <v>175</v>
      </c>
      <c r="AF826" t="s">
        <v>175</v>
      </c>
      <c r="AG826" t="s">
        <v>175</v>
      </c>
      <c r="AH826" t="s">
        <v>175</v>
      </c>
      <c r="AI826" t="s">
        <v>175</v>
      </c>
      <c r="AJ826" t="s">
        <v>175</v>
      </c>
      <c r="AK826" t="s">
        <v>175</v>
      </c>
      <c r="AL826" t="s">
        <v>52</v>
      </c>
      <c r="AM826" t="s">
        <v>206</v>
      </c>
      <c r="AN826" t="s">
        <v>183</v>
      </c>
      <c r="AO826" t="s">
        <v>185</v>
      </c>
      <c r="AP826" t="s">
        <v>182</v>
      </c>
      <c r="AQ826" t="s">
        <v>202</v>
      </c>
      <c r="AR826" t="s">
        <v>203</v>
      </c>
      <c r="AS826" t="s">
        <v>204</v>
      </c>
      <c r="AT826" t="s">
        <v>184</v>
      </c>
      <c r="AU826" t="s">
        <v>201</v>
      </c>
      <c r="AV826" t="s">
        <v>205</v>
      </c>
      <c r="AW826" t="s">
        <v>1313</v>
      </c>
      <c r="AX826" t="s">
        <v>186</v>
      </c>
      <c r="AY826" t="s">
        <v>187</v>
      </c>
      <c r="AZ826" t="s">
        <v>207</v>
      </c>
      <c r="BA826" t="s">
        <v>188</v>
      </c>
      <c r="BB826" t="s">
        <v>208</v>
      </c>
      <c r="BF826" t="s">
        <v>210</v>
      </c>
      <c r="BG826" s="1">
        <v>0</v>
      </c>
      <c r="BH826" t="s">
        <v>211</v>
      </c>
      <c r="BK826" t="s">
        <v>191</v>
      </c>
      <c r="BL826" t="s">
        <v>1314</v>
      </c>
      <c r="BM826" t="s">
        <v>218</v>
      </c>
      <c r="BO826" t="s">
        <v>218</v>
      </c>
      <c r="BP826" t="s">
        <v>1315</v>
      </c>
    </row>
    <row r="827" spans="1:69" x14ac:dyDescent="0.25">
      <c r="A827" s="1">
        <v>30449839</v>
      </c>
      <c r="B827" t="s">
        <v>589</v>
      </c>
      <c r="C827" t="s">
        <v>39</v>
      </c>
      <c r="D827" t="s">
        <v>174</v>
      </c>
      <c r="E827" t="s">
        <v>195</v>
      </c>
      <c r="L827" t="s">
        <v>52</v>
      </c>
      <c r="M827" s="1">
        <v>0</v>
      </c>
      <c r="N827" s="1">
        <v>0</v>
      </c>
      <c r="O827" t="s">
        <v>174</v>
      </c>
      <c r="P827" t="s">
        <v>176</v>
      </c>
      <c r="Q827" t="s">
        <v>238</v>
      </c>
      <c r="S827" t="s">
        <v>222</v>
      </c>
      <c r="T827" t="s">
        <v>197</v>
      </c>
      <c r="U827" t="s">
        <v>590</v>
      </c>
      <c r="W827" t="s">
        <v>262</v>
      </c>
      <c r="X827" t="s">
        <v>179</v>
      </c>
      <c r="AC827" t="s">
        <v>180</v>
      </c>
      <c r="AD827" t="s">
        <v>181</v>
      </c>
      <c r="AE827" t="s">
        <v>181</v>
      </c>
      <c r="AF827" t="s">
        <v>230</v>
      </c>
      <c r="AG827" t="s">
        <v>181</v>
      </c>
      <c r="AH827" t="s">
        <v>181</v>
      </c>
      <c r="AI827" t="s">
        <v>175</v>
      </c>
      <c r="AJ827" t="s">
        <v>181</v>
      </c>
      <c r="AK827" t="s">
        <v>230</v>
      </c>
      <c r="AL827" t="s">
        <v>42</v>
      </c>
      <c r="AM827" s="1">
        <v>0</v>
      </c>
      <c r="AN827" s="1">
        <v>0</v>
      </c>
      <c r="AO827" s="1">
        <v>0</v>
      </c>
      <c r="AP827" s="1">
        <v>0</v>
      </c>
      <c r="AQ827" s="1">
        <v>0</v>
      </c>
      <c r="AR827" s="1">
        <v>0</v>
      </c>
      <c r="AS827" s="1">
        <v>0</v>
      </c>
      <c r="AT827" s="1">
        <v>0</v>
      </c>
      <c r="AU827" s="1">
        <v>0</v>
      </c>
      <c r="AV827" s="1">
        <v>0</v>
      </c>
      <c r="BF827" s="1">
        <v>0</v>
      </c>
      <c r="BG827" s="1">
        <v>0</v>
      </c>
      <c r="BH827" s="1">
        <v>0</v>
      </c>
      <c r="BK827" s="1">
        <v>0</v>
      </c>
      <c r="BM827" s="1">
        <v>0</v>
      </c>
      <c r="BO827" s="1">
        <v>0</v>
      </c>
    </row>
    <row r="828" spans="1:69" x14ac:dyDescent="0.25">
      <c r="A828" s="1">
        <v>30449840</v>
      </c>
      <c r="B828" t="s">
        <v>2054</v>
      </c>
      <c r="C828" t="s">
        <v>39</v>
      </c>
      <c r="D828" t="s">
        <v>1616</v>
      </c>
      <c r="E828" t="s">
        <v>175</v>
      </c>
      <c r="L828" t="s">
        <v>52</v>
      </c>
      <c r="M828" s="1">
        <v>0</v>
      </c>
      <c r="N828" s="1">
        <v>0</v>
      </c>
      <c r="O828" t="s">
        <v>1616</v>
      </c>
      <c r="P828" t="s">
        <v>176</v>
      </c>
      <c r="Q828" t="s">
        <v>196</v>
      </c>
      <c r="S828" t="s">
        <v>315</v>
      </c>
      <c r="T828" t="s">
        <v>175</v>
      </c>
      <c r="Y828" t="s">
        <v>224</v>
      </c>
      <c r="AC828" t="s">
        <v>180</v>
      </c>
      <c r="AD828" s="1">
        <v>0</v>
      </c>
      <c r="AE828" s="1">
        <v>0</v>
      </c>
      <c r="AF828" s="1">
        <v>0</v>
      </c>
      <c r="AG828" s="1">
        <v>0</v>
      </c>
      <c r="AH828" s="1">
        <v>0</v>
      </c>
      <c r="AI828" s="1">
        <v>0</v>
      </c>
      <c r="AJ828" s="1">
        <v>0</v>
      </c>
      <c r="AK828" s="1">
        <v>0</v>
      </c>
      <c r="AL828" s="1">
        <v>0</v>
      </c>
      <c r="AM828" s="1">
        <v>0</v>
      </c>
      <c r="AN828" s="1">
        <v>0</v>
      </c>
      <c r="AO828" s="1">
        <v>0</v>
      </c>
      <c r="AP828" s="1">
        <v>0</v>
      </c>
      <c r="AQ828" s="1">
        <v>0</v>
      </c>
      <c r="AR828" s="1">
        <v>0</v>
      </c>
      <c r="AS828" s="1">
        <v>0</v>
      </c>
      <c r="AT828" s="1">
        <v>0</v>
      </c>
      <c r="AU828" s="1">
        <v>0</v>
      </c>
      <c r="AV828" s="1">
        <v>0</v>
      </c>
      <c r="BF828" s="1">
        <v>0</v>
      </c>
      <c r="BG828" s="1">
        <v>0</v>
      </c>
      <c r="BH828" s="1">
        <v>0</v>
      </c>
      <c r="BK828" s="1">
        <v>0</v>
      </c>
      <c r="BM828" s="1">
        <v>0</v>
      </c>
      <c r="BO828" s="1">
        <v>0</v>
      </c>
    </row>
    <row r="829" spans="1:69" x14ac:dyDescent="0.25">
      <c r="A829" s="1">
        <v>30449841</v>
      </c>
      <c r="B829" t="s">
        <v>4196</v>
      </c>
      <c r="C829" t="s">
        <v>39</v>
      </c>
      <c r="D829" t="s">
        <v>3727</v>
      </c>
      <c r="E829" t="s">
        <v>216</v>
      </c>
      <c r="L829" t="s">
        <v>52</v>
      </c>
      <c r="M829" s="1">
        <v>0</v>
      </c>
      <c r="N829" s="1">
        <v>0</v>
      </c>
      <c r="O829" t="s">
        <v>3728</v>
      </c>
      <c r="P829" t="s">
        <v>216</v>
      </c>
      <c r="Q829" t="s">
        <v>196</v>
      </c>
      <c r="S829" s="1">
        <v>0</v>
      </c>
      <c r="T829" t="s">
        <v>49</v>
      </c>
      <c r="Y829" t="s">
        <v>224</v>
      </c>
      <c r="AC829" t="s">
        <v>225</v>
      </c>
      <c r="AD829" t="s">
        <v>200</v>
      </c>
      <c r="AE829" t="s">
        <v>200</v>
      </c>
      <c r="AF829" t="s">
        <v>200</v>
      </c>
      <c r="AG829" t="s">
        <v>200</v>
      </c>
      <c r="AH829" t="s">
        <v>200</v>
      </c>
      <c r="AI829" t="s">
        <v>200</v>
      </c>
      <c r="AJ829" t="s">
        <v>200</v>
      </c>
      <c r="AK829" t="s">
        <v>200</v>
      </c>
      <c r="AL829" t="s">
        <v>52</v>
      </c>
      <c r="AM829" s="1">
        <v>0</v>
      </c>
      <c r="AN829" s="1">
        <v>0</v>
      </c>
      <c r="AO829" s="1">
        <v>0</v>
      </c>
      <c r="AP829" s="1">
        <v>0</v>
      </c>
      <c r="AQ829" s="1">
        <v>0</v>
      </c>
      <c r="AR829" s="1">
        <v>0</v>
      </c>
      <c r="AS829" s="1">
        <v>0</v>
      </c>
      <c r="AT829" s="1">
        <v>0</v>
      </c>
      <c r="AU829" s="1">
        <v>0</v>
      </c>
      <c r="AV829" s="1">
        <v>0</v>
      </c>
      <c r="AY829" t="s">
        <v>187</v>
      </c>
      <c r="AZ829" t="s">
        <v>207</v>
      </c>
      <c r="BB829" t="s">
        <v>208</v>
      </c>
      <c r="BC829" t="s">
        <v>209</v>
      </c>
      <c r="BF829" t="s">
        <v>49</v>
      </c>
      <c r="BG829" s="1">
        <v>0</v>
      </c>
      <c r="BH829" t="s">
        <v>247</v>
      </c>
      <c r="BK829" t="s">
        <v>191</v>
      </c>
      <c r="BM829" t="s">
        <v>191</v>
      </c>
      <c r="BO829" t="s">
        <v>191</v>
      </c>
    </row>
    <row r="830" spans="1:69" x14ac:dyDescent="0.25">
      <c r="A830" s="1">
        <v>30449843</v>
      </c>
      <c r="B830" t="s">
        <v>1316</v>
      </c>
      <c r="C830" t="s">
        <v>39</v>
      </c>
      <c r="D830" t="s">
        <v>942</v>
      </c>
      <c r="E830" t="s">
        <v>200</v>
      </c>
      <c r="L830" t="s">
        <v>52</v>
      </c>
      <c r="M830" s="1">
        <v>0</v>
      </c>
      <c r="N830" s="1">
        <v>0</v>
      </c>
      <c r="O830" t="s">
        <v>942</v>
      </c>
      <c r="P830" t="s">
        <v>176</v>
      </c>
      <c r="Q830" t="s">
        <v>196</v>
      </c>
      <c r="S830" t="s">
        <v>256</v>
      </c>
      <c r="T830" t="s">
        <v>200</v>
      </c>
      <c r="AC830" t="s">
        <v>225</v>
      </c>
      <c r="AD830" t="s">
        <v>175</v>
      </c>
      <c r="AE830" t="s">
        <v>175</v>
      </c>
      <c r="AF830" t="s">
        <v>175</v>
      </c>
      <c r="AG830" t="s">
        <v>200</v>
      </c>
      <c r="AH830" t="s">
        <v>200</v>
      </c>
      <c r="AI830" t="s">
        <v>200</v>
      </c>
      <c r="AJ830" t="s">
        <v>200</v>
      </c>
      <c r="AK830" t="s">
        <v>175</v>
      </c>
      <c r="AL830" t="s">
        <v>42</v>
      </c>
      <c r="AM830" t="s">
        <v>183</v>
      </c>
      <c r="AN830" t="s">
        <v>201</v>
      </c>
      <c r="AO830" t="s">
        <v>182</v>
      </c>
      <c r="AP830" t="s">
        <v>184</v>
      </c>
      <c r="AQ830" t="s">
        <v>185</v>
      </c>
      <c r="AR830" t="s">
        <v>203</v>
      </c>
      <c r="AS830" t="s">
        <v>204</v>
      </c>
      <c r="AT830" t="s">
        <v>206</v>
      </c>
      <c r="AU830" t="s">
        <v>205</v>
      </c>
      <c r="AV830" t="s">
        <v>202</v>
      </c>
      <c r="AX830" t="s">
        <v>186</v>
      </c>
      <c r="AY830" t="s">
        <v>187</v>
      </c>
      <c r="AZ830" t="s">
        <v>207</v>
      </c>
      <c r="BC830" t="s">
        <v>209</v>
      </c>
      <c r="BF830" t="s">
        <v>210</v>
      </c>
      <c r="BG830" s="1">
        <v>0</v>
      </c>
      <c r="BH830" t="s">
        <v>190</v>
      </c>
      <c r="BK830" t="s">
        <v>191</v>
      </c>
      <c r="BL830" t="s">
        <v>1317</v>
      </c>
      <c r="BM830" t="s">
        <v>191</v>
      </c>
      <c r="BN830" t="s">
        <v>1318</v>
      </c>
      <c r="BO830" t="s">
        <v>191</v>
      </c>
    </row>
    <row r="831" spans="1:69" x14ac:dyDescent="0.25">
      <c r="A831" s="1">
        <v>30449844</v>
      </c>
      <c r="B831" t="s">
        <v>2835</v>
      </c>
      <c r="C831" t="s">
        <v>39</v>
      </c>
      <c r="D831" t="s">
        <v>2512</v>
      </c>
      <c r="E831" t="s">
        <v>195</v>
      </c>
      <c r="L831" t="s">
        <v>52</v>
      </c>
      <c r="M831" s="1">
        <v>0</v>
      </c>
      <c r="N831" s="1">
        <v>0</v>
      </c>
      <c r="O831" t="s">
        <v>2512</v>
      </c>
      <c r="P831" t="s">
        <v>176</v>
      </c>
      <c r="Q831" t="s">
        <v>238</v>
      </c>
      <c r="S831" t="s">
        <v>178</v>
      </c>
      <c r="T831" t="s">
        <v>197</v>
      </c>
      <c r="W831" t="s">
        <v>262</v>
      </c>
      <c r="AC831" t="s">
        <v>180</v>
      </c>
      <c r="AD831" t="s">
        <v>181</v>
      </c>
      <c r="AE831" t="s">
        <v>181</v>
      </c>
      <c r="AF831" t="s">
        <v>181</v>
      </c>
      <c r="AG831" t="s">
        <v>181</v>
      </c>
      <c r="AH831" t="s">
        <v>181</v>
      </c>
      <c r="AI831" t="s">
        <v>181</v>
      </c>
      <c r="AJ831" s="1">
        <v>0</v>
      </c>
      <c r="AK831" t="s">
        <v>181</v>
      </c>
      <c r="AL831" t="s">
        <v>42</v>
      </c>
      <c r="AM831" t="s">
        <v>204</v>
      </c>
      <c r="AN831" t="s">
        <v>201</v>
      </c>
      <c r="AO831" t="s">
        <v>182</v>
      </c>
      <c r="AP831" t="s">
        <v>205</v>
      </c>
      <c r="AQ831" t="s">
        <v>185</v>
      </c>
      <c r="AR831" t="s">
        <v>184</v>
      </c>
      <c r="AS831" t="s">
        <v>203</v>
      </c>
      <c r="AT831" t="s">
        <v>206</v>
      </c>
      <c r="AU831" t="s">
        <v>183</v>
      </c>
      <c r="AV831" t="s">
        <v>202</v>
      </c>
      <c r="AX831" t="s">
        <v>186</v>
      </c>
      <c r="BC831" t="s">
        <v>209</v>
      </c>
      <c r="BF831" t="s">
        <v>210</v>
      </c>
      <c r="BG831" s="1">
        <v>0</v>
      </c>
      <c r="BH831" t="s">
        <v>211</v>
      </c>
      <c r="BK831" t="s">
        <v>191</v>
      </c>
      <c r="BM831" t="s">
        <v>191</v>
      </c>
      <c r="BO831" t="s">
        <v>218</v>
      </c>
    </row>
    <row r="832" spans="1:69" x14ac:dyDescent="0.25">
      <c r="A832" s="1">
        <v>30449845</v>
      </c>
      <c r="B832" t="s">
        <v>3438</v>
      </c>
      <c r="C832" t="s">
        <v>39</v>
      </c>
      <c r="D832" t="s">
        <v>3138</v>
      </c>
      <c r="E832" t="s">
        <v>195</v>
      </c>
      <c r="L832" t="s">
        <v>52</v>
      </c>
      <c r="M832" s="1">
        <v>0</v>
      </c>
      <c r="N832" s="1">
        <v>0</v>
      </c>
      <c r="O832" t="s">
        <v>3139</v>
      </c>
      <c r="P832" t="s">
        <v>176</v>
      </c>
      <c r="Q832" t="s">
        <v>238</v>
      </c>
      <c r="S832" t="s">
        <v>222</v>
      </c>
      <c r="T832" t="s">
        <v>297</v>
      </c>
      <c r="U832" t="s">
        <v>3439</v>
      </c>
      <c r="X832" t="s">
        <v>179</v>
      </c>
      <c r="AC832" t="s">
        <v>180</v>
      </c>
      <c r="AD832" t="s">
        <v>181</v>
      </c>
      <c r="AE832" t="s">
        <v>230</v>
      </c>
      <c r="AF832" t="s">
        <v>230</v>
      </c>
      <c r="AG832" t="s">
        <v>230</v>
      </c>
      <c r="AH832" t="s">
        <v>181</v>
      </c>
      <c r="AI832" t="s">
        <v>181</v>
      </c>
      <c r="AJ832" t="s">
        <v>181</v>
      </c>
      <c r="AK832" t="s">
        <v>230</v>
      </c>
      <c r="AL832" t="s">
        <v>49</v>
      </c>
      <c r="AM832" t="s">
        <v>185</v>
      </c>
      <c r="AN832" t="s">
        <v>206</v>
      </c>
      <c r="AO832" t="s">
        <v>201</v>
      </c>
      <c r="AP832" t="s">
        <v>182</v>
      </c>
      <c r="AQ832" t="s">
        <v>202</v>
      </c>
      <c r="AR832" t="s">
        <v>203</v>
      </c>
      <c r="AS832" t="s">
        <v>183</v>
      </c>
      <c r="AT832" t="s">
        <v>205</v>
      </c>
      <c r="AU832" t="s">
        <v>204</v>
      </c>
      <c r="AV832" t="s">
        <v>184</v>
      </c>
      <c r="AX832" t="s">
        <v>186</v>
      </c>
      <c r="AZ832" t="s">
        <v>207</v>
      </c>
      <c r="BA832" t="s">
        <v>188</v>
      </c>
      <c r="BF832" t="s">
        <v>49</v>
      </c>
      <c r="BG832" s="1">
        <v>0</v>
      </c>
      <c r="BH832" t="s">
        <v>247</v>
      </c>
      <c r="BK832" t="s">
        <v>191</v>
      </c>
      <c r="BL832" t="s">
        <v>3440</v>
      </c>
      <c r="BM832" t="s">
        <v>191</v>
      </c>
      <c r="BN832" t="s">
        <v>3441</v>
      </c>
      <c r="BO832" t="s">
        <v>191</v>
      </c>
      <c r="BP832" t="s">
        <v>3442</v>
      </c>
    </row>
    <row r="833" spans="1:69" x14ac:dyDescent="0.25">
      <c r="A833" s="1">
        <v>30449848</v>
      </c>
      <c r="B833" t="s">
        <v>3129</v>
      </c>
      <c r="C833" t="s">
        <v>39</v>
      </c>
      <c r="D833" t="s">
        <v>3125</v>
      </c>
      <c r="L833" t="s">
        <v>52</v>
      </c>
      <c r="M833" s="1">
        <v>0</v>
      </c>
      <c r="N833" s="1">
        <v>0</v>
      </c>
      <c r="O833" t="s">
        <v>49</v>
      </c>
      <c r="P833" s="1">
        <v>0</v>
      </c>
      <c r="Q833" s="1">
        <v>0</v>
      </c>
      <c r="S833" s="1">
        <v>0</v>
      </c>
      <c r="T833" s="1">
        <v>0</v>
      </c>
      <c r="AC833" s="1">
        <v>0</v>
      </c>
      <c r="AD833" s="1">
        <v>0</v>
      </c>
      <c r="AE833" s="1">
        <v>0</v>
      </c>
      <c r="AF833" s="1">
        <v>0</v>
      </c>
      <c r="AG833" s="1">
        <v>0</v>
      </c>
      <c r="AH833" s="1">
        <v>0</v>
      </c>
      <c r="AI833" s="1">
        <v>0</v>
      </c>
      <c r="AJ833" s="1">
        <v>0</v>
      </c>
      <c r="AK833" s="1">
        <v>0</v>
      </c>
      <c r="AL833" s="1">
        <v>0</v>
      </c>
      <c r="AM833" s="1">
        <v>0</v>
      </c>
      <c r="AN833" s="1">
        <v>0</v>
      </c>
      <c r="AO833" s="1">
        <v>0</v>
      </c>
      <c r="AP833" s="1">
        <v>0</v>
      </c>
      <c r="AQ833" s="1">
        <v>0</v>
      </c>
      <c r="AR833" s="1">
        <v>0</v>
      </c>
      <c r="AS833" s="1">
        <v>0</v>
      </c>
      <c r="AT833" s="1">
        <v>0</v>
      </c>
      <c r="AU833" s="1">
        <v>0</v>
      </c>
      <c r="AV833" s="1">
        <v>0</v>
      </c>
      <c r="BF833" s="1">
        <v>0</v>
      </c>
      <c r="BG833" s="1">
        <v>0</v>
      </c>
      <c r="BH833" s="1">
        <v>0</v>
      </c>
      <c r="BK833" s="1">
        <v>0</v>
      </c>
      <c r="BM833" s="1">
        <v>0</v>
      </c>
      <c r="BO833" s="1">
        <v>0</v>
      </c>
    </row>
    <row r="834" spans="1:69" x14ac:dyDescent="0.25">
      <c r="A834" s="1">
        <v>30449850</v>
      </c>
      <c r="B834" t="s">
        <v>2836</v>
      </c>
      <c r="C834" t="s">
        <v>39</v>
      </c>
      <c r="D834" t="s">
        <v>2512</v>
      </c>
      <c r="E834" t="s">
        <v>175</v>
      </c>
      <c r="L834" t="s">
        <v>52</v>
      </c>
      <c r="M834" s="1">
        <v>0</v>
      </c>
      <c r="N834" s="1">
        <v>0</v>
      </c>
      <c r="O834" t="s">
        <v>2512</v>
      </c>
      <c r="P834" t="s">
        <v>176</v>
      </c>
      <c r="Q834" t="s">
        <v>238</v>
      </c>
      <c r="S834" t="s">
        <v>178</v>
      </c>
      <c r="T834" t="s">
        <v>175</v>
      </c>
      <c r="X834" t="s">
        <v>179</v>
      </c>
      <c r="AC834" t="s">
        <v>266</v>
      </c>
      <c r="AD834" t="s">
        <v>175</v>
      </c>
      <c r="AE834" t="s">
        <v>175</v>
      </c>
      <c r="AF834" t="s">
        <v>175</v>
      </c>
      <c r="AG834" t="s">
        <v>175</v>
      </c>
      <c r="AH834" t="s">
        <v>175</v>
      </c>
      <c r="AI834" t="s">
        <v>175</v>
      </c>
      <c r="AJ834" t="s">
        <v>175</v>
      </c>
      <c r="AK834" t="s">
        <v>175</v>
      </c>
      <c r="AL834" t="s">
        <v>42</v>
      </c>
      <c r="AM834" s="1">
        <v>0</v>
      </c>
      <c r="AN834" s="1">
        <v>0</v>
      </c>
      <c r="AO834" s="1">
        <v>0</v>
      </c>
      <c r="AP834" s="1">
        <v>0</v>
      </c>
      <c r="AQ834" s="1">
        <v>0</v>
      </c>
      <c r="AR834" s="1">
        <v>0</v>
      </c>
      <c r="AS834" s="1">
        <v>0</v>
      </c>
      <c r="AT834" s="1">
        <v>0</v>
      </c>
      <c r="AU834" s="1">
        <v>0</v>
      </c>
      <c r="AV834" s="1">
        <v>0</v>
      </c>
      <c r="BF834" s="1">
        <v>0</v>
      </c>
      <c r="BG834" s="1">
        <v>0</v>
      </c>
      <c r="BH834" s="1">
        <v>0</v>
      </c>
      <c r="BK834" s="1">
        <v>0</v>
      </c>
      <c r="BM834" s="1">
        <v>0</v>
      </c>
      <c r="BO834" s="1">
        <v>0</v>
      </c>
    </row>
    <row r="835" spans="1:69" x14ac:dyDescent="0.25">
      <c r="A835" s="1">
        <v>30449853</v>
      </c>
      <c r="B835" t="s">
        <v>3443</v>
      </c>
      <c r="C835" t="s">
        <v>39</v>
      </c>
      <c r="D835" t="s">
        <v>3138</v>
      </c>
      <c r="E835" t="s">
        <v>195</v>
      </c>
      <c r="L835" t="s">
        <v>52</v>
      </c>
      <c r="M835" s="1">
        <v>0</v>
      </c>
      <c r="N835" s="1">
        <v>0</v>
      </c>
      <c r="O835" t="s">
        <v>3139</v>
      </c>
      <c r="P835" t="s">
        <v>176</v>
      </c>
      <c r="Q835" t="s">
        <v>196</v>
      </c>
      <c r="S835" t="s">
        <v>178</v>
      </c>
      <c r="T835" s="1">
        <v>0</v>
      </c>
      <c r="X835" t="s">
        <v>179</v>
      </c>
      <c r="Y835" t="s">
        <v>224</v>
      </c>
      <c r="AC835" t="s">
        <v>49</v>
      </c>
      <c r="AD835" t="s">
        <v>175</v>
      </c>
      <c r="AE835" t="s">
        <v>175</v>
      </c>
      <c r="AF835" t="s">
        <v>181</v>
      </c>
      <c r="AG835" t="s">
        <v>181</v>
      </c>
      <c r="AH835" t="s">
        <v>175</v>
      </c>
      <c r="AI835" t="s">
        <v>175</v>
      </c>
      <c r="AJ835" t="s">
        <v>175</v>
      </c>
      <c r="AK835" t="s">
        <v>200</v>
      </c>
      <c r="AL835" t="s">
        <v>42</v>
      </c>
      <c r="AM835" t="s">
        <v>184</v>
      </c>
      <c r="AN835" t="s">
        <v>205</v>
      </c>
      <c r="AO835" t="s">
        <v>182</v>
      </c>
      <c r="AP835" t="s">
        <v>183</v>
      </c>
      <c r="AQ835" t="s">
        <v>204</v>
      </c>
      <c r="AR835" t="s">
        <v>202</v>
      </c>
      <c r="AS835" t="s">
        <v>203</v>
      </c>
      <c r="AT835" t="s">
        <v>206</v>
      </c>
      <c r="AU835" t="s">
        <v>201</v>
      </c>
      <c r="AV835" t="s">
        <v>185</v>
      </c>
      <c r="AX835" t="s">
        <v>186</v>
      </c>
      <c r="AY835" t="s">
        <v>187</v>
      </c>
      <c r="AZ835" t="s">
        <v>207</v>
      </c>
      <c r="BA835" t="s">
        <v>188</v>
      </c>
      <c r="BB835" t="s">
        <v>208</v>
      </c>
      <c r="BF835" t="s">
        <v>292</v>
      </c>
      <c r="BG835" t="s">
        <v>301</v>
      </c>
      <c r="BH835" t="s">
        <v>190</v>
      </c>
      <c r="BK835" t="s">
        <v>218</v>
      </c>
      <c r="BL835" t="s">
        <v>3444</v>
      </c>
      <c r="BM835" t="s">
        <v>191</v>
      </c>
      <c r="BN835" t="s">
        <v>3445</v>
      </c>
      <c r="BO835" t="s">
        <v>191</v>
      </c>
      <c r="BP835" t="s">
        <v>3446</v>
      </c>
    </row>
    <row r="836" spans="1:69" x14ac:dyDescent="0.25">
      <c r="A836" s="1">
        <v>30449854</v>
      </c>
      <c r="B836" t="s">
        <v>1319</v>
      </c>
      <c r="C836" t="s">
        <v>39</v>
      </c>
      <c r="D836" t="s">
        <v>942</v>
      </c>
      <c r="E836" t="s">
        <v>175</v>
      </c>
      <c r="L836" t="s">
        <v>52</v>
      </c>
      <c r="M836" s="1">
        <v>0</v>
      </c>
      <c r="N836" s="1">
        <v>0</v>
      </c>
      <c r="O836" t="s">
        <v>942</v>
      </c>
      <c r="P836" t="s">
        <v>216</v>
      </c>
      <c r="Q836" t="s">
        <v>322</v>
      </c>
      <c r="S836" s="1">
        <v>0</v>
      </c>
      <c r="T836" t="s">
        <v>175</v>
      </c>
      <c r="AA836" t="s">
        <v>273</v>
      </c>
      <c r="AB836" t="s">
        <v>1320</v>
      </c>
      <c r="AC836" t="s">
        <v>199</v>
      </c>
      <c r="AD836" s="1">
        <v>0</v>
      </c>
      <c r="AE836" s="1">
        <v>0</v>
      </c>
      <c r="AF836" s="1">
        <v>0</v>
      </c>
      <c r="AG836" s="1">
        <v>0</v>
      </c>
      <c r="AH836" t="s">
        <v>175</v>
      </c>
      <c r="AI836" s="1">
        <v>0</v>
      </c>
      <c r="AJ836" s="1">
        <v>0</v>
      </c>
      <c r="AK836" s="1">
        <v>0</v>
      </c>
      <c r="AL836" t="s">
        <v>42</v>
      </c>
      <c r="AM836" t="s">
        <v>205</v>
      </c>
      <c r="AN836" t="s">
        <v>183</v>
      </c>
      <c r="AO836" t="s">
        <v>182</v>
      </c>
      <c r="AP836" t="s">
        <v>185</v>
      </c>
      <c r="AQ836" t="s">
        <v>202</v>
      </c>
      <c r="AR836" t="s">
        <v>184</v>
      </c>
      <c r="AS836" t="s">
        <v>203</v>
      </c>
      <c r="AT836" t="s">
        <v>201</v>
      </c>
      <c r="AU836" t="s">
        <v>206</v>
      </c>
      <c r="AV836" t="s">
        <v>204</v>
      </c>
      <c r="AW836" t="s">
        <v>1321</v>
      </c>
      <c r="AZ836" t="s">
        <v>207</v>
      </c>
      <c r="BF836" t="s">
        <v>189</v>
      </c>
      <c r="BG836" s="1">
        <v>0</v>
      </c>
      <c r="BH836" t="s">
        <v>211</v>
      </c>
      <c r="BK836" t="s">
        <v>191</v>
      </c>
      <c r="BL836" t="s">
        <v>1322</v>
      </c>
      <c r="BM836" t="s">
        <v>191</v>
      </c>
      <c r="BO836" t="s">
        <v>191</v>
      </c>
      <c r="BQ836" t="s">
        <v>1323</v>
      </c>
    </row>
    <row r="837" spans="1:69" x14ac:dyDescent="0.25">
      <c r="A837" s="1">
        <v>30449856</v>
      </c>
      <c r="B837" t="s">
        <v>2055</v>
      </c>
      <c r="C837" t="s">
        <v>39</v>
      </c>
      <c r="D837" t="s">
        <v>1616</v>
      </c>
      <c r="E837" t="s">
        <v>195</v>
      </c>
      <c r="L837" t="s">
        <v>52</v>
      </c>
      <c r="M837" s="1">
        <v>0</v>
      </c>
      <c r="N837" s="1">
        <v>0</v>
      </c>
      <c r="O837" t="s">
        <v>1616</v>
      </c>
      <c r="P837" t="s">
        <v>176</v>
      </c>
      <c r="Q837" t="s">
        <v>196</v>
      </c>
      <c r="S837" s="1">
        <v>0</v>
      </c>
      <c r="T837" s="1">
        <v>0</v>
      </c>
      <c r="AC837" s="1">
        <v>0</v>
      </c>
      <c r="AD837" s="1">
        <v>0</v>
      </c>
      <c r="AE837" s="1">
        <v>0</v>
      </c>
      <c r="AF837" s="1">
        <v>0</v>
      </c>
      <c r="AG837" s="1">
        <v>0</v>
      </c>
      <c r="AH837" s="1">
        <v>0</v>
      </c>
      <c r="AI837" s="1">
        <v>0</v>
      </c>
      <c r="AJ837" s="1">
        <v>0</v>
      </c>
      <c r="AK837" s="1">
        <v>0</v>
      </c>
      <c r="AL837" s="1">
        <v>0</v>
      </c>
      <c r="AM837" s="1">
        <v>0</v>
      </c>
      <c r="AN837" s="1">
        <v>0</v>
      </c>
      <c r="AO837" s="1">
        <v>0</v>
      </c>
      <c r="AP837" s="1">
        <v>0</v>
      </c>
      <c r="AQ837" s="1">
        <v>0</v>
      </c>
      <c r="AR837" s="1">
        <v>0</v>
      </c>
      <c r="AS837" s="1">
        <v>0</v>
      </c>
      <c r="AT837" s="1">
        <v>0</v>
      </c>
      <c r="AU837" s="1">
        <v>0</v>
      </c>
      <c r="AV837" s="1">
        <v>0</v>
      </c>
      <c r="BF837" s="1">
        <v>0</v>
      </c>
      <c r="BG837" s="1">
        <v>0</v>
      </c>
      <c r="BH837" s="1">
        <v>0</v>
      </c>
      <c r="BK837" s="1">
        <v>0</v>
      </c>
      <c r="BM837" s="1">
        <v>0</v>
      </c>
      <c r="BO837" s="1">
        <v>0</v>
      </c>
    </row>
    <row r="838" spans="1:69" x14ac:dyDescent="0.25">
      <c r="A838" s="1">
        <v>30449857</v>
      </c>
      <c r="B838" t="s">
        <v>2056</v>
      </c>
      <c r="C838" t="s">
        <v>39</v>
      </c>
      <c r="D838" t="s">
        <v>1616</v>
      </c>
      <c r="E838" t="s">
        <v>200</v>
      </c>
      <c r="L838" t="s">
        <v>52</v>
      </c>
      <c r="M838" s="1">
        <v>0</v>
      </c>
      <c r="N838" s="1">
        <v>0</v>
      </c>
      <c r="O838" t="s">
        <v>1616</v>
      </c>
      <c r="P838" t="s">
        <v>216</v>
      </c>
      <c r="Q838" t="s">
        <v>322</v>
      </c>
      <c r="S838" s="1">
        <v>0</v>
      </c>
      <c r="T838" t="s">
        <v>200</v>
      </c>
      <c r="Z838" t="s">
        <v>244</v>
      </c>
      <c r="AC838" t="s">
        <v>199</v>
      </c>
      <c r="AD838" t="s">
        <v>181</v>
      </c>
      <c r="AE838" t="s">
        <v>299</v>
      </c>
      <c r="AF838" t="s">
        <v>181</v>
      </c>
      <c r="AG838" t="s">
        <v>299</v>
      </c>
      <c r="AH838" t="s">
        <v>299</v>
      </c>
      <c r="AI838" t="s">
        <v>299</v>
      </c>
      <c r="AJ838" t="s">
        <v>181</v>
      </c>
      <c r="AK838" t="s">
        <v>299</v>
      </c>
      <c r="AL838" t="s">
        <v>52</v>
      </c>
      <c r="AM838" t="s">
        <v>185</v>
      </c>
      <c r="AN838" t="s">
        <v>182</v>
      </c>
      <c r="AO838" t="s">
        <v>201</v>
      </c>
      <c r="AP838" t="s">
        <v>183</v>
      </c>
      <c r="AQ838" t="s">
        <v>202</v>
      </c>
      <c r="AR838" t="s">
        <v>203</v>
      </c>
      <c r="AS838" t="s">
        <v>204</v>
      </c>
      <c r="AT838" t="s">
        <v>184</v>
      </c>
      <c r="AU838" t="s">
        <v>206</v>
      </c>
      <c r="AV838" t="s">
        <v>205</v>
      </c>
      <c r="AX838" t="s">
        <v>186</v>
      </c>
      <c r="AY838" t="s">
        <v>187</v>
      </c>
      <c r="AZ838" t="s">
        <v>207</v>
      </c>
      <c r="BA838" t="s">
        <v>188</v>
      </c>
      <c r="BF838" t="s">
        <v>210</v>
      </c>
      <c r="BG838" s="1">
        <v>0</v>
      </c>
      <c r="BH838" t="s">
        <v>190</v>
      </c>
      <c r="BK838" t="s">
        <v>191</v>
      </c>
      <c r="BL838" t="s">
        <v>2057</v>
      </c>
      <c r="BM838" t="s">
        <v>218</v>
      </c>
      <c r="BN838" t="s">
        <v>2058</v>
      </c>
      <c r="BO838" t="s">
        <v>218</v>
      </c>
      <c r="BP838" t="s">
        <v>2059</v>
      </c>
      <c r="BQ838" t="s">
        <v>1581</v>
      </c>
    </row>
    <row r="839" spans="1:69" x14ac:dyDescent="0.25">
      <c r="A839" s="1">
        <v>30449859</v>
      </c>
      <c r="B839" t="s">
        <v>2060</v>
      </c>
      <c r="C839" t="s">
        <v>39</v>
      </c>
      <c r="D839" t="s">
        <v>1616</v>
      </c>
      <c r="E839" t="s">
        <v>216</v>
      </c>
      <c r="L839" t="s">
        <v>52</v>
      </c>
      <c r="M839" s="1">
        <v>0</v>
      </c>
      <c r="N839" s="1">
        <v>0</v>
      </c>
      <c r="O839" t="s">
        <v>1616</v>
      </c>
      <c r="P839" t="s">
        <v>216</v>
      </c>
      <c r="Q839" t="s">
        <v>196</v>
      </c>
      <c r="S839" s="1">
        <v>0</v>
      </c>
      <c r="T839" t="s">
        <v>197</v>
      </c>
      <c r="AC839" t="s">
        <v>180</v>
      </c>
      <c r="AD839" t="s">
        <v>181</v>
      </c>
      <c r="AE839" t="s">
        <v>181</v>
      </c>
      <c r="AF839" t="s">
        <v>181</v>
      </c>
      <c r="AG839" t="s">
        <v>181</v>
      </c>
      <c r="AH839" t="s">
        <v>181</v>
      </c>
      <c r="AI839" t="s">
        <v>181</v>
      </c>
      <c r="AJ839" t="s">
        <v>181</v>
      </c>
      <c r="AK839" t="s">
        <v>181</v>
      </c>
      <c r="AL839" t="s">
        <v>42</v>
      </c>
      <c r="AM839" s="1">
        <v>0</v>
      </c>
      <c r="AN839" s="1">
        <v>0</v>
      </c>
      <c r="AO839" s="1">
        <v>0</v>
      </c>
      <c r="AP839" s="1">
        <v>0</v>
      </c>
      <c r="AQ839" s="1">
        <v>0</v>
      </c>
      <c r="AR839" s="1">
        <v>0</v>
      </c>
      <c r="AS839" s="1">
        <v>0</v>
      </c>
      <c r="AT839" s="1">
        <v>0</v>
      </c>
      <c r="AU839" s="1">
        <v>0</v>
      </c>
      <c r="AV839" s="1">
        <v>0</v>
      </c>
      <c r="AX839" t="s">
        <v>186</v>
      </c>
      <c r="AY839" t="s">
        <v>187</v>
      </c>
      <c r="AZ839" t="s">
        <v>207</v>
      </c>
      <c r="BA839" t="s">
        <v>188</v>
      </c>
      <c r="BB839" t="s">
        <v>208</v>
      </c>
      <c r="BC839" t="s">
        <v>209</v>
      </c>
      <c r="BF839" t="s">
        <v>49</v>
      </c>
      <c r="BG839" s="1">
        <v>0</v>
      </c>
      <c r="BH839" t="s">
        <v>211</v>
      </c>
      <c r="BK839" t="s">
        <v>191</v>
      </c>
      <c r="BL839" t="s">
        <v>2061</v>
      </c>
      <c r="BM839" t="s">
        <v>191</v>
      </c>
      <c r="BN839" t="s">
        <v>2062</v>
      </c>
      <c r="BO839" t="s">
        <v>191</v>
      </c>
    </row>
    <row r="840" spans="1:69" x14ac:dyDescent="0.25">
      <c r="A840" s="1">
        <v>30449860</v>
      </c>
      <c r="B840" t="s">
        <v>97</v>
      </c>
      <c r="C840" t="s">
        <v>39</v>
      </c>
      <c r="L840" s="1">
        <v>0</v>
      </c>
      <c r="M840" s="1">
        <v>0</v>
      </c>
      <c r="N840" s="1">
        <v>0</v>
      </c>
      <c r="O840" s="1">
        <v>0</v>
      </c>
      <c r="P840" s="1">
        <v>0</v>
      </c>
      <c r="Q840" s="1">
        <v>0</v>
      </c>
      <c r="S840" s="1">
        <v>0</v>
      </c>
      <c r="T840" s="1">
        <v>0</v>
      </c>
      <c r="AC840" s="1">
        <v>0</v>
      </c>
      <c r="AD840" s="1">
        <v>0</v>
      </c>
      <c r="AE840" s="1">
        <v>0</v>
      </c>
      <c r="AF840" s="1">
        <v>0</v>
      </c>
      <c r="AG840" s="1">
        <v>0</v>
      </c>
      <c r="AH840" s="1">
        <v>0</v>
      </c>
      <c r="AI840" s="1">
        <v>0</v>
      </c>
      <c r="AJ840" s="1">
        <v>0</v>
      </c>
      <c r="AK840" s="1">
        <v>0</v>
      </c>
      <c r="AL840" s="1">
        <v>0</v>
      </c>
      <c r="AM840" s="1">
        <v>0</v>
      </c>
      <c r="AN840" s="1">
        <v>0</v>
      </c>
      <c r="AO840" s="1">
        <v>0</v>
      </c>
      <c r="AP840" s="1">
        <v>0</v>
      </c>
      <c r="AQ840" s="1">
        <v>0</v>
      </c>
      <c r="AR840" s="1">
        <v>0</v>
      </c>
      <c r="AS840" s="1">
        <v>0</v>
      </c>
      <c r="AT840" s="1">
        <v>0</v>
      </c>
      <c r="AU840" s="1">
        <v>0</v>
      </c>
      <c r="AV840" s="1">
        <v>0</v>
      </c>
      <c r="BF840" s="1">
        <v>0</v>
      </c>
      <c r="BG840" s="1">
        <v>0</v>
      </c>
      <c r="BH840" s="1">
        <v>0</v>
      </c>
      <c r="BK840" s="1">
        <v>0</v>
      </c>
      <c r="BM840" s="1">
        <v>0</v>
      </c>
      <c r="BO840" s="1">
        <v>0</v>
      </c>
    </row>
    <row r="841" spans="1:69" x14ac:dyDescent="0.25">
      <c r="A841" s="1">
        <v>30449864</v>
      </c>
      <c r="B841" t="s">
        <v>2837</v>
      </c>
      <c r="C841" t="s">
        <v>39</v>
      </c>
      <c r="D841" t="s">
        <v>2512</v>
      </c>
      <c r="E841" t="s">
        <v>195</v>
      </c>
      <c r="L841" t="s">
        <v>52</v>
      </c>
      <c r="M841" s="1">
        <v>0</v>
      </c>
      <c r="N841" s="1">
        <v>0</v>
      </c>
      <c r="O841" t="s">
        <v>2512</v>
      </c>
      <c r="P841" t="s">
        <v>176</v>
      </c>
      <c r="Q841" t="s">
        <v>238</v>
      </c>
      <c r="S841" t="s">
        <v>178</v>
      </c>
      <c r="T841" t="s">
        <v>197</v>
      </c>
      <c r="W841" t="s">
        <v>262</v>
      </c>
      <c r="X841" t="s">
        <v>179</v>
      </c>
      <c r="Y841" t="s">
        <v>224</v>
      </c>
      <c r="AC841" t="s">
        <v>266</v>
      </c>
      <c r="AD841" t="s">
        <v>181</v>
      </c>
      <c r="AE841" t="s">
        <v>181</v>
      </c>
      <c r="AF841" t="s">
        <v>230</v>
      </c>
      <c r="AG841" t="s">
        <v>230</v>
      </c>
      <c r="AH841" t="s">
        <v>175</v>
      </c>
      <c r="AI841" t="s">
        <v>230</v>
      </c>
      <c r="AJ841" t="s">
        <v>181</v>
      </c>
      <c r="AK841" t="s">
        <v>175</v>
      </c>
      <c r="AL841" t="s">
        <v>52</v>
      </c>
      <c r="AM841" t="s">
        <v>201</v>
      </c>
      <c r="AN841" t="s">
        <v>203</v>
      </c>
      <c r="AO841" t="s">
        <v>206</v>
      </c>
      <c r="AP841" t="s">
        <v>182</v>
      </c>
      <c r="AQ841" t="s">
        <v>185</v>
      </c>
      <c r="AR841" t="s">
        <v>184</v>
      </c>
      <c r="AS841" t="s">
        <v>183</v>
      </c>
      <c r="AT841" t="s">
        <v>202</v>
      </c>
      <c r="AU841" t="s">
        <v>204</v>
      </c>
      <c r="AV841" t="s">
        <v>205</v>
      </c>
      <c r="AX841" t="s">
        <v>186</v>
      </c>
      <c r="AY841" t="s">
        <v>187</v>
      </c>
      <c r="AZ841" t="s">
        <v>207</v>
      </c>
      <c r="BA841" t="s">
        <v>188</v>
      </c>
      <c r="BC841" t="s">
        <v>209</v>
      </c>
      <c r="BF841" t="s">
        <v>210</v>
      </c>
      <c r="BG841" s="1">
        <v>0</v>
      </c>
      <c r="BH841" t="s">
        <v>247</v>
      </c>
      <c r="BK841" t="s">
        <v>191</v>
      </c>
      <c r="BM841" t="s">
        <v>191</v>
      </c>
      <c r="BO841" t="s">
        <v>218</v>
      </c>
      <c r="BQ841" t="s">
        <v>2838</v>
      </c>
    </row>
    <row r="842" spans="1:69" x14ac:dyDescent="0.25">
      <c r="A842" s="1">
        <v>30449865</v>
      </c>
      <c r="B842" t="s">
        <v>4197</v>
      </c>
      <c r="C842" t="s">
        <v>39</v>
      </c>
      <c r="D842" t="s">
        <v>3727</v>
      </c>
      <c r="E842" t="s">
        <v>195</v>
      </c>
      <c r="L842" t="s">
        <v>52</v>
      </c>
      <c r="M842" s="1">
        <v>0</v>
      </c>
      <c r="N842" s="1">
        <v>0</v>
      </c>
      <c r="O842" t="s">
        <v>3728</v>
      </c>
      <c r="P842" t="s">
        <v>176</v>
      </c>
      <c r="Q842" t="s">
        <v>258</v>
      </c>
      <c r="S842" t="s">
        <v>178</v>
      </c>
      <c r="T842" t="s">
        <v>197</v>
      </c>
      <c r="V842" t="s">
        <v>397</v>
      </c>
      <c r="Z842" t="s">
        <v>244</v>
      </c>
      <c r="AC842" t="s">
        <v>199</v>
      </c>
      <c r="AD842" t="s">
        <v>181</v>
      </c>
      <c r="AE842" t="s">
        <v>181</v>
      </c>
      <c r="AF842" t="s">
        <v>181</v>
      </c>
      <c r="AG842" t="s">
        <v>181</v>
      </c>
      <c r="AH842" t="s">
        <v>175</v>
      </c>
      <c r="AI842" t="s">
        <v>175</v>
      </c>
      <c r="AJ842" t="s">
        <v>175</v>
      </c>
      <c r="AK842" t="s">
        <v>181</v>
      </c>
      <c r="AL842" t="s">
        <v>49</v>
      </c>
      <c r="AM842" t="s">
        <v>204</v>
      </c>
      <c r="AN842" t="s">
        <v>201</v>
      </c>
      <c r="AO842" t="s">
        <v>185</v>
      </c>
      <c r="AP842" t="s">
        <v>205</v>
      </c>
      <c r="AQ842" t="s">
        <v>183</v>
      </c>
      <c r="AR842" t="s">
        <v>206</v>
      </c>
      <c r="AS842" t="s">
        <v>203</v>
      </c>
      <c r="AT842" t="s">
        <v>184</v>
      </c>
      <c r="AU842" t="s">
        <v>182</v>
      </c>
      <c r="AV842" t="s">
        <v>202</v>
      </c>
      <c r="AW842" t="s">
        <v>4198</v>
      </c>
      <c r="AX842" t="s">
        <v>186</v>
      </c>
      <c r="AY842" t="s">
        <v>187</v>
      </c>
      <c r="AZ842" t="s">
        <v>207</v>
      </c>
      <c r="BB842" t="s">
        <v>208</v>
      </c>
      <c r="BF842" t="s">
        <v>189</v>
      </c>
      <c r="BG842" s="1">
        <v>0</v>
      </c>
      <c r="BH842" t="s">
        <v>247</v>
      </c>
      <c r="BK842" t="s">
        <v>191</v>
      </c>
      <c r="BM842" t="s">
        <v>191</v>
      </c>
      <c r="BO842" t="s">
        <v>218</v>
      </c>
      <c r="BQ842" t="s">
        <v>4199</v>
      </c>
    </row>
    <row r="843" spans="1:69" x14ac:dyDescent="0.25">
      <c r="A843" s="1">
        <v>30449866</v>
      </c>
      <c r="B843" t="s">
        <v>2063</v>
      </c>
      <c r="C843" t="s">
        <v>39</v>
      </c>
      <c r="D843" t="s">
        <v>1616</v>
      </c>
      <c r="E843" t="s">
        <v>200</v>
      </c>
      <c r="L843" t="s">
        <v>52</v>
      </c>
      <c r="M843" s="1">
        <v>0</v>
      </c>
      <c r="N843" s="1">
        <v>0</v>
      </c>
      <c r="O843" t="s">
        <v>1616</v>
      </c>
      <c r="P843" t="s">
        <v>176</v>
      </c>
      <c r="Q843" t="s">
        <v>196</v>
      </c>
      <c r="S843" t="s">
        <v>222</v>
      </c>
      <c r="T843" t="s">
        <v>200</v>
      </c>
      <c r="Z843" t="s">
        <v>244</v>
      </c>
      <c r="AC843" t="s">
        <v>180</v>
      </c>
      <c r="AD843" t="s">
        <v>200</v>
      </c>
      <c r="AE843" t="s">
        <v>200</v>
      </c>
      <c r="AF843" t="s">
        <v>200</v>
      </c>
      <c r="AG843" t="s">
        <v>200</v>
      </c>
      <c r="AH843" t="s">
        <v>200</v>
      </c>
      <c r="AI843" t="s">
        <v>200</v>
      </c>
      <c r="AJ843" t="s">
        <v>200</v>
      </c>
      <c r="AK843" t="s">
        <v>200</v>
      </c>
      <c r="AL843" t="s">
        <v>52</v>
      </c>
      <c r="AM843" t="s">
        <v>201</v>
      </c>
      <c r="AN843" t="s">
        <v>182</v>
      </c>
      <c r="AO843" t="s">
        <v>185</v>
      </c>
      <c r="AP843" t="s">
        <v>206</v>
      </c>
      <c r="AQ843" t="s">
        <v>202</v>
      </c>
      <c r="AR843" t="s">
        <v>203</v>
      </c>
      <c r="AS843" t="s">
        <v>205</v>
      </c>
      <c r="AT843" t="s">
        <v>183</v>
      </c>
      <c r="AU843" t="s">
        <v>184</v>
      </c>
      <c r="AV843" t="s">
        <v>204</v>
      </c>
      <c r="BA843" t="s">
        <v>188</v>
      </c>
      <c r="BF843" t="s">
        <v>210</v>
      </c>
      <c r="BG843" s="1">
        <v>0</v>
      </c>
      <c r="BH843" t="s">
        <v>211</v>
      </c>
      <c r="BK843" t="s">
        <v>191</v>
      </c>
      <c r="BM843" t="s">
        <v>218</v>
      </c>
      <c r="BO843" t="s">
        <v>218</v>
      </c>
    </row>
    <row r="844" spans="1:69" x14ac:dyDescent="0.25">
      <c r="A844" s="1">
        <v>30449867</v>
      </c>
      <c r="B844" t="s">
        <v>2839</v>
      </c>
      <c r="C844" t="s">
        <v>39</v>
      </c>
      <c r="D844" t="s">
        <v>2512</v>
      </c>
      <c r="E844" t="s">
        <v>200</v>
      </c>
      <c r="L844" t="s">
        <v>52</v>
      </c>
      <c r="M844" s="1">
        <v>0</v>
      </c>
      <c r="N844" s="1">
        <v>0</v>
      </c>
      <c r="O844" t="s">
        <v>2512</v>
      </c>
      <c r="P844" t="s">
        <v>216</v>
      </c>
      <c r="Q844" t="s">
        <v>322</v>
      </c>
      <c r="S844" s="1">
        <v>0</v>
      </c>
      <c r="T844" t="s">
        <v>200</v>
      </c>
      <c r="AA844" t="s">
        <v>273</v>
      </c>
      <c r="AB844" t="s">
        <v>2840</v>
      </c>
      <c r="AC844" t="s">
        <v>199</v>
      </c>
      <c r="AD844" t="s">
        <v>200</v>
      </c>
      <c r="AE844" t="s">
        <v>200</v>
      </c>
      <c r="AF844" t="s">
        <v>200</v>
      </c>
      <c r="AG844" t="s">
        <v>200</v>
      </c>
      <c r="AH844" t="s">
        <v>200</v>
      </c>
      <c r="AI844" t="s">
        <v>200</v>
      </c>
      <c r="AJ844" t="s">
        <v>200</v>
      </c>
      <c r="AK844" t="s">
        <v>200</v>
      </c>
      <c r="AL844" t="s">
        <v>42</v>
      </c>
      <c r="AM844" t="s">
        <v>205</v>
      </c>
      <c r="AN844" t="s">
        <v>182</v>
      </c>
      <c r="AO844" t="s">
        <v>201</v>
      </c>
      <c r="AP844" t="s">
        <v>183</v>
      </c>
      <c r="AQ844" t="s">
        <v>202</v>
      </c>
      <c r="AR844" t="s">
        <v>204</v>
      </c>
      <c r="AS844" t="s">
        <v>203</v>
      </c>
      <c r="AT844" t="s">
        <v>185</v>
      </c>
      <c r="AU844" t="s">
        <v>184</v>
      </c>
      <c r="AV844" t="s">
        <v>206</v>
      </c>
      <c r="AW844" t="s">
        <v>737</v>
      </c>
      <c r="AX844" t="s">
        <v>186</v>
      </c>
      <c r="AZ844" t="s">
        <v>207</v>
      </c>
      <c r="BA844" t="s">
        <v>188</v>
      </c>
      <c r="BB844" t="s">
        <v>208</v>
      </c>
      <c r="BF844" t="s">
        <v>49</v>
      </c>
      <c r="BG844" s="1">
        <v>0</v>
      </c>
      <c r="BH844" t="s">
        <v>464</v>
      </c>
      <c r="BK844" t="s">
        <v>191</v>
      </c>
      <c r="BL844" t="s">
        <v>1093</v>
      </c>
      <c r="BM844" s="1">
        <v>0</v>
      </c>
      <c r="BN844" t="s">
        <v>2841</v>
      </c>
      <c r="BO844" t="s">
        <v>218</v>
      </c>
      <c r="BP844" t="s">
        <v>2842</v>
      </c>
      <c r="BQ844" t="s">
        <v>2843</v>
      </c>
    </row>
    <row r="845" spans="1:69" x14ac:dyDescent="0.25">
      <c r="A845" s="1">
        <v>30449870</v>
      </c>
      <c r="B845" t="s">
        <v>591</v>
      </c>
      <c r="C845" t="s">
        <v>39</v>
      </c>
      <c r="D845" t="s">
        <v>174</v>
      </c>
      <c r="E845" t="s">
        <v>200</v>
      </c>
      <c r="L845" t="s">
        <v>52</v>
      </c>
      <c r="M845" s="1">
        <v>0</v>
      </c>
      <c r="N845" s="1">
        <v>0</v>
      </c>
      <c r="O845" t="s">
        <v>174</v>
      </c>
      <c r="P845" t="s">
        <v>216</v>
      </c>
      <c r="Q845" t="s">
        <v>196</v>
      </c>
      <c r="S845" s="1">
        <v>0</v>
      </c>
      <c r="T845" t="s">
        <v>200</v>
      </c>
      <c r="Y845" t="s">
        <v>224</v>
      </c>
      <c r="AC845" t="s">
        <v>180</v>
      </c>
      <c r="AD845" t="s">
        <v>175</v>
      </c>
      <c r="AE845" t="s">
        <v>175</v>
      </c>
      <c r="AF845" t="s">
        <v>175</v>
      </c>
      <c r="AG845" t="s">
        <v>175</v>
      </c>
      <c r="AH845" t="s">
        <v>175</v>
      </c>
      <c r="AI845" t="s">
        <v>175</v>
      </c>
      <c r="AJ845" t="s">
        <v>175</v>
      </c>
      <c r="AK845" t="s">
        <v>175</v>
      </c>
      <c r="AL845" t="s">
        <v>52</v>
      </c>
      <c r="AM845" t="s">
        <v>185</v>
      </c>
      <c r="AN845" t="s">
        <v>204</v>
      </c>
      <c r="AO845" t="s">
        <v>184</v>
      </c>
      <c r="AP845" t="s">
        <v>205</v>
      </c>
      <c r="AQ845" t="s">
        <v>202</v>
      </c>
      <c r="AR845" t="s">
        <v>203</v>
      </c>
      <c r="AS845" t="s">
        <v>183</v>
      </c>
      <c r="AT845" t="s">
        <v>201</v>
      </c>
      <c r="AU845" t="s">
        <v>182</v>
      </c>
      <c r="AV845" t="s">
        <v>206</v>
      </c>
      <c r="AX845" t="s">
        <v>186</v>
      </c>
      <c r="AY845" t="s">
        <v>187</v>
      </c>
      <c r="AZ845" t="s">
        <v>207</v>
      </c>
      <c r="BA845" t="s">
        <v>188</v>
      </c>
      <c r="BB845" t="s">
        <v>208</v>
      </c>
      <c r="BC845" t="s">
        <v>209</v>
      </c>
      <c r="BF845" t="s">
        <v>292</v>
      </c>
      <c r="BG845" t="s">
        <v>315</v>
      </c>
      <c r="BH845" t="s">
        <v>211</v>
      </c>
      <c r="BK845" s="1">
        <v>0</v>
      </c>
      <c r="BM845" s="1">
        <v>0</v>
      </c>
      <c r="BO845" s="1">
        <v>0</v>
      </c>
    </row>
    <row r="846" spans="1:69" x14ac:dyDescent="0.25">
      <c r="A846" s="1">
        <v>30449871</v>
      </c>
      <c r="B846" t="s">
        <v>592</v>
      </c>
      <c r="C846" t="s">
        <v>39</v>
      </c>
      <c r="D846" t="s">
        <v>174</v>
      </c>
      <c r="E846" t="s">
        <v>216</v>
      </c>
      <c r="L846" t="s">
        <v>52</v>
      </c>
      <c r="M846" s="1">
        <v>0</v>
      </c>
      <c r="N846" s="1">
        <v>0</v>
      </c>
      <c r="O846" t="s">
        <v>174</v>
      </c>
      <c r="P846" t="s">
        <v>216</v>
      </c>
      <c r="Q846" t="s">
        <v>196</v>
      </c>
      <c r="S846" s="1">
        <v>0</v>
      </c>
      <c r="T846" t="s">
        <v>197</v>
      </c>
      <c r="U846" t="s">
        <v>593</v>
      </c>
      <c r="Z846" t="s">
        <v>244</v>
      </c>
      <c r="AC846" t="s">
        <v>199</v>
      </c>
      <c r="AD846" t="s">
        <v>175</v>
      </c>
      <c r="AE846" t="s">
        <v>181</v>
      </c>
      <c r="AF846" t="s">
        <v>181</v>
      </c>
      <c r="AG846" t="s">
        <v>175</v>
      </c>
      <c r="AH846" t="s">
        <v>181</v>
      </c>
      <c r="AI846" t="s">
        <v>230</v>
      </c>
      <c r="AJ846" t="s">
        <v>181</v>
      </c>
      <c r="AK846" t="s">
        <v>175</v>
      </c>
      <c r="AL846" t="s">
        <v>52</v>
      </c>
      <c r="AM846" s="1">
        <v>0</v>
      </c>
      <c r="AN846" s="1">
        <v>0</v>
      </c>
      <c r="AO846" s="1">
        <v>0</v>
      </c>
      <c r="AP846" s="1">
        <v>0</v>
      </c>
      <c r="AQ846" s="1">
        <v>0</v>
      </c>
      <c r="AR846" s="1">
        <v>0</v>
      </c>
      <c r="AS846" s="1">
        <v>0</v>
      </c>
      <c r="AT846" s="1">
        <v>0</v>
      </c>
      <c r="AU846" s="1">
        <v>0</v>
      </c>
      <c r="AV846" s="1">
        <v>0</v>
      </c>
      <c r="AW846" t="s">
        <v>594</v>
      </c>
      <c r="AX846" t="s">
        <v>186</v>
      </c>
      <c r="AZ846" t="s">
        <v>207</v>
      </c>
      <c r="BA846" t="s">
        <v>188</v>
      </c>
      <c r="BF846" t="s">
        <v>232</v>
      </c>
      <c r="BG846" t="s">
        <v>315</v>
      </c>
      <c r="BH846" t="s">
        <v>211</v>
      </c>
      <c r="BK846" t="s">
        <v>191</v>
      </c>
      <c r="BL846" t="s">
        <v>595</v>
      </c>
      <c r="BM846" t="s">
        <v>218</v>
      </c>
      <c r="BO846" t="s">
        <v>218</v>
      </c>
      <c r="BP846" t="s">
        <v>596</v>
      </c>
      <c r="BQ846" t="s">
        <v>597</v>
      </c>
    </row>
    <row r="847" spans="1:69" x14ac:dyDescent="0.25">
      <c r="A847" s="1">
        <v>30449872</v>
      </c>
      <c r="B847" t="s">
        <v>1324</v>
      </c>
      <c r="C847" t="s">
        <v>39</v>
      </c>
      <c r="D847" t="s">
        <v>942</v>
      </c>
      <c r="E847" t="s">
        <v>175</v>
      </c>
      <c r="L847" t="s">
        <v>52</v>
      </c>
      <c r="M847" s="1">
        <v>0</v>
      </c>
      <c r="N847" s="1">
        <v>0</v>
      </c>
      <c r="O847" t="s">
        <v>942</v>
      </c>
      <c r="P847" t="s">
        <v>216</v>
      </c>
      <c r="Q847" t="s">
        <v>322</v>
      </c>
      <c r="S847" s="1">
        <v>0</v>
      </c>
      <c r="T847" t="s">
        <v>175</v>
      </c>
      <c r="AA847" t="s">
        <v>273</v>
      </c>
      <c r="AB847" t="s">
        <v>1121</v>
      </c>
      <c r="AC847" t="s">
        <v>180</v>
      </c>
      <c r="AD847" t="s">
        <v>175</v>
      </c>
      <c r="AE847" t="s">
        <v>175</v>
      </c>
      <c r="AF847" t="s">
        <v>175</v>
      </c>
      <c r="AG847" t="s">
        <v>175</v>
      </c>
      <c r="AH847" t="s">
        <v>175</v>
      </c>
      <c r="AI847" t="s">
        <v>175</v>
      </c>
      <c r="AJ847" t="s">
        <v>175</v>
      </c>
      <c r="AK847" t="s">
        <v>175</v>
      </c>
      <c r="AL847" t="s">
        <v>52</v>
      </c>
      <c r="AM847" t="s">
        <v>183</v>
      </c>
      <c r="AN847" t="s">
        <v>184</v>
      </c>
      <c r="AO847" t="s">
        <v>204</v>
      </c>
      <c r="AP847" t="s">
        <v>201</v>
      </c>
      <c r="AQ847" t="s">
        <v>185</v>
      </c>
      <c r="AR847" t="s">
        <v>206</v>
      </c>
      <c r="AS847" t="s">
        <v>203</v>
      </c>
      <c r="AT847" t="s">
        <v>182</v>
      </c>
      <c r="AU847" t="s">
        <v>205</v>
      </c>
      <c r="AV847" t="s">
        <v>202</v>
      </c>
      <c r="BF847" s="1">
        <v>0</v>
      </c>
      <c r="BG847" s="1">
        <v>0</v>
      </c>
      <c r="BH847" s="1">
        <v>0</v>
      </c>
      <c r="BK847" s="1">
        <v>0</v>
      </c>
      <c r="BM847" s="1">
        <v>0</v>
      </c>
      <c r="BO847" s="1">
        <v>0</v>
      </c>
    </row>
    <row r="848" spans="1:69" x14ac:dyDescent="0.25">
      <c r="A848" s="1">
        <v>30449874</v>
      </c>
      <c r="B848" t="s">
        <v>1325</v>
      </c>
      <c r="C848" t="s">
        <v>39</v>
      </c>
      <c r="D848" t="s">
        <v>942</v>
      </c>
      <c r="E848" t="s">
        <v>195</v>
      </c>
      <c r="L848" t="s">
        <v>52</v>
      </c>
      <c r="M848" s="1">
        <v>0</v>
      </c>
      <c r="N848" s="1">
        <v>0</v>
      </c>
      <c r="O848" t="s">
        <v>942</v>
      </c>
      <c r="P848" t="s">
        <v>176</v>
      </c>
      <c r="Q848" t="s">
        <v>196</v>
      </c>
      <c r="S848" t="s">
        <v>178</v>
      </c>
      <c r="T848" t="s">
        <v>297</v>
      </c>
      <c r="U848" t="s">
        <v>1326</v>
      </c>
      <c r="X848" t="s">
        <v>179</v>
      </c>
      <c r="AC848" t="s">
        <v>266</v>
      </c>
      <c r="AD848" t="s">
        <v>299</v>
      </c>
      <c r="AE848" t="s">
        <v>299</v>
      </c>
      <c r="AF848" t="s">
        <v>299</v>
      </c>
      <c r="AG848" t="s">
        <v>175</v>
      </c>
      <c r="AH848" t="s">
        <v>299</v>
      </c>
      <c r="AI848" t="s">
        <v>175</v>
      </c>
      <c r="AJ848" t="s">
        <v>175</v>
      </c>
      <c r="AK848" t="s">
        <v>175</v>
      </c>
      <c r="AL848" t="s">
        <v>52</v>
      </c>
      <c r="AM848" t="s">
        <v>205</v>
      </c>
      <c r="AN848" t="s">
        <v>201</v>
      </c>
      <c r="AO848" t="s">
        <v>182</v>
      </c>
      <c r="AP848" t="s">
        <v>184</v>
      </c>
      <c r="AQ848" t="s">
        <v>204</v>
      </c>
      <c r="AR848" t="s">
        <v>203</v>
      </c>
      <c r="AS848" t="s">
        <v>185</v>
      </c>
      <c r="AT848" t="s">
        <v>206</v>
      </c>
      <c r="AU848" t="s">
        <v>202</v>
      </c>
      <c r="AV848" t="s">
        <v>183</v>
      </c>
      <c r="AX848" t="s">
        <v>186</v>
      </c>
      <c r="BC848" t="s">
        <v>209</v>
      </c>
      <c r="BF848" t="s">
        <v>232</v>
      </c>
      <c r="BG848" t="s">
        <v>301</v>
      </c>
      <c r="BH848" t="s">
        <v>302</v>
      </c>
      <c r="BI848" t="s">
        <v>1327</v>
      </c>
      <c r="BK848" t="s">
        <v>191</v>
      </c>
      <c r="BL848" t="s">
        <v>518</v>
      </c>
      <c r="BM848" t="s">
        <v>191</v>
      </c>
      <c r="BO848" t="s">
        <v>191</v>
      </c>
    </row>
    <row r="849" spans="1:69" x14ac:dyDescent="0.25">
      <c r="A849" s="1">
        <v>30449875</v>
      </c>
      <c r="B849" t="s">
        <v>4200</v>
      </c>
      <c r="C849" t="s">
        <v>39</v>
      </c>
      <c r="D849" t="s">
        <v>3727</v>
      </c>
      <c r="E849" t="s">
        <v>175</v>
      </c>
      <c r="L849" t="s">
        <v>52</v>
      </c>
      <c r="M849" s="1">
        <v>0</v>
      </c>
      <c r="N849" s="1">
        <v>0</v>
      </c>
      <c r="O849" t="s">
        <v>3728</v>
      </c>
      <c r="P849" t="s">
        <v>216</v>
      </c>
      <c r="Q849" t="s">
        <v>322</v>
      </c>
      <c r="S849" s="1">
        <v>0</v>
      </c>
      <c r="T849" t="s">
        <v>175</v>
      </c>
      <c r="Y849" t="s">
        <v>224</v>
      </c>
      <c r="Z849" t="s">
        <v>244</v>
      </c>
      <c r="AC849" t="s">
        <v>180</v>
      </c>
      <c r="AD849" t="s">
        <v>230</v>
      </c>
      <c r="AE849" t="s">
        <v>230</v>
      </c>
      <c r="AF849" t="s">
        <v>230</v>
      </c>
      <c r="AG849" t="s">
        <v>230</v>
      </c>
      <c r="AH849" t="s">
        <v>181</v>
      </c>
      <c r="AI849" t="s">
        <v>181</v>
      </c>
      <c r="AJ849" t="s">
        <v>230</v>
      </c>
      <c r="AK849" t="s">
        <v>181</v>
      </c>
      <c r="AL849" t="s">
        <v>42</v>
      </c>
      <c r="AM849" t="s">
        <v>184</v>
      </c>
      <c r="AN849" t="s">
        <v>201</v>
      </c>
      <c r="AO849" s="1">
        <v>0</v>
      </c>
      <c r="AP849" t="s">
        <v>185</v>
      </c>
      <c r="AQ849" t="s">
        <v>206</v>
      </c>
      <c r="AR849" t="s">
        <v>182</v>
      </c>
      <c r="AS849" s="1">
        <v>0</v>
      </c>
      <c r="AT849" s="1">
        <v>0</v>
      </c>
      <c r="AU849" s="1">
        <v>0</v>
      </c>
      <c r="AV849" t="s">
        <v>183</v>
      </c>
      <c r="AZ849" t="s">
        <v>207</v>
      </c>
      <c r="BF849" t="s">
        <v>232</v>
      </c>
      <c r="BG849" t="s">
        <v>315</v>
      </c>
      <c r="BH849" t="s">
        <v>247</v>
      </c>
      <c r="BK849" t="s">
        <v>191</v>
      </c>
      <c r="BL849" t="s">
        <v>4201</v>
      </c>
      <c r="BM849" t="s">
        <v>191</v>
      </c>
      <c r="BN849" t="s">
        <v>4202</v>
      </c>
      <c r="BO849" t="s">
        <v>191</v>
      </c>
    </row>
    <row r="850" spans="1:69" x14ac:dyDescent="0.25">
      <c r="A850" s="1">
        <v>30449879</v>
      </c>
      <c r="B850" t="s">
        <v>98</v>
      </c>
      <c r="C850" t="s">
        <v>39</v>
      </c>
      <c r="L850" s="1">
        <v>0</v>
      </c>
      <c r="M850" s="1">
        <v>0</v>
      </c>
      <c r="N850" s="1">
        <v>0</v>
      </c>
      <c r="O850" s="1">
        <v>0</v>
      </c>
      <c r="P850" s="1">
        <v>0</v>
      </c>
      <c r="Q850" s="1">
        <v>0</v>
      </c>
      <c r="S850" s="1">
        <v>0</v>
      </c>
      <c r="T850" s="1">
        <v>0</v>
      </c>
      <c r="AC850" s="1">
        <v>0</v>
      </c>
      <c r="AD850" s="1">
        <v>0</v>
      </c>
      <c r="AE850" s="1">
        <v>0</v>
      </c>
      <c r="AF850" s="1">
        <v>0</v>
      </c>
      <c r="AG850" s="1">
        <v>0</v>
      </c>
      <c r="AH850" s="1">
        <v>0</v>
      </c>
      <c r="AI850" s="1">
        <v>0</v>
      </c>
      <c r="AJ850" s="1">
        <v>0</v>
      </c>
      <c r="AK850" s="1">
        <v>0</v>
      </c>
      <c r="AL850" s="1">
        <v>0</v>
      </c>
      <c r="AM850" s="1">
        <v>0</v>
      </c>
      <c r="AN850" s="1">
        <v>0</v>
      </c>
      <c r="AO850" s="1">
        <v>0</v>
      </c>
      <c r="AP850" s="1">
        <v>0</v>
      </c>
      <c r="AQ850" s="1">
        <v>0</v>
      </c>
      <c r="AR850" s="1">
        <v>0</v>
      </c>
      <c r="AS850" s="1">
        <v>0</v>
      </c>
      <c r="AT850" s="1">
        <v>0</v>
      </c>
      <c r="AU850" s="1">
        <v>0</v>
      </c>
      <c r="AV850" s="1">
        <v>0</v>
      </c>
      <c r="BF850" s="1">
        <v>0</v>
      </c>
      <c r="BG850" s="1">
        <v>0</v>
      </c>
      <c r="BH850" s="1">
        <v>0</v>
      </c>
      <c r="BK850" s="1">
        <v>0</v>
      </c>
      <c r="BM850" s="1">
        <v>0</v>
      </c>
      <c r="BO850" s="1">
        <v>0</v>
      </c>
    </row>
    <row r="851" spans="1:69" x14ac:dyDescent="0.25">
      <c r="A851" s="1">
        <v>30449881</v>
      </c>
      <c r="B851" t="s">
        <v>3447</v>
      </c>
      <c r="C851" t="s">
        <v>39</v>
      </c>
      <c r="D851" t="s">
        <v>3138</v>
      </c>
      <c r="E851" t="s">
        <v>175</v>
      </c>
      <c r="L851" t="s">
        <v>52</v>
      </c>
      <c r="M851" s="1">
        <v>0</v>
      </c>
      <c r="N851" s="1">
        <v>0</v>
      </c>
      <c r="O851" t="s">
        <v>3139</v>
      </c>
      <c r="P851" t="s">
        <v>176</v>
      </c>
      <c r="Q851" t="s">
        <v>177</v>
      </c>
      <c r="S851" t="s">
        <v>349</v>
      </c>
      <c r="T851" t="s">
        <v>175</v>
      </c>
      <c r="W851" t="s">
        <v>262</v>
      </c>
      <c r="X851" t="s">
        <v>179</v>
      </c>
      <c r="AC851" t="s">
        <v>199</v>
      </c>
      <c r="AD851" t="s">
        <v>175</v>
      </c>
      <c r="AE851" t="s">
        <v>175</v>
      </c>
      <c r="AF851" t="s">
        <v>175</v>
      </c>
      <c r="AG851" t="s">
        <v>175</v>
      </c>
      <c r="AH851" t="s">
        <v>175</v>
      </c>
      <c r="AI851" t="s">
        <v>175</v>
      </c>
      <c r="AJ851" t="s">
        <v>175</v>
      </c>
      <c r="AK851" t="s">
        <v>175</v>
      </c>
      <c r="AL851" t="s">
        <v>52</v>
      </c>
      <c r="AM851" t="s">
        <v>201</v>
      </c>
      <c r="AN851" t="s">
        <v>204</v>
      </c>
      <c r="AO851" t="s">
        <v>206</v>
      </c>
      <c r="AP851" t="s">
        <v>185</v>
      </c>
      <c r="AQ851" t="s">
        <v>184</v>
      </c>
      <c r="AR851" t="s">
        <v>183</v>
      </c>
      <c r="AS851" t="s">
        <v>182</v>
      </c>
      <c r="AT851" t="s">
        <v>202</v>
      </c>
      <c r="AU851" t="s">
        <v>203</v>
      </c>
      <c r="AV851" t="s">
        <v>205</v>
      </c>
      <c r="AX851" t="s">
        <v>186</v>
      </c>
      <c r="AY851" t="s">
        <v>187</v>
      </c>
      <c r="AZ851" t="s">
        <v>207</v>
      </c>
      <c r="BF851" t="s">
        <v>232</v>
      </c>
      <c r="BG851" t="s">
        <v>276</v>
      </c>
      <c r="BH851" t="s">
        <v>247</v>
      </c>
      <c r="BK851" t="s">
        <v>191</v>
      </c>
      <c r="BL851" t="s">
        <v>518</v>
      </c>
      <c r="BM851" t="s">
        <v>191</v>
      </c>
      <c r="BN851" t="s">
        <v>3088</v>
      </c>
      <c r="BO851" t="s">
        <v>218</v>
      </c>
      <c r="BP851" t="s">
        <v>3088</v>
      </c>
    </row>
    <row r="852" spans="1:69" x14ac:dyDescent="0.25">
      <c r="A852" s="1">
        <v>30449883</v>
      </c>
      <c r="B852" t="s">
        <v>1328</v>
      </c>
      <c r="C852" t="s">
        <v>39</v>
      </c>
      <c r="D852" t="s">
        <v>942</v>
      </c>
      <c r="E852" t="s">
        <v>175</v>
      </c>
      <c r="L852" t="s">
        <v>52</v>
      </c>
      <c r="M852" s="1">
        <v>0</v>
      </c>
      <c r="N852" s="1">
        <v>0</v>
      </c>
      <c r="O852" t="s">
        <v>942</v>
      </c>
      <c r="P852" t="s">
        <v>216</v>
      </c>
      <c r="Q852" t="s">
        <v>196</v>
      </c>
      <c r="S852" s="1">
        <v>0</v>
      </c>
      <c r="T852" t="s">
        <v>175</v>
      </c>
      <c r="X852" t="s">
        <v>179</v>
      </c>
      <c r="AC852" t="s">
        <v>180</v>
      </c>
      <c r="AD852" t="s">
        <v>181</v>
      </c>
      <c r="AE852" t="s">
        <v>181</v>
      </c>
      <c r="AF852" t="s">
        <v>181</v>
      </c>
      <c r="AG852" t="s">
        <v>181</v>
      </c>
      <c r="AH852" t="s">
        <v>181</v>
      </c>
      <c r="AI852" t="s">
        <v>181</v>
      </c>
      <c r="AJ852" t="s">
        <v>181</v>
      </c>
      <c r="AK852" t="s">
        <v>181</v>
      </c>
      <c r="AL852" t="s">
        <v>49</v>
      </c>
      <c r="AM852" t="s">
        <v>182</v>
      </c>
      <c r="AN852" s="1">
        <v>0</v>
      </c>
      <c r="AO852" t="s">
        <v>184</v>
      </c>
      <c r="AP852" t="s">
        <v>185</v>
      </c>
      <c r="AQ852" s="1">
        <v>0</v>
      </c>
      <c r="AR852" s="1">
        <v>0</v>
      </c>
      <c r="AS852" s="1">
        <v>0</v>
      </c>
      <c r="AT852" s="1">
        <v>0</v>
      </c>
      <c r="AU852" s="1">
        <v>0</v>
      </c>
      <c r="AV852" s="1">
        <v>0</v>
      </c>
      <c r="AY852" t="s">
        <v>187</v>
      </c>
      <c r="AZ852" t="s">
        <v>207</v>
      </c>
      <c r="BD852" t="s">
        <v>273</v>
      </c>
      <c r="BF852" t="s">
        <v>210</v>
      </c>
      <c r="BG852" s="1">
        <v>0</v>
      </c>
      <c r="BH852" t="s">
        <v>211</v>
      </c>
      <c r="BK852" s="1">
        <v>0</v>
      </c>
      <c r="BM852" t="s">
        <v>191</v>
      </c>
      <c r="BO852" t="s">
        <v>218</v>
      </c>
    </row>
    <row r="853" spans="1:69" x14ac:dyDescent="0.25">
      <c r="A853" s="1">
        <v>30449887</v>
      </c>
      <c r="B853" t="s">
        <v>4203</v>
      </c>
      <c r="C853" t="s">
        <v>39</v>
      </c>
      <c r="D853" t="s">
        <v>3727</v>
      </c>
      <c r="E853" t="s">
        <v>175</v>
      </c>
      <c r="L853" t="s">
        <v>52</v>
      </c>
      <c r="M853" s="1">
        <v>0</v>
      </c>
      <c r="N853" s="1">
        <v>0</v>
      </c>
      <c r="O853" t="s">
        <v>3728</v>
      </c>
      <c r="P853" t="s">
        <v>216</v>
      </c>
      <c r="Q853" s="1">
        <v>0</v>
      </c>
      <c r="S853" s="1">
        <v>0</v>
      </c>
      <c r="T853" t="s">
        <v>175</v>
      </c>
      <c r="X853" t="s">
        <v>179</v>
      </c>
      <c r="AC853" t="s">
        <v>180</v>
      </c>
      <c r="AD853" t="s">
        <v>175</v>
      </c>
      <c r="AE853" t="s">
        <v>175</v>
      </c>
      <c r="AF853" t="s">
        <v>175</v>
      </c>
      <c r="AG853" t="s">
        <v>175</v>
      </c>
      <c r="AH853" t="s">
        <v>175</v>
      </c>
      <c r="AI853" t="s">
        <v>175</v>
      </c>
      <c r="AJ853" t="s">
        <v>175</v>
      </c>
      <c r="AK853" t="s">
        <v>175</v>
      </c>
      <c r="AL853" t="s">
        <v>42</v>
      </c>
      <c r="AM853" s="1">
        <v>0</v>
      </c>
      <c r="AN853" s="1">
        <v>0</v>
      </c>
      <c r="AO853" s="1">
        <v>0</v>
      </c>
      <c r="AP853" s="1">
        <v>0</v>
      </c>
      <c r="AQ853" s="1">
        <v>0</v>
      </c>
      <c r="AR853" s="1">
        <v>0</v>
      </c>
      <c r="AS853" s="1">
        <v>0</v>
      </c>
      <c r="AT853" s="1">
        <v>0</v>
      </c>
      <c r="AU853" s="1">
        <v>0</v>
      </c>
      <c r="AV853" s="1">
        <v>0</v>
      </c>
      <c r="BF853" s="1">
        <v>0</v>
      </c>
      <c r="BG853" s="1">
        <v>0</v>
      </c>
      <c r="BH853" s="1">
        <v>0</v>
      </c>
      <c r="BK853" s="1">
        <v>0</v>
      </c>
      <c r="BM853" s="1">
        <v>0</v>
      </c>
      <c r="BO853" s="1">
        <v>0</v>
      </c>
    </row>
    <row r="854" spans="1:69" x14ac:dyDescent="0.25">
      <c r="A854" s="1">
        <v>30449888</v>
      </c>
      <c r="B854" t="s">
        <v>2064</v>
      </c>
      <c r="C854" t="s">
        <v>39</v>
      </c>
      <c r="D854" t="s">
        <v>1616</v>
      </c>
      <c r="E854" t="s">
        <v>175</v>
      </c>
      <c r="L854" t="s">
        <v>52</v>
      </c>
      <c r="M854" s="1">
        <v>0</v>
      </c>
      <c r="N854" s="1">
        <v>0</v>
      </c>
      <c r="O854" t="s">
        <v>1616</v>
      </c>
      <c r="P854" t="s">
        <v>176</v>
      </c>
      <c r="Q854" t="s">
        <v>177</v>
      </c>
      <c r="S854" t="s">
        <v>178</v>
      </c>
      <c r="T854" t="s">
        <v>175</v>
      </c>
      <c r="Y854" t="s">
        <v>224</v>
      </c>
      <c r="AC854" t="s">
        <v>199</v>
      </c>
      <c r="AD854" t="s">
        <v>175</v>
      </c>
      <c r="AE854" t="s">
        <v>181</v>
      </c>
      <c r="AF854" t="s">
        <v>181</v>
      </c>
      <c r="AG854" t="s">
        <v>175</v>
      </c>
      <c r="AH854" t="s">
        <v>181</v>
      </c>
      <c r="AI854" t="s">
        <v>181</v>
      </c>
      <c r="AJ854" t="s">
        <v>230</v>
      </c>
      <c r="AK854" t="s">
        <v>181</v>
      </c>
      <c r="AL854" t="s">
        <v>42</v>
      </c>
      <c r="AM854" t="s">
        <v>201</v>
      </c>
      <c r="AN854" t="s">
        <v>184</v>
      </c>
      <c r="AO854" t="s">
        <v>185</v>
      </c>
      <c r="AP854" t="s">
        <v>205</v>
      </c>
      <c r="AQ854" t="s">
        <v>202</v>
      </c>
      <c r="AR854" t="s">
        <v>204</v>
      </c>
      <c r="AS854" t="s">
        <v>203</v>
      </c>
      <c r="AT854" t="s">
        <v>182</v>
      </c>
      <c r="AU854" t="s">
        <v>183</v>
      </c>
      <c r="AV854" t="s">
        <v>206</v>
      </c>
      <c r="AX854" t="s">
        <v>186</v>
      </c>
      <c r="AZ854" t="s">
        <v>207</v>
      </c>
      <c r="BB854" t="s">
        <v>208</v>
      </c>
      <c r="BC854" t="s">
        <v>209</v>
      </c>
      <c r="BF854" t="s">
        <v>49</v>
      </c>
      <c r="BG854" s="1">
        <v>0</v>
      </c>
      <c r="BH854" t="s">
        <v>211</v>
      </c>
      <c r="BK854" t="s">
        <v>191</v>
      </c>
      <c r="BM854" t="s">
        <v>191</v>
      </c>
      <c r="BO854" t="s">
        <v>191</v>
      </c>
    </row>
    <row r="855" spans="1:69" x14ac:dyDescent="0.25">
      <c r="A855" s="1">
        <v>30449889</v>
      </c>
      <c r="B855" t="s">
        <v>598</v>
      </c>
      <c r="C855" t="s">
        <v>39</v>
      </c>
      <c r="D855" t="s">
        <v>174</v>
      </c>
      <c r="E855" t="s">
        <v>200</v>
      </c>
      <c r="L855" t="s">
        <v>52</v>
      </c>
      <c r="M855" s="1">
        <v>0</v>
      </c>
      <c r="N855" s="1">
        <v>0</v>
      </c>
      <c r="O855" t="s">
        <v>174</v>
      </c>
      <c r="P855" t="s">
        <v>216</v>
      </c>
      <c r="Q855" t="s">
        <v>177</v>
      </c>
      <c r="S855" s="1">
        <v>0</v>
      </c>
      <c r="T855" t="s">
        <v>200</v>
      </c>
      <c r="X855" t="s">
        <v>179</v>
      </c>
      <c r="AC855" t="s">
        <v>180</v>
      </c>
      <c r="AD855" t="s">
        <v>175</v>
      </c>
      <c r="AE855" t="s">
        <v>175</v>
      </c>
      <c r="AF855" t="s">
        <v>175</v>
      </c>
      <c r="AG855" t="s">
        <v>175</v>
      </c>
      <c r="AH855" t="s">
        <v>175</v>
      </c>
      <c r="AI855" t="s">
        <v>181</v>
      </c>
      <c r="AJ855" t="s">
        <v>175</v>
      </c>
      <c r="AK855" t="s">
        <v>175</v>
      </c>
      <c r="AL855" t="s">
        <v>42</v>
      </c>
      <c r="AM855" t="s">
        <v>201</v>
      </c>
      <c r="AN855" t="s">
        <v>206</v>
      </c>
      <c r="AO855" t="s">
        <v>182</v>
      </c>
      <c r="AP855" t="s">
        <v>185</v>
      </c>
      <c r="AQ855" t="s">
        <v>204</v>
      </c>
      <c r="AR855" t="s">
        <v>205</v>
      </c>
      <c r="AS855" t="s">
        <v>203</v>
      </c>
      <c r="AT855" t="s">
        <v>184</v>
      </c>
      <c r="AU855" t="s">
        <v>202</v>
      </c>
      <c r="AV855" t="s">
        <v>183</v>
      </c>
      <c r="AW855" t="s">
        <v>599</v>
      </c>
      <c r="AX855" t="s">
        <v>186</v>
      </c>
      <c r="AZ855" t="s">
        <v>207</v>
      </c>
      <c r="BF855" t="s">
        <v>210</v>
      </c>
      <c r="BG855" s="1">
        <v>0</v>
      </c>
      <c r="BH855" t="s">
        <v>211</v>
      </c>
      <c r="BK855" t="s">
        <v>191</v>
      </c>
      <c r="BL855" t="s">
        <v>600</v>
      </c>
      <c r="BM855" t="s">
        <v>191</v>
      </c>
      <c r="BN855" t="s">
        <v>601</v>
      </c>
      <c r="BO855" t="s">
        <v>191</v>
      </c>
      <c r="BP855" t="s">
        <v>602</v>
      </c>
      <c r="BQ855" t="s">
        <v>225</v>
      </c>
    </row>
    <row r="856" spans="1:69" x14ac:dyDescent="0.25">
      <c r="A856" s="1">
        <v>30449891</v>
      </c>
      <c r="B856" t="s">
        <v>2065</v>
      </c>
      <c r="C856" t="s">
        <v>39</v>
      </c>
      <c r="D856" t="s">
        <v>1616</v>
      </c>
      <c r="E856" t="s">
        <v>175</v>
      </c>
      <c r="L856" t="s">
        <v>52</v>
      </c>
      <c r="M856" s="1">
        <v>0</v>
      </c>
      <c r="N856" s="1">
        <v>0</v>
      </c>
      <c r="O856" t="s">
        <v>1616</v>
      </c>
      <c r="P856" t="s">
        <v>216</v>
      </c>
      <c r="Q856" t="s">
        <v>177</v>
      </c>
      <c r="S856" s="1">
        <v>0</v>
      </c>
      <c r="T856" t="s">
        <v>175</v>
      </c>
      <c r="V856" t="s">
        <v>397</v>
      </c>
      <c r="W856" t="s">
        <v>262</v>
      </c>
      <c r="X856" t="s">
        <v>179</v>
      </c>
      <c r="AC856" t="s">
        <v>180</v>
      </c>
      <c r="AD856" t="s">
        <v>175</v>
      </c>
      <c r="AE856" t="s">
        <v>175</v>
      </c>
      <c r="AF856" t="s">
        <v>175</v>
      </c>
      <c r="AG856" t="s">
        <v>175</v>
      </c>
      <c r="AH856" t="s">
        <v>175</v>
      </c>
      <c r="AI856" t="s">
        <v>175</v>
      </c>
      <c r="AJ856" t="s">
        <v>181</v>
      </c>
      <c r="AK856" t="s">
        <v>175</v>
      </c>
      <c r="AL856" t="s">
        <v>52</v>
      </c>
      <c r="AM856" t="s">
        <v>184</v>
      </c>
      <c r="AN856" t="s">
        <v>182</v>
      </c>
      <c r="AO856" t="s">
        <v>201</v>
      </c>
      <c r="AP856" t="s">
        <v>204</v>
      </c>
      <c r="AQ856" t="s">
        <v>203</v>
      </c>
      <c r="AR856" t="s">
        <v>202</v>
      </c>
      <c r="AS856" t="s">
        <v>185</v>
      </c>
      <c r="AT856" t="s">
        <v>183</v>
      </c>
      <c r="AU856" t="s">
        <v>206</v>
      </c>
      <c r="AV856" t="s">
        <v>205</v>
      </c>
      <c r="AW856" t="s">
        <v>724</v>
      </c>
      <c r="AX856" t="s">
        <v>186</v>
      </c>
      <c r="AZ856" t="s">
        <v>207</v>
      </c>
      <c r="BC856" t="s">
        <v>209</v>
      </c>
      <c r="BF856" t="s">
        <v>210</v>
      </c>
      <c r="BG856" s="1">
        <v>0</v>
      </c>
      <c r="BH856" t="s">
        <v>211</v>
      </c>
      <c r="BK856" t="s">
        <v>191</v>
      </c>
      <c r="BL856" t="s">
        <v>2066</v>
      </c>
      <c r="BM856" t="s">
        <v>191</v>
      </c>
      <c r="BN856" t="s">
        <v>2067</v>
      </c>
      <c r="BO856" t="s">
        <v>191</v>
      </c>
      <c r="BP856" t="s">
        <v>2068</v>
      </c>
      <c r="BQ856" t="s">
        <v>2069</v>
      </c>
    </row>
    <row r="857" spans="1:69" x14ac:dyDescent="0.25">
      <c r="A857" s="1">
        <v>30449892</v>
      </c>
      <c r="B857" t="s">
        <v>1329</v>
      </c>
      <c r="C857" t="s">
        <v>39</v>
      </c>
      <c r="D857" t="s">
        <v>942</v>
      </c>
      <c r="E857" t="s">
        <v>175</v>
      </c>
      <c r="L857" t="s">
        <v>52</v>
      </c>
      <c r="M857" s="1">
        <v>0</v>
      </c>
      <c r="N857" s="1">
        <v>0</v>
      </c>
      <c r="O857" t="s">
        <v>942</v>
      </c>
      <c r="P857" t="s">
        <v>216</v>
      </c>
      <c r="Q857" t="s">
        <v>322</v>
      </c>
      <c r="S857" s="1">
        <v>0</v>
      </c>
      <c r="T857" t="s">
        <v>175</v>
      </c>
      <c r="AA857" t="s">
        <v>273</v>
      </c>
      <c r="AB857" t="s">
        <v>1121</v>
      </c>
      <c r="AC857" t="s">
        <v>180</v>
      </c>
      <c r="AD857" t="s">
        <v>175</v>
      </c>
      <c r="AE857" t="s">
        <v>175</v>
      </c>
      <c r="AF857" t="s">
        <v>175</v>
      </c>
      <c r="AG857" t="s">
        <v>175</v>
      </c>
      <c r="AH857" t="s">
        <v>175</v>
      </c>
      <c r="AI857" t="s">
        <v>175</v>
      </c>
      <c r="AJ857" t="s">
        <v>175</v>
      </c>
      <c r="AK857" t="s">
        <v>175</v>
      </c>
      <c r="AL857" t="s">
        <v>42</v>
      </c>
      <c r="AM857" t="s">
        <v>182</v>
      </c>
      <c r="AN857" t="s">
        <v>184</v>
      </c>
      <c r="AO857" t="s">
        <v>205</v>
      </c>
      <c r="AP857" t="s">
        <v>206</v>
      </c>
      <c r="AQ857" t="s">
        <v>204</v>
      </c>
      <c r="AR857" t="s">
        <v>185</v>
      </c>
      <c r="AS857" t="s">
        <v>203</v>
      </c>
      <c r="AT857" t="s">
        <v>183</v>
      </c>
      <c r="AU857" t="s">
        <v>201</v>
      </c>
      <c r="AV857" t="s">
        <v>202</v>
      </c>
      <c r="AX857" t="s">
        <v>186</v>
      </c>
      <c r="AZ857" t="s">
        <v>207</v>
      </c>
      <c r="BB857" t="s">
        <v>208</v>
      </c>
      <c r="BF857" t="s">
        <v>189</v>
      </c>
      <c r="BG857" s="1">
        <v>0</v>
      </c>
      <c r="BH857" t="s">
        <v>464</v>
      </c>
      <c r="BK857" t="s">
        <v>191</v>
      </c>
      <c r="BM857" t="s">
        <v>191</v>
      </c>
      <c r="BO857" t="s">
        <v>191</v>
      </c>
    </row>
    <row r="858" spans="1:69" x14ac:dyDescent="0.25">
      <c r="A858" s="1">
        <v>30449894</v>
      </c>
      <c r="B858" t="s">
        <v>99</v>
      </c>
      <c r="C858" t="s">
        <v>39</v>
      </c>
      <c r="L858" s="1">
        <v>0</v>
      </c>
      <c r="M858" s="1">
        <v>0</v>
      </c>
      <c r="N858" s="1">
        <v>0</v>
      </c>
      <c r="O858" s="1">
        <v>0</v>
      </c>
      <c r="P858" s="1">
        <v>0</v>
      </c>
      <c r="Q858" s="1">
        <v>0</v>
      </c>
      <c r="S858" s="1">
        <v>0</v>
      </c>
      <c r="T858" s="1">
        <v>0</v>
      </c>
      <c r="AC858" s="1">
        <v>0</v>
      </c>
      <c r="AD858" s="1">
        <v>0</v>
      </c>
      <c r="AE858" s="1">
        <v>0</v>
      </c>
      <c r="AF858" s="1">
        <v>0</v>
      </c>
      <c r="AG858" s="1">
        <v>0</v>
      </c>
      <c r="AH858" s="1">
        <v>0</v>
      </c>
      <c r="AI858" s="1">
        <v>0</v>
      </c>
      <c r="AJ858" s="1">
        <v>0</v>
      </c>
      <c r="AK858" s="1">
        <v>0</v>
      </c>
      <c r="AL858" s="1">
        <v>0</v>
      </c>
      <c r="AM858" s="1">
        <v>0</v>
      </c>
      <c r="AN858" s="1">
        <v>0</v>
      </c>
      <c r="AO858" s="1">
        <v>0</v>
      </c>
      <c r="AP858" s="1">
        <v>0</v>
      </c>
      <c r="AQ858" s="1">
        <v>0</v>
      </c>
      <c r="AR858" s="1">
        <v>0</v>
      </c>
      <c r="AS858" s="1">
        <v>0</v>
      </c>
      <c r="AT858" s="1">
        <v>0</v>
      </c>
      <c r="AU858" s="1">
        <v>0</v>
      </c>
      <c r="AV858" s="1">
        <v>0</v>
      </c>
      <c r="BF858" s="1">
        <v>0</v>
      </c>
      <c r="BG858" s="1">
        <v>0</v>
      </c>
      <c r="BH858" s="1">
        <v>0</v>
      </c>
      <c r="BK858" s="1">
        <v>0</v>
      </c>
      <c r="BM858" s="1">
        <v>0</v>
      </c>
      <c r="BO858" s="1">
        <v>0</v>
      </c>
    </row>
    <row r="859" spans="1:69" x14ac:dyDescent="0.25">
      <c r="A859" s="1">
        <v>30449895</v>
      </c>
      <c r="B859" t="s">
        <v>100</v>
      </c>
      <c r="C859" t="s">
        <v>39</v>
      </c>
      <c r="L859" s="1">
        <v>0</v>
      </c>
      <c r="M859" s="1">
        <v>0</v>
      </c>
      <c r="N859" s="1">
        <v>0</v>
      </c>
      <c r="O859" s="1">
        <v>0</v>
      </c>
      <c r="P859" s="1">
        <v>0</v>
      </c>
      <c r="Q859" s="1">
        <v>0</v>
      </c>
      <c r="S859" s="1">
        <v>0</v>
      </c>
      <c r="T859" s="1">
        <v>0</v>
      </c>
      <c r="AC859" s="1">
        <v>0</v>
      </c>
      <c r="AD859" s="1">
        <v>0</v>
      </c>
      <c r="AE859" s="1">
        <v>0</v>
      </c>
      <c r="AF859" s="1">
        <v>0</v>
      </c>
      <c r="AG859" s="1">
        <v>0</v>
      </c>
      <c r="AH859" s="1">
        <v>0</v>
      </c>
      <c r="AI859" s="1">
        <v>0</v>
      </c>
      <c r="AJ859" s="1">
        <v>0</v>
      </c>
      <c r="AK859" s="1">
        <v>0</v>
      </c>
      <c r="AL859" s="1">
        <v>0</v>
      </c>
      <c r="AM859" s="1">
        <v>0</v>
      </c>
      <c r="AN859" s="1">
        <v>0</v>
      </c>
      <c r="AO859" s="1">
        <v>0</v>
      </c>
      <c r="AP859" s="1">
        <v>0</v>
      </c>
      <c r="AQ859" s="1">
        <v>0</v>
      </c>
      <c r="AR859" s="1">
        <v>0</v>
      </c>
      <c r="AS859" s="1">
        <v>0</v>
      </c>
      <c r="AT859" s="1">
        <v>0</v>
      </c>
      <c r="AU859" s="1">
        <v>0</v>
      </c>
      <c r="AV859" s="1">
        <v>0</v>
      </c>
      <c r="BF859" s="1">
        <v>0</v>
      </c>
      <c r="BG859" s="1">
        <v>0</v>
      </c>
      <c r="BH859" s="1">
        <v>0</v>
      </c>
      <c r="BK859" s="1">
        <v>0</v>
      </c>
      <c r="BM859" s="1">
        <v>0</v>
      </c>
      <c r="BO859" s="1">
        <v>0</v>
      </c>
    </row>
    <row r="860" spans="1:69" x14ac:dyDescent="0.25">
      <c r="A860" s="1">
        <v>30449896</v>
      </c>
      <c r="B860" t="s">
        <v>101</v>
      </c>
      <c r="C860" t="s">
        <v>39</v>
      </c>
      <c r="L860" s="1">
        <v>0</v>
      </c>
      <c r="M860" s="1">
        <v>0</v>
      </c>
      <c r="N860" s="1">
        <v>0</v>
      </c>
      <c r="O860" s="1">
        <v>0</v>
      </c>
      <c r="P860" s="1">
        <v>0</v>
      </c>
      <c r="Q860" s="1">
        <v>0</v>
      </c>
      <c r="S860" s="1">
        <v>0</v>
      </c>
      <c r="T860" s="1">
        <v>0</v>
      </c>
      <c r="AC860" s="1">
        <v>0</v>
      </c>
      <c r="AD860" s="1">
        <v>0</v>
      </c>
      <c r="AE860" s="1">
        <v>0</v>
      </c>
      <c r="AF860" s="1">
        <v>0</v>
      </c>
      <c r="AG860" s="1">
        <v>0</v>
      </c>
      <c r="AH860" s="1">
        <v>0</v>
      </c>
      <c r="AI860" s="1">
        <v>0</v>
      </c>
      <c r="AJ860" s="1">
        <v>0</v>
      </c>
      <c r="AK860" s="1">
        <v>0</v>
      </c>
      <c r="AL860" s="1">
        <v>0</v>
      </c>
      <c r="AM860" s="1">
        <v>0</v>
      </c>
      <c r="AN860" s="1">
        <v>0</v>
      </c>
      <c r="AO860" s="1">
        <v>0</v>
      </c>
      <c r="AP860" s="1">
        <v>0</v>
      </c>
      <c r="AQ860" s="1">
        <v>0</v>
      </c>
      <c r="AR860" s="1">
        <v>0</v>
      </c>
      <c r="AS860" s="1">
        <v>0</v>
      </c>
      <c r="AT860" s="1">
        <v>0</v>
      </c>
      <c r="AU860" s="1">
        <v>0</v>
      </c>
      <c r="AV860" s="1">
        <v>0</v>
      </c>
      <c r="BF860" s="1">
        <v>0</v>
      </c>
      <c r="BG860" s="1">
        <v>0</v>
      </c>
      <c r="BH860" s="1">
        <v>0</v>
      </c>
      <c r="BK860" s="1">
        <v>0</v>
      </c>
      <c r="BM860" s="1">
        <v>0</v>
      </c>
      <c r="BO860" s="1">
        <v>0</v>
      </c>
    </row>
    <row r="861" spans="1:69" x14ac:dyDescent="0.25">
      <c r="A861" s="1">
        <v>30449897</v>
      </c>
      <c r="B861" t="s">
        <v>2070</v>
      </c>
      <c r="C861" t="s">
        <v>39</v>
      </c>
      <c r="D861" t="s">
        <v>1616</v>
      </c>
      <c r="L861" t="s">
        <v>52</v>
      </c>
      <c r="M861" s="1">
        <v>0</v>
      </c>
      <c r="N861" s="1">
        <v>0</v>
      </c>
      <c r="O861" t="s">
        <v>1616</v>
      </c>
      <c r="P861" s="1">
        <v>0</v>
      </c>
      <c r="Q861" s="1">
        <v>0</v>
      </c>
      <c r="S861" s="1">
        <v>0</v>
      </c>
      <c r="T861" s="1">
        <v>0</v>
      </c>
      <c r="AC861" s="1">
        <v>0</v>
      </c>
      <c r="AD861" s="1">
        <v>0</v>
      </c>
      <c r="AE861" s="1">
        <v>0</v>
      </c>
      <c r="AF861" s="1">
        <v>0</v>
      </c>
      <c r="AG861" s="1">
        <v>0</v>
      </c>
      <c r="AH861" s="1">
        <v>0</v>
      </c>
      <c r="AI861" s="1">
        <v>0</v>
      </c>
      <c r="AJ861" s="1">
        <v>0</v>
      </c>
      <c r="AK861" s="1">
        <v>0</v>
      </c>
      <c r="AL861" s="1">
        <v>0</v>
      </c>
      <c r="AM861" s="1">
        <v>0</v>
      </c>
      <c r="AN861" s="1">
        <v>0</v>
      </c>
      <c r="AO861" s="1">
        <v>0</v>
      </c>
      <c r="AP861" s="1">
        <v>0</v>
      </c>
      <c r="AQ861" s="1">
        <v>0</v>
      </c>
      <c r="AR861" s="1">
        <v>0</v>
      </c>
      <c r="AS861" s="1">
        <v>0</v>
      </c>
      <c r="AT861" s="1">
        <v>0</v>
      </c>
      <c r="AU861" s="1">
        <v>0</v>
      </c>
      <c r="AV861" s="1">
        <v>0</v>
      </c>
      <c r="BF861" s="1">
        <v>0</v>
      </c>
      <c r="BG861" s="1">
        <v>0</v>
      </c>
      <c r="BH861" s="1">
        <v>0</v>
      </c>
      <c r="BK861" s="1">
        <v>0</v>
      </c>
      <c r="BM861" s="1">
        <v>0</v>
      </c>
      <c r="BO861" s="1">
        <v>0</v>
      </c>
    </row>
    <row r="862" spans="1:69" x14ac:dyDescent="0.25">
      <c r="A862" s="1">
        <v>30449899</v>
      </c>
      <c r="B862" t="s">
        <v>2071</v>
      </c>
      <c r="C862" t="s">
        <v>39</v>
      </c>
      <c r="D862" t="s">
        <v>1616</v>
      </c>
      <c r="E862" t="s">
        <v>175</v>
      </c>
      <c r="L862" t="s">
        <v>52</v>
      </c>
      <c r="M862" s="1">
        <v>0</v>
      </c>
      <c r="N862" s="1">
        <v>0</v>
      </c>
      <c r="O862" t="s">
        <v>1616</v>
      </c>
      <c r="P862" t="s">
        <v>176</v>
      </c>
      <c r="Q862" t="s">
        <v>196</v>
      </c>
      <c r="S862" t="s">
        <v>178</v>
      </c>
      <c r="T862" t="s">
        <v>175</v>
      </c>
      <c r="AC862" t="s">
        <v>609</v>
      </c>
      <c r="AD862" t="s">
        <v>175</v>
      </c>
      <c r="AE862" t="s">
        <v>175</v>
      </c>
      <c r="AF862" t="s">
        <v>175</v>
      </c>
      <c r="AG862" t="s">
        <v>175</v>
      </c>
      <c r="AH862" t="s">
        <v>175</v>
      </c>
      <c r="AI862" t="s">
        <v>175</v>
      </c>
      <c r="AJ862" t="s">
        <v>175</v>
      </c>
      <c r="AK862" t="s">
        <v>175</v>
      </c>
      <c r="AL862" t="s">
        <v>52</v>
      </c>
      <c r="AM862" t="s">
        <v>185</v>
      </c>
      <c r="AN862" t="s">
        <v>182</v>
      </c>
      <c r="AO862" s="1">
        <v>0</v>
      </c>
      <c r="AP862" t="s">
        <v>184</v>
      </c>
      <c r="AQ862" s="1">
        <v>0</v>
      </c>
      <c r="AR862" s="1">
        <v>0</v>
      </c>
      <c r="AS862" s="1">
        <v>0</v>
      </c>
      <c r="AT862" s="1">
        <v>0</v>
      </c>
      <c r="AU862" s="1">
        <v>0</v>
      </c>
      <c r="AV862" s="1">
        <v>0</v>
      </c>
      <c r="BB862" t="s">
        <v>208</v>
      </c>
      <c r="BC862" t="s">
        <v>209</v>
      </c>
      <c r="BF862" s="1">
        <v>0</v>
      </c>
      <c r="BG862" s="1">
        <v>0</v>
      </c>
      <c r="BH862" t="s">
        <v>464</v>
      </c>
      <c r="BK862" s="1">
        <v>0</v>
      </c>
      <c r="BM862" s="1">
        <v>0</v>
      </c>
      <c r="BO862" t="s">
        <v>191</v>
      </c>
    </row>
    <row r="863" spans="1:69" x14ac:dyDescent="0.25">
      <c r="A863" s="1">
        <v>30449903</v>
      </c>
      <c r="B863" t="s">
        <v>4204</v>
      </c>
      <c r="C863" t="s">
        <v>39</v>
      </c>
      <c r="D863" t="s">
        <v>3727</v>
      </c>
      <c r="L863" t="s">
        <v>52</v>
      </c>
      <c r="M863" s="1">
        <v>0</v>
      </c>
      <c r="N863" s="1">
        <v>0</v>
      </c>
      <c r="O863" t="s">
        <v>3728</v>
      </c>
      <c r="P863" s="1">
        <v>0</v>
      </c>
      <c r="Q863" s="1">
        <v>0</v>
      </c>
      <c r="S863" s="1">
        <v>0</v>
      </c>
      <c r="T863" s="1">
        <v>0</v>
      </c>
      <c r="X863" t="s">
        <v>179</v>
      </c>
      <c r="Y863" t="s">
        <v>224</v>
      </c>
      <c r="AC863" t="s">
        <v>199</v>
      </c>
      <c r="AD863" t="s">
        <v>175</v>
      </c>
      <c r="AE863" t="s">
        <v>299</v>
      </c>
      <c r="AF863" t="s">
        <v>299</v>
      </c>
      <c r="AG863" t="s">
        <v>175</v>
      </c>
      <c r="AH863" t="s">
        <v>200</v>
      </c>
      <c r="AI863" t="s">
        <v>200</v>
      </c>
      <c r="AJ863" t="s">
        <v>200</v>
      </c>
      <c r="AK863" t="s">
        <v>230</v>
      </c>
      <c r="AL863" t="s">
        <v>52</v>
      </c>
      <c r="AM863" t="s">
        <v>183</v>
      </c>
      <c r="AN863" t="s">
        <v>182</v>
      </c>
      <c r="AO863" t="s">
        <v>185</v>
      </c>
      <c r="AP863" t="s">
        <v>184</v>
      </c>
      <c r="AQ863" s="1">
        <v>0</v>
      </c>
      <c r="AR863" s="1">
        <v>0</v>
      </c>
      <c r="AS863" s="1">
        <v>0</v>
      </c>
      <c r="AT863" s="1">
        <v>0</v>
      </c>
      <c r="AU863" s="1">
        <v>0</v>
      </c>
      <c r="AV863" s="1">
        <v>0</v>
      </c>
      <c r="AZ863" t="s">
        <v>207</v>
      </c>
      <c r="BA863" t="s">
        <v>188</v>
      </c>
      <c r="BF863" t="s">
        <v>189</v>
      </c>
      <c r="BG863" s="1">
        <v>0</v>
      </c>
      <c r="BH863" t="s">
        <v>247</v>
      </c>
      <c r="BK863" t="s">
        <v>191</v>
      </c>
      <c r="BL863" t="s">
        <v>4205</v>
      </c>
      <c r="BM863" t="s">
        <v>191</v>
      </c>
      <c r="BN863" t="s">
        <v>4206</v>
      </c>
      <c r="BO863" t="s">
        <v>191</v>
      </c>
      <c r="BQ863" t="s">
        <v>4207</v>
      </c>
    </row>
    <row r="864" spans="1:69" x14ac:dyDescent="0.25">
      <c r="A864" s="1">
        <v>30449904</v>
      </c>
      <c r="B864" t="s">
        <v>2072</v>
      </c>
      <c r="C864" t="s">
        <v>39</v>
      </c>
      <c r="D864" t="s">
        <v>1616</v>
      </c>
      <c r="E864" t="s">
        <v>175</v>
      </c>
      <c r="L864" t="s">
        <v>52</v>
      </c>
      <c r="M864" s="1">
        <v>0</v>
      </c>
      <c r="N864" s="1">
        <v>0</v>
      </c>
      <c r="O864" t="s">
        <v>1616</v>
      </c>
      <c r="P864" t="s">
        <v>176</v>
      </c>
      <c r="Q864" t="s">
        <v>177</v>
      </c>
      <c r="S864" t="s">
        <v>178</v>
      </c>
      <c r="T864" t="s">
        <v>175</v>
      </c>
      <c r="W864" t="s">
        <v>262</v>
      </c>
      <c r="X864" t="s">
        <v>179</v>
      </c>
      <c r="Y864" t="s">
        <v>224</v>
      </c>
      <c r="AC864" t="s">
        <v>180</v>
      </c>
      <c r="AD864" t="s">
        <v>181</v>
      </c>
      <c r="AE864" t="s">
        <v>181</v>
      </c>
      <c r="AF864" t="s">
        <v>230</v>
      </c>
      <c r="AG864" t="s">
        <v>181</v>
      </c>
      <c r="AH864" t="s">
        <v>175</v>
      </c>
      <c r="AI864" t="s">
        <v>175</v>
      </c>
      <c r="AJ864" t="s">
        <v>181</v>
      </c>
      <c r="AK864" t="s">
        <v>181</v>
      </c>
      <c r="AL864" t="s">
        <v>42</v>
      </c>
      <c r="AM864" t="s">
        <v>203</v>
      </c>
      <c r="AN864" t="s">
        <v>206</v>
      </c>
      <c r="AO864" t="s">
        <v>201</v>
      </c>
      <c r="AP864" t="s">
        <v>185</v>
      </c>
      <c r="AQ864" t="s">
        <v>204</v>
      </c>
      <c r="AR864" t="s">
        <v>205</v>
      </c>
      <c r="AS864" t="s">
        <v>202</v>
      </c>
      <c r="AT864" t="s">
        <v>182</v>
      </c>
      <c r="AU864" t="s">
        <v>184</v>
      </c>
      <c r="AV864" t="s">
        <v>183</v>
      </c>
      <c r="AX864" t="s">
        <v>186</v>
      </c>
      <c r="AZ864" t="s">
        <v>207</v>
      </c>
      <c r="BF864" t="s">
        <v>49</v>
      </c>
      <c r="BG864" s="1">
        <v>0</v>
      </c>
      <c r="BH864" t="s">
        <v>211</v>
      </c>
      <c r="BK864" t="s">
        <v>218</v>
      </c>
      <c r="BM864" t="s">
        <v>191</v>
      </c>
      <c r="BO864" t="s">
        <v>191</v>
      </c>
    </row>
    <row r="865" spans="1:69" x14ac:dyDescent="0.25">
      <c r="A865" s="1">
        <v>30449905</v>
      </c>
      <c r="B865" t="s">
        <v>3448</v>
      </c>
      <c r="C865" t="s">
        <v>39</v>
      </c>
      <c r="D865" t="s">
        <v>3138</v>
      </c>
      <c r="E865" t="s">
        <v>175</v>
      </c>
      <c r="L865" t="s">
        <v>52</v>
      </c>
      <c r="M865" s="1">
        <v>0</v>
      </c>
      <c r="N865" s="1">
        <v>0</v>
      </c>
      <c r="O865" t="s">
        <v>3139</v>
      </c>
      <c r="P865" t="s">
        <v>176</v>
      </c>
      <c r="Q865" t="s">
        <v>238</v>
      </c>
      <c r="S865" t="s">
        <v>178</v>
      </c>
      <c r="T865" t="s">
        <v>175</v>
      </c>
      <c r="X865" t="s">
        <v>179</v>
      </c>
      <c r="AC865" t="s">
        <v>180</v>
      </c>
      <c r="AD865" t="s">
        <v>175</v>
      </c>
      <c r="AE865" t="s">
        <v>175</v>
      </c>
      <c r="AF865" t="s">
        <v>175</v>
      </c>
      <c r="AG865" t="s">
        <v>175</v>
      </c>
      <c r="AH865" t="s">
        <v>175</v>
      </c>
      <c r="AI865" t="s">
        <v>175</v>
      </c>
      <c r="AJ865" t="s">
        <v>175</v>
      </c>
      <c r="AK865" t="s">
        <v>175</v>
      </c>
      <c r="AL865" t="s">
        <v>42</v>
      </c>
      <c r="AM865" t="s">
        <v>184</v>
      </c>
      <c r="AN865" t="s">
        <v>205</v>
      </c>
      <c r="AO865" t="s">
        <v>201</v>
      </c>
      <c r="AP865" t="s">
        <v>182</v>
      </c>
      <c r="AQ865" t="s">
        <v>202</v>
      </c>
      <c r="AR865" t="s">
        <v>203</v>
      </c>
      <c r="AS865" t="s">
        <v>185</v>
      </c>
      <c r="AT865" t="s">
        <v>206</v>
      </c>
      <c r="AU865" t="s">
        <v>204</v>
      </c>
      <c r="AV865" t="s">
        <v>183</v>
      </c>
      <c r="AY865" t="s">
        <v>187</v>
      </c>
      <c r="AZ865" t="s">
        <v>207</v>
      </c>
      <c r="BC865" t="s">
        <v>209</v>
      </c>
      <c r="BF865" t="s">
        <v>210</v>
      </c>
      <c r="BG865" s="1">
        <v>0</v>
      </c>
      <c r="BH865" t="s">
        <v>464</v>
      </c>
      <c r="BK865" t="s">
        <v>191</v>
      </c>
      <c r="BM865" t="s">
        <v>191</v>
      </c>
      <c r="BN865" t="s">
        <v>2159</v>
      </c>
      <c r="BO865" t="s">
        <v>191</v>
      </c>
      <c r="BP865" t="s">
        <v>2159</v>
      </c>
      <c r="BQ865" t="s">
        <v>3449</v>
      </c>
    </row>
    <row r="866" spans="1:69" x14ac:dyDescent="0.25">
      <c r="A866" s="1">
        <v>30449906</v>
      </c>
      <c r="B866" t="s">
        <v>4208</v>
      </c>
      <c r="C866" t="s">
        <v>39</v>
      </c>
      <c r="D866" t="s">
        <v>3727</v>
      </c>
      <c r="E866" t="s">
        <v>175</v>
      </c>
      <c r="L866" t="s">
        <v>52</v>
      </c>
      <c r="M866" s="1">
        <v>0</v>
      </c>
      <c r="N866" s="1">
        <v>0</v>
      </c>
      <c r="O866" t="s">
        <v>3728</v>
      </c>
      <c r="P866" t="s">
        <v>176</v>
      </c>
      <c r="Q866" t="s">
        <v>177</v>
      </c>
      <c r="S866" t="s">
        <v>349</v>
      </c>
      <c r="T866" t="s">
        <v>175</v>
      </c>
      <c r="X866" t="s">
        <v>179</v>
      </c>
      <c r="AC866" t="s">
        <v>180</v>
      </c>
      <c r="AD866" t="s">
        <v>175</v>
      </c>
      <c r="AE866" t="s">
        <v>175</v>
      </c>
      <c r="AF866" t="s">
        <v>181</v>
      </c>
      <c r="AG866" t="s">
        <v>181</v>
      </c>
      <c r="AH866" t="s">
        <v>299</v>
      </c>
      <c r="AI866" t="s">
        <v>299</v>
      </c>
      <c r="AJ866" t="s">
        <v>175</v>
      </c>
      <c r="AK866" t="s">
        <v>175</v>
      </c>
      <c r="AL866" t="s">
        <v>42</v>
      </c>
      <c r="AM866" t="s">
        <v>185</v>
      </c>
      <c r="AN866" t="s">
        <v>184</v>
      </c>
      <c r="AO866" t="s">
        <v>183</v>
      </c>
      <c r="AP866" t="s">
        <v>182</v>
      </c>
      <c r="AQ866" t="s">
        <v>202</v>
      </c>
      <c r="AR866" t="s">
        <v>203</v>
      </c>
      <c r="AS866" t="s">
        <v>204</v>
      </c>
      <c r="AT866" t="s">
        <v>201</v>
      </c>
      <c r="AU866" t="s">
        <v>205</v>
      </c>
      <c r="AV866" t="s">
        <v>206</v>
      </c>
      <c r="AX866" t="s">
        <v>186</v>
      </c>
      <c r="AY866" t="s">
        <v>187</v>
      </c>
      <c r="AZ866" t="s">
        <v>207</v>
      </c>
      <c r="BB866" t="s">
        <v>208</v>
      </c>
      <c r="BF866" t="s">
        <v>232</v>
      </c>
      <c r="BG866" t="s">
        <v>233</v>
      </c>
      <c r="BH866" t="s">
        <v>211</v>
      </c>
      <c r="BK866" t="s">
        <v>191</v>
      </c>
      <c r="BL866" t="s">
        <v>4209</v>
      </c>
      <c r="BM866" t="s">
        <v>191</v>
      </c>
      <c r="BO866" t="s">
        <v>191</v>
      </c>
      <c r="BP866" t="s">
        <v>4210</v>
      </c>
    </row>
    <row r="867" spans="1:69" x14ac:dyDescent="0.25">
      <c r="A867" s="1">
        <v>30449910</v>
      </c>
      <c r="B867" t="s">
        <v>102</v>
      </c>
      <c r="C867" t="s">
        <v>39</v>
      </c>
      <c r="L867" s="1">
        <v>0</v>
      </c>
      <c r="M867" s="1">
        <v>0</v>
      </c>
      <c r="N867" s="1">
        <v>0</v>
      </c>
      <c r="O867" s="1">
        <v>0</v>
      </c>
      <c r="P867" s="1">
        <v>0</v>
      </c>
      <c r="Q867" s="1">
        <v>0</v>
      </c>
      <c r="S867" s="1">
        <v>0</v>
      </c>
      <c r="T867" s="1">
        <v>0</v>
      </c>
      <c r="AC867" s="1">
        <v>0</v>
      </c>
      <c r="AD867" s="1">
        <v>0</v>
      </c>
      <c r="AE867" s="1">
        <v>0</v>
      </c>
      <c r="AF867" s="1">
        <v>0</v>
      </c>
      <c r="AG867" s="1">
        <v>0</v>
      </c>
      <c r="AH867" s="1">
        <v>0</v>
      </c>
      <c r="AI867" s="1">
        <v>0</v>
      </c>
      <c r="AJ867" s="1">
        <v>0</v>
      </c>
      <c r="AK867" s="1">
        <v>0</v>
      </c>
      <c r="AL867" s="1">
        <v>0</v>
      </c>
      <c r="AM867" s="1">
        <v>0</v>
      </c>
      <c r="AN867" s="1">
        <v>0</v>
      </c>
      <c r="AO867" s="1">
        <v>0</v>
      </c>
      <c r="AP867" s="1">
        <v>0</v>
      </c>
      <c r="AQ867" s="1">
        <v>0</v>
      </c>
      <c r="AR867" s="1">
        <v>0</v>
      </c>
      <c r="AS867" s="1">
        <v>0</v>
      </c>
      <c r="AT867" s="1">
        <v>0</v>
      </c>
      <c r="AU867" s="1">
        <v>0</v>
      </c>
      <c r="AV867" s="1">
        <v>0</v>
      </c>
      <c r="BF867" s="1">
        <v>0</v>
      </c>
      <c r="BG867" s="1">
        <v>0</v>
      </c>
      <c r="BH867" s="1">
        <v>0</v>
      </c>
      <c r="BK867" s="1">
        <v>0</v>
      </c>
      <c r="BM867" s="1">
        <v>0</v>
      </c>
      <c r="BO867" s="1">
        <v>0</v>
      </c>
    </row>
    <row r="868" spans="1:69" x14ac:dyDescent="0.25">
      <c r="A868" s="1">
        <v>30449911</v>
      </c>
      <c r="B868" t="s">
        <v>4211</v>
      </c>
      <c r="C868" t="s">
        <v>39</v>
      </c>
      <c r="D868" t="s">
        <v>3727</v>
      </c>
      <c r="E868" t="s">
        <v>200</v>
      </c>
      <c r="L868" t="s">
        <v>52</v>
      </c>
      <c r="M868" s="1">
        <v>0</v>
      </c>
      <c r="N868" s="1">
        <v>0</v>
      </c>
      <c r="O868" t="s">
        <v>3728</v>
      </c>
      <c r="P868" t="s">
        <v>216</v>
      </c>
      <c r="Q868" t="s">
        <v>238</v>
      </c>
      <c r="S868" s="1">
        <v>0</v>
      </c>
      <c r="T868" t="s">
        <v>200</v>
      </c>
      <c r="W868" t="s">
        <v>262</v>
      </c>
      <c r="AC868" t="s">
        <v>199</v>
      </c>
      <c r="AD868" t="s">
        <v>181</v>
      </c>
      <c r="AE868" t="s">
        <v>175</v>
      </c>
      <c r="AF868" t="s">
        <v>175</v>
      </c>
      <c r="AG868" t="s">
        <v>200</v>
      </c>
      <c r="AH868" t="s">
        <v>200</v>
      </c>
      <c r="AI868" t="s">
        <v>200</v>
      </c>
      <c r="AJ868" t="s">
        <v>200</v>
      </c>
      <c r="AK868" t="s">
        <v>175</v>
      </c>
      <c r="AL868" t="s">
        <v>42</v>
      </c>
      <c r="AM868" t="s">
        <v>205</v>
      </c>
      <c r="AN868" t="s">
        <v>182</v>
      </c>
      <c r="AO868" t="s">
        <v>203</v>
      </c>
      <c r="AP868" t="s">
        <v>206</v>
      </c>
      <c r="AQ868" t="s">
        <v>185</v>
      </c>
      <c r="AR868" t="s">
        <v>184</v>
      </c>
      <c r="AS868" t="s">
        <v>204</v>
      </c>
      <c r="AT868" t="s">
        <v>183</v>
      </c>
      <c r="AU868" t="s">
        <v>201</v>
      </c>
      <c r="AV868" t="s">
        <v>202</v>
      </c>
      <c r="AX868" t="s">
        <v>186</v>
      </c>
      <c r="AZ868" t="s">
        <v>207</v>
      </c>
      <c r="BA868" t="s">
        <v>188</v>
      </c>
      <c r="BC868" t="s">
        <v>209</v>
      </c>
      <c r="BF868" t="s">
        <v>189</v>
      </c>
      <c r="BG868" s="1">
        <v>0</v>
      </c>
      <c r="BH868" t="s">
        <v>247</v>
      </c>
      <c r="BK868" t="s">
        <v>191</v>
      </c>
      <c r="BM868" t="s">
        <v>191</v>
      </c>
      <c r="BO868" t="s">
        <v>191</v>
      </c>
    </row>
    <row r="869" spans="1:69" x14ac:dyDescent="0.25">
      <c r="A869" s="1">
        <v>30449912</v>
      </c>
      <c r="B869" t="s">
        <v>4212</v>
      </c>
      <c r="C869" t="s">
        <v>39</v>
      </c>
      <c r="D869" t="s">
        <v>3727</v>
      </c>
      <c r="E869" t="s">
        <v>216</v>
      </c>
      <c r="L869" t="s">
        <v>52</v>
      </c>
      <c r="M869" s="1">
        <v>0</v>
      </c>
      <c r="N869" s="1">
        <v>0</v>
      </c>
      <c r="O869" t="s">
        <v>3728</v>
      </c>
      <c r="P869" t="s">
        <v>216</v>
      </c>
      <c r="Q869" t="s">
        <v>238</v>
      </c>
      <c r="S869" s="1">
        <v>0</v>
      </c>
      <c r="T869" t="s">
        <v>197</v>
      </c>
      <c r="AC869" s="1">
        <v>0</v>
      </c>
      <c r="AD869" s="1">
        <v>0</v>
      </c>
      <c r="AE869" s="1">
        <v>0</v>
      </c>
      <c r="AF869" s="1">
        <v>0</v>
      </c>
      <c r="AG869" s="1">
        <v>0</v>
      </c>
      <c r="AH869" s="1">
        <v>0</v>
      </c>
      <c r="AI869" s="1">
        <v>0</v>
      </c>
      <c r="AJ869" s="1">
        <v>0</v>
      </c>
      <c r="AK869" s="1">
        <v>0</v>
      </c>
      <c r="AL869" s="1">
        <v>0</v>
      </c>
      <c r="AM869" s="1">
        <v>0</v>
      </c>
      <c r="AN869" s="1">
        <v>0</v>
      </c>
      <c r="AO869" s="1">
        <v>0</v>
      </c>
      <c r="AP869" s="1">
        <v>0</v>
      </c>
      <c r="AQ869" s="1">
        <v>0</v>
      </c>
      <c r="AR869" s="1">
        <v>0</v>
      </c>
      <c r="AS869" s="1">
        <v>0</v>
      </c>
      <c r="AT869" s="1">
        <v>0</v>
      </c>
      <c r="AU869" s="1">
        <v>0</v>
      </c>
      <c r="AV869" s="1">
        <v>0</v>
      </c>
      <c r="BF869" s="1">
        <v>0</v>
      </c>
      <c r="BG869" s="1">
        <v>0</v>
      </c>
      <c r="BH869" s="1">
        <v>0</v>
      </c>
      <c r="BK869" s="1">
        <v>0</v>
      </c>
      <c r="BM869" s="1">
        <v>0</v>
      </c>
      <c r="BO869" s="1">
        <v>0</v>
      </c>
    </row>
    <row r="870" spans="1:69" x14ac:dyDescent="0.25">
      <c r="A870" s="1">
        <v>30449916</v>
      </c>
      <c r="B870" t="s">
        <v>4213</v>
      </c>
      <c r="C870" t="s">
        <v>39</v>
      </c>
      <c r="D870" t="s">
        <v>3727</v>
      </c>
      <c r="E870" t="s">
        <v>216</v>
      </c>
      <c r="L870" t="s">
        <v>52</v>
      </c>
      <c r="M870" s="1">
        <v>0</v>
      </c>
      <c r="N870" s="1">
        <v>0</v>
      </c>
      <c r="O870" t="s">
        <v>3728</v>
      </c>
      <c r="P870" t="s">
        <v>216</v>
      </c>
      <c r="Q870" t="s">
        <v>196</v>
      </c>
      <c r="S870" s="1">
        <v>0</v>
      </c>
      <c r="T870" t="s">
        <v>297</v>
      </c>
      <c r="U870" t="s">
        <v>4214</v>
      </c>
      <c r="V870" t="s">
        <v>397</v>
      </c>
      <c r="Y870" t="s">
        <v>224</v>
      </c>
      <c r="AA870" t="s">
        <v>273</v>
      </c>
      <c r="AB870" t="s">
        <v>4215</v>
      </c>
      <c r="AC870" t="s">
        <v>180</v>
      </c>
      <c r="AD870" t="s">
        <v>181</v>
      </c>
      <c r="AE870" t="s">
        <v>299</v>
      </c>
      <c r="AF870" t="s">
        <v>299</v>
      </c>
      <c r="AG870" t="s">
        <v>175</v>
      </c>
      <c r="AH870" t="s">
        <v>175</v>
      </c>
      <c r="AI870" t="s">
        <v>181</v>
      </c>
      <c r="AJ870" t="s">
        <v>175</v>
      </c>
      <c r="AK870" t="s">
        <v>230</v>
      </c>
      <c r="AL870" t="s">
        <v>52</v>
      </c>
      <c r="AM870" t="s">
        <v>185</v>
      </c>
      <c r="AN870" t="s">
        <v>201</v>
      </c>
      <c r="AO870" t="s">
        <v>204</v>
      </c>
      <c r="AP870" t="s">
        <v>184</v>
      </c>
      <c r="AQ870" t="s">
        <v>182</v>
      </c>
      <c r="AR870" t="s">
        <v>183</v>
      </c>
      <c r="AS870" t="s">
        <v>203</v>
      </c>
      <c r="AT870" t="s">
        <v>206</v>
      </c>
      <c r="AU870" t="s">
        <v>205</v>
      </c>
      <c r="AV870" t="s">
        <v>202</v>
      </c>
      <c r="AW870" t="s">
        <v>4216</v>
      </c>
      <c r="AX870" t="s">
        <v>186</v>
      </c>
      <c r="AZ870" t="s">
        <v>207</v>
      </c>
      <c r="BA870" t="s">
        <v>188</v>
      </c>
      <c r="BC870" t="s">
        <v>209</v>
      </c>
      <c r="BF870" t="s">
        <v>189</v>
      </c>
      <c r="BG870" s="1">
        <v>0</v>
      </c>
      <c r="BH870" t="s">
        <v>247</v>
      </c>
      <c r="BK870" t="s">
        <v>191</v>
      </c>
      <c r="BL870" t="s">
        <v>4217</v>
      </c>
      <c r="BM870" t="s">
        <v>191</v>
      </c>
      <c r="BN870" t="s">
        <v>4218</v>
      </c>
      <c r="BO870" t="s">
        <v>191</v>
      </c>
      <c r="BP870" t="s">
        <v>4219</v>
      </c>
      <c r="BQ870" t="s">
        <v>4220</v>
      </c>
    </row>
    <row r="871" spans="1:69" x14ac:dyDescent="0.25">
      <c r="A871" s="1">
        <v>30449920</v>
      </c>
      <c r="B871" t="s">
        <v>4221</v>
      </c>
      <c r="C871" t="s">
        <v>39</v>
      </c>
      <c r="D871" t="s">
        <v>3727</v>
      </c>
      <c r="E871" t="s">
        <v>195</v>
      </c>
      <c r="L871" t="s">
        <v>52</v>
      </c>
      <c r="M871" s="1">
        <v>0</v>
      </c>
      <c r="N871" s="1">
        <v>0</v>
      </c>
      <c r="O871" t="s">
        <v>3728</v>
      </c>
      <c r="P871" t="s">
        <v>176</v>
      </c>
      <c r="Q871" t="s">
        <v>238</v>
      </c>
      <c r="S871" t="s">
        <v>178</v>
      </c>
      <c r="T871" t="s">
        <v>197</v>
      </c>
      <c r="AC871" t="s">
        <v>180</v>
      </c>
      <c r="AD871" s="1">
        <v>0</v>
      </c>
      <c r="AE871" s="1">
        <v>0</v>
      </c>
      <c r="AF871" s="1">
        <v>0</v>
      </c>
      <c r="AG871" s="1">
        <v>0</v>
      </c>
      <c r="AH871" s="1">
        <v>0</v>
      </c>
      <c r="AI871" s="1">
        <v>0</v>
      </c>
      <c r="AJ871" s="1">
        <v>0</v>
      </c>
      <c r="AK871" s="1">
        <v>0</v>
      </c>
      <c r="AL871" t="s">
        <v>42</v>
      </c>
      <c r="AM871" s="1">
        <v>0</v>
      </c>
      <c r="AN871" s="1">
        <v>0</v>
      </c>
      <c r="AO871" s="1">
        <v>0</v>
      </c>
      <c r="AP871" s="1">
        <v>0</v>
      </c>
      <c r="AQ871" s="1">
        <v>0</v>
      </c>
      <c r="AR871" s="1">
        <v>0</v>
      </c>
      <c r="AS871" s="1">
        <v>0</v>
      </c>
      <c r="AT871" s="1">
        <v>0</v>
      </c>
      <c r="AU871" s="1">
        <v>0</v>
      </c>
      <c r="AV871" s="1">
        <v>0</v>
      </c>
      <c r="BF871" s="1">
        <v>0</v>
      </c>
      <c r="BG871" s="1">
        <v>0</v>
      </c>
      <c r="BH871" s="1">
        <v>0</v>
      </c>
      <c r="BK871" s="1">
        <v>0</v>
      </c>
      <c r="BM871" s="1">
        <v>0</v>
      </c>
      <c r="BO871" s="1">
        <v>0</v>
      </c>
    </row>
    <row r="872" spans="1:69" x14ac:dyDescent="0.25">
      <c r="A872" s="1">
        <v>30449925</v>
      </c>
      <c r="B872" t="s">
        <v>2844</v>
      </c>
      <c r="C872" t="s">
        <v>39</v>
      </c>
      <c r="D872" t="s">
        <v>2512</v>
      </c>
      <c r="E872" t="s">
        <v>195</v>
      </c>
      <c r="L872" t="s">
        <v>52</v>
      </c>
      <c r="M872" s="1">
        <v>0</v>
      </c>
      <c r="N872" s="1">
        <v>0</v>
      </c>
      <c r="O872" t="s">
        <v>2512</v>
      </c>
      <c r="P872" t="s">
        <v>176</v>
      </c>
      <c r="Q872" t="s">
        <v>238</v>
      </c>
      <c r="S872" t="s">
        <v>256</v>
      </c>
      <c r="T872" t="s">
        <v>197</v>
      </c>
      <c r="U872" t="s">
        <v>2845</v>
      </c>
      <c r="W872" t="s">
        <v>262</v>
      </c>
      <c r="AC872" t="s">
        <v>49</v>
      </c>
      <c r="AD872" t="s">
        <v>175</v>
      </c>
      <c r="AE872" t="s">
        <v>181</v>
      </c>
      <c r="AF872" t="s">
        <v>230</v>
      </c>
      <c r="AG872" t="s">
        <v>175</v>
      </c>
      <c r="AH872" t="s">
        <v>200</v>
      </c>
      <c r="AI872" t="s">
        <v>200</v>
      </c>
      <c r="AJ872" t="s">
        <v>181</v>
      </c>
      <c r="AK872" t="s">
        <v>175</v>
      </c>
      <c r="AL872" t="s">
        <v>52</v>
      </c>
      <c r="AM872" t="s">
        <v>205</v>
      </c>
      <c r="AN872" t="s">
        <v>203</v>
      </c>
      <c r="AO872" t="s">
        <v>183</v>
      </c>
      <c r="AP872" t="s">
        <v>182</v>
      </c>
      <c r="AQ872" t="s">
        <v>185</v>
      </c>
      <c r="AR872" t="s">
        <v>184</v>
      </c>
      <c r="AS872" t="s">
        <v>201</v>
      </c>
      <c r="AT872" t="s">
        <v>204</v>
      </c>
      <c r="AU872" t="s">
        <v>202</v>
      </c>
      <c r="AV872" t="s">
        <v>206</v>
      </c>
      <c r="AW872" t="s">
        <v>2846</v>
      </c>
      <c r="AX872" t="s">
        <v>186</v>
      </c>
      <c r="AY872" t="s">
        <v>187</v>
      </c>
      <c r="BC872" t="s">
        <v>209</v>
      </c>
      <c r="BF872" t="s">
        <v>189</v>
      </c>
      <c r="BG872" s="1">
        <v>0</v>
      </c>
      <c r="BH872" t="s">
        <v>247</v>
      </c>
      <c r="BK872" t="s">
        <v>191</v>
      </c>
      <c r="BL872" t="s">
        <v>2847</v>
      </c>
      <c r="BM872" t="s">
        <v>191</v>
      </c>
      <c r="BN872" t="s">
        <v>2848</v>
      </c>
      <c r="BO872" t="s">
        <v>191</v>
      </c>
      <c r="BP872" t="s">
        <v>2849</v>
      </c>
      <c r="BQ872" t="s">
        <v>2850</v>
      </c>
    </row>
    <row r="873" spans="1:69" x14ac:dyDescent="0.25">
      <c r="A873" s="1">
        <v>30449926</v>
      </c>
      <c r="B873" t="s">
        <v>2851</v>
      </c>
      <c r="C873" t="s">
        <v>39</v>
      </c>
      <c r="D873" t="s">
        <v>2512</v>
      </c>
      <c r="E873" t="s">
        <v>175</v>
      </c>
      <c r="L873" t="s">
        <v>52</v>
      </c>
      <c r="M873" s="1">
        <v>0</v>
      </c>
      <c r="N873" s="1">
        <v>0</v>
      </c>
      <c r="O873" t="s">
        <v>2512</v>
      </c>
      <c r="P873" t="s">
        <v>216</v>
      </c>
      <c r="Q873" t="s">
        <v>238</v>
      </c>
      <c r="S873" s="1">
        <v>0</v>
      </c>
      <c r="T873" t="s">
        <v>175</v>
      </c>
      <c r="W873" t="s">
        <v>262</v>
      </c>
      <c r="X873" t="s">
        <v>179</v>
      </c>
      <c r="AC873" t="s">
        <v>180</v>
      </c>
      <c r="AD873" t="s">
        <v>175</v>
      </c>
      <c r="AE873" t="s">
        <v>175</v>
      </c>
      <c r="AF873" t="s">
        <v>181</v>
      </c>
      <c r="AG873" t="s">
        <v>175</v>
      </c>
      <c r="AH873" t="s">
        <v>200</v>
      </c>
      <c r="AI873" t="s">
        <v>200</v>
      </c>
      <c r="AJ873" t="s">
        <v>175</v>
      </c>
      <c r="AK873" t="s">
        <v>181</v>
      </c>
      <c r="AL873" t="s">
        <v>42</v>
      </c>
      <c r="AM873" t="s">
        <v>203</v>
      </c>
      <c r="AN873" t="s">
        <v>201</v>
      </c>
      <c r="AO873" t="s">
        <v>185</v>
      </c>
      <c r="AP873" t="s">
        <v>183</v>
      </c>
      <c r="AQ873" t="s">
        <v>184</v>
      </c>
      <c r="AR873" t="s">
        <v>182</v>
      </c>
      <c r="AS873" t="s">
        <v>202</v>
      </c>
      <c r="AT873" t="s">
        <v>206</v>
      </c>
      <c r="AU873" t="s">
        <v>205</v>
      </c>
      <c r="AV873" t="s">
        <v>204</v>
      </c>
      <c r="AW873" t="s">
        <v>2852</v>
      </c>
      <c r="AX873" t="s">
        <v>186</v>
      </c>
      <c r="AY873" t="s">
        <v>187</v>
      </c>
      <c r="AZ873" t="s">
        <v>207</v>
      </c>
      <c r="BA873" t="s">
        <v>188</v>
      </c>
      <c r="BB873" t="s">
        <v>208</v>
      </c>
      <c r="BC873" t="s">
        <v>209</v>
      </c>
      <c r="BF873" t="s">
        <v>189</v>
      </c>
      <c r="BG873" s="1">
        <v>0</v>
      </c>
      <c r="BH873" t="s">
        <v>464</v>
      </c>
      <c r="BK873" t="s">
        <v>191</v>
      </c>
      <c r="BM873" t="s">
        <v>191</v>
      </c>
      <c r="BN873" t="s">
        <v>2853</v>
      </c>
      <c r="BO873" t="s">
        <v>191</v>
      </c>
      <c r="BP873" t="s">
        <v>2854</v>
      </c>
      <c r="BQ873" t="s">
        <v>2855</v>
      </c>
    </row>
    <row r="874" spans="1:69" x14ac:dyDescent="0.25">
      <c r="A874" s="1">
        <v>30449927</v>
      </c>
      <c r="B874" t="s">
        <v>1330</v>
      </c>
      <c r="C874" t="s">
        <v>39</v>
      </c>
      <c r="D874" t="s">
        <v>942</v>
      </c>
      <c r="E874" t="s">
        <v>175</v>
      </c>
      <c r="L874" t="s">
        <v>52</v>
      </c>
      <c r="M874" s="1">
        <v>0</v>
      </c>
      <c r="N874" s="1">
        <v>0</v>
      </c>
      <c r="O874" t="s">
        <v>942</v>
      </c>
      <c r="P874" t="s">
        <v>176</v>
      </c>
      <c r="Q874" t="s">
        <v>177</v>
      </c>
      <c r="S874" t="s">
        <v>178</v>
      </c>
      <c r="T874" t="s">
        <v>175</v>
      </c>
      <c r="X874" t="s">
        <v>179</v>
      </c>
      <c r="AC874" t="s">
        <v>180</v>
      </c>
      <c r="AD874" t="s">
        <v>200</v>
      </c>
      <c r="AE874" t="s">
        <v>200</v>
      </c>
      <c r="AF874" t="s">
        <v>200</v>
      </c>
      <c r="AG874" t="s">
        <v>200</v>
      </c>
      <c r="AH874" t="s">
        <v>200</v>
      </c>
      <c r="AI874" t="s">
        <v>200</v>
      </c>
      <c r="AJ874" t="s">
        <v>200</v>
      </c>
      <c r="AK874" t="s">
        <v>200</v>
      </c>
      <c r="AL874" t="s">
        <v>42</v>
      </c>
      <c r="AM874" t="s">
        <v>184</v>
      </c>
      <c r="AN874" t="s">
        <v>183</v>
      </c>
      <c r="AO874" t="s">
        <v>185</v>
      </c>
      <c r="AP874" t="s">
        <v>182</v>
      </c>
      <c r="AQ874" t="s">
        <v>202</v>
      </c>
      <c r="AR874" t="s">
        <v>203</v>
      </c>
      <c r="AS874" t="s">
        <v>204</v>
      </c>
      <c r="AT874" t="s">
        <v>201</v>
      </c>
      <c r="AU874" t="s">
        <v>206</v>
      </c>
      <c r="AV874" t="s">
        <v>205</v>
      </c>
      <c r="AW874" t="s">
        <v>1331</v>
      </c>
      <c r="AX874" t="s">
        <v>186</v>
      </c>
      <c r="AZ874" t="s">
        <v>207</v>
      </c>
      <c r="BA874" t="s">
        <v>188</v>
      </c>
      <c r="BB874" t="s">
        <v>208</v>
      </c>
      <c r="BF874" t="s">
        <v>210</v>
      </c>
      <c r="BG874" s="1">
        <v>0</v>
      </c>
      <c r="BH874" t="s">
        <v>247</v>
      </c>
      <c r="BK874" t="s">
        <v>191</v>
      </c>
      <c r="BM874" t="s">
        <v>191</v>
      </c>
      <c r="BO874" s="1">
        <v>0</v>
      </c>
    </row>
    <row r="875" spans="1:69" x14ac:dyDescent="0.25">
      <c r="A875" s="1">
        <v>30449928</v>
      </c>
      <c r="B875" t="s">
        <v>4222</v>
      </c>
      <c r="C875" t="s">
        <v>39</v>
      </c>
      <c r="D875" t="s">
        <v>3727</v>
      </c>
      <c r="E875" t="s">
        <v>216</v>
      </c>
      <c r="L875" t="s">
        <v>52</v>
      </c>
      <c r="M875" s="1">
        <v>0</v>
      </c>
      <c r="N875" s="1">
        <v>0</v>
      </c>
      <c r="O875" t="s">
        <v>3728</v>
      </c>
      <c r="P875" t="s">
        <v>216</v>
      </c>
      <c r="Q875" t="s">
        <v>238</v>
      </c>
      <c r="S875" s="1">
        <v>0</v>
      </c>
      <c r="T875" t="s">
        <v>197</v>
      </c>
      <c r="Y875" t="s">
        <v>224</v>
      </c>
      <c r="AC875" t="s">
        <v>180</v>
      </c>
      <c r="AD875" s="1">
        <v>0</v>
      </c>
      <c r="AE875" s="1">
        <v>0</v>
      </c>
      <c r="AF875" s="1">
        <v>0</v>
      </c>
      <c r="AG875" s="1">
        <v>0</v>
      </c>
      <c r="AH875" s="1">
        <v>0</v>
      </c>
      <c r="AI875" s="1">
        <v>0</v>
      </c>
      <c r="AJ875" s="1">
        <v>0</v>
      </c>
      <c r="AK875" s="1">
        <v>0</v>
      </c>
      <c r="AL875" s="1">
        <v>0</v>
      </c>
      <c r="AM875" s="1">
        <v>0</v>
      </c>
      <c r="AN875" s="1">
        <v>0</v>
      </c>
      <c r="AO875" s="1">
        <v>0</v>
      </c>
      <c r="AP875" s="1">
        <v>0</v>
      </c>
      <c r="AQ875" s="1">
        <v>0</v>
      </c>
      <c r="AR875" s="1">
        <v>0</v>
      </c>
      <c r="AS875" s="1">
        <v>0</v>
      </c>
      <c r="AT875" s="1">
        <v>0</v>
      </c>
      <c r="AU875" s="1">
        <v>0</v>
      </c>
      <c r="AV875" s="1">
        <v>0</v>
      </c>
      <c r="BF875" s="1">
        <v>0</v>
      </c>
      <c r="BG875" s="1">
        <v>0</v>
      </c>
      <c r="BH875" s="1">
        <v>0</v>
      </c>
      <c r="BK875" s="1">
        <v>0</v>
      </c>
      <c r="BM875" s="1">
        <v>0</v>
      </c>
      <c r="BO875" s="1">
        <v>0</v>
      </c>
    </row>
    <row r="876" spans="1:69" x14ac:dyDescent="0.25">
      <c r="A876" s="1">
        <v>30449929</v>
      </c>
      <c r="B876" t="s">
        <v>1332</v>
      </c>
      <c r="C876" t="s">
        <v>39</v>
      </c>
      <c r="D876" t="s">
        <v>942</v>
      </c>
      <c r="E876" t="s">
        <v>195</v>
      </c>
      <c r="L876" t="s">
        <v>52</v>
      </c>
      <c r="M876" s="1">
        <v>0</v>
      </c>
      <c r="N876" s="1">
        <v>0</v>
      </c>
      <c r="O876" t="s">
        <v>942</v>
      </c>
      <c r="P876" t="s">
        <v>176</v>
      </c>
      <c r="Q876" t="s">
        <v>238</v>
      </c>
      <c r="S876" t="s">
        <v>178</v>
      </c>
      <c r="T876" s="1">
        <v>0</v>
      </c>
      <c r="AC876" s="1">
        <v>0</v>
      </c>
      <c r="AD876" s="1">
        <v>0</v>
      </c>
      <c r="AE876" s="1">
        <v>0</v>
      </c>
      <c r="AF876" s="1">
        <v>0</v>
      </c>
      <c r="AG876" s="1">
        <v>0</v>
      </c>
      <c r="AH876" s="1">
        <v>0</v>
      </c>
      <c r="AI876" s="1">
        <v>0</v>
      </c>
      <c r="AJ876" s="1">
        <v>0</v>
      </c>
      <c r="AK876" s="1">
        <v>0</v>
      </c>
      <c r="AL876" s="1">
        <v>0</v>
      </c>
      <c r="AM876" s="1">
        <v>0</v>
      </c>
      <c r="AN876" s="1">
        <v>0</v>
      </c>
      <c r="AO876" s="1">
        <v>0</v>
      </c>
      <c r="AP876" s="1">
        <v>0</v>
      </c>
      <c r="AQ876" s="1">
        <v>0</v>
      </c>
      <c r="AR876" s="1">
        <v>0</v>
      </c>
      <c r="AS876" s="1">
        <v>0</v>
      </c>
      <c r="AT876" s="1">
        <v>0</v>
      </c>
      <c r="AU876" s="1">
        <v>0</v>
      </c>
      <c r="AV876" s="1">
        <v>0</v>
      </c>
      <c r="BF876" s="1">
        <v>0</v>
      </c>
      <c r="BG876" s="1">
        <v>0</v>
      </c>
      <c r="BH876" s="1">
        <v>0</v>
      </c>
      <c r="BK876" s="1">
        <v>0</v>
      </c>
      <c r="BM876" s="1">
        <v>0</v>
      </c>
      <c r="BO876" s="1">
        <v>0</v>
      </c>
    </row>
    <row r="877" spans="1:69" x14ac:dyDescent="0.25">
      <c r="A877" s="1">
        <v>30449930</v>
      </c>
      <c r="B877" t="s">
        <v>2073</v>
      </c>
      <c r="C877" t="s">
        <v>39</v>
      </c>
      <c r="D877" t="s">
        <v>1616</v>
      </c>
      <c r="E877" t="s">
        <v>200</v>
      </c>
      <c r="L877" t="s">
        <v>52</v>
      </c>
      <c r="M877" s="1">
        <v>0</v>
      </c>
      <c r="N877" s="1">
        <v>0</v>
      </c>
      <c r="O877" t="s">
        <v>1616</v>
      </c>
      <c r="P877" t="s">
        <v>176</v>
      </c>
      <c r="Q877" t="s">
        <v>238</v>
      </c>
      <c r="S877" t="s">
        <v>178</v>
      </c>
      <c r="T877" t="s">
        <v>200</v>
      </c>
      <c r="Z877" t="s">
        <v>244</v>
      </c>
      <c r="AC877" t="s">
        <v>199</v>
      </c>
      <c r="AD877" t="s">
        <v>200</v>
      </c>
      <c r="AE877" t="s">
        <v>200</v>
      </c>
      <c r="AF877" t="s">
        <v>200</v>
      </c>
      <c r="AG877" t="s">
        <v>200</v>
      </c>
      <c r="AH877" t="s">
        <v>200</v>
      </c>
      <c r="AI877" t="s">
        <v>200</v>
      </c>
      <c r="AJ877" t="s">
        <v>200</v>
      </c>
      <c r="AK877" t="s">
        <v>200</v>
      </c>
      <c r="AL877" t="s">
        <v>52</v>
      </c>
      <c r="AM877" t="s">
        <v>182</v>
      </c>
      <c r="AN877" t="s">
        <v>201</v>
      </c>
      <c r="AO877" t="s">
        <v>184</v>
      </c>
      <c r="AP877" t="s">
        <v>185</v>
      </c>
      <c r="AQ877" t="s">
        <v>203</v>
      </c>
      <c r="AR877" t="s">
        <v>202</v>
      </c>
      <c r="AS877" t="s">
        <v>183</v>
      </c>
      <c r="AT877" t="s">
        <v>205</v>
      </c>
      <c r="AU877" t="s">
        <v>206</v>
      </c>
      <c r="AV877" t="s">
        <v>204</v>
      </c>
      <c r="AX877" t="s">
        <v>186</v>
      </c>
      <c r="AY877" t="s">
        <v>187</v>
      </c>
      <c r="AZ877" t="s">
        <v>207</v>
      </c>
      <c r="BA877" t="s">
        <v>188</v>
      </c>
      <c r="BB877" t="s">
        <v>208</v>
      </c>
      <c r="BC877" t="s">
        <v>209</v>
      </c>
      <c r="BF877" t="s">
        <v>210</v>
      </c>
      <c r="BG877" s="1">
        <v>0</v>
      </c>
      <c r="BH877" t="s">
        <v>190</v>
      </c>
      <c r="BK877" t="s">
        <v>191</v>
      </c>
      <c r="BM877" t="s">
        <v>191</v>
      </c>
      <c r="BO877" t="s">
        <v>191</v>
      </c>
    </row>
    <row r="878" spans="1:69" x14ac:dyDescent="0.25">
      <c r="A878" s="1">
        <v>30449931</v>
      </c>
      <c r="B878" t="s">
        <v>603</v>
      </c>
      <c r="C878" t="s">
        <v>39</v>
      </c>
      <c r="D878" t="s">
        <v>174</v>
      </c>
      <c r="E878" t="s">
        <v>175</v>
      </c>
      <c r="L878" t="s">
        <v>52</v>
      </c>
      <c r="M878" s="1">
        <v>0</v>
      </c>
      <c r="N878" s="1">
        <v>0</v>
      </c>
      <c r="O878" t="s">
        <v>174</v>
      </c>
      <c r="P878" t="s">
        <v>176</v>
      </c>
      <c r="Q878" t="s">
        <v>238</v>
      </c>
      <c r="S878" t="s">
        <v>178</v>
      </c>
      <c r="T878" t="s">
        <v>175</v>
      </c>
      <c r="V878" t="s">
        <v>397</v>
      </c>
      <c r="X878" t="s">
        <v>179</v>
      </c>
      <c r="Y878" t="s">
        <v>224</v>
      </c>
      <c r="AC878" t="s">
        <v>180</v>
      </c>
      <c r="AD878" t="s">
        <v>175</v>
      </c>
      <c r="AE878" t="s">
        <v>175</v>
      </c>
      <c r="AF878" t="s">
        <v>175</v>
      </c>
      <c r="AG878" t="s">
        <v>175</v>
      </c>
      <c r="AH878" t="s">
        <v>175</v>
      </c>
      <c r="AI878" t="s">
        <v>175</v>
      </c>
      <c r="AJ878" t="s">
        <v>175</v>
      </c>
      <c r="AK878" t="s">
        <v>175</v>
      </c>
      <c r="AL878" t="s">
        <v>52</v>
      </c>
      <c r="AM878" t="s">
        <v>206</v>
      </c>
      <c r="AN878" t="s">
        <v>185</v>
      </c>
      <c r="AO878" t="s">
        <v>184</v>
      </c>
      <c r="AP878" t="s">
        <v>203</v>
      </c>
      <c r="AQ878" t="s">
        <v>205</v>
      </c>
      <c r="AR878" t="s">
        <v>202</v>
      </c>
      <c r="AS878" t="s">
        <v>183</v>
      </c>
      <c r="AT878" t="s">
        <v>182</v>
      </c>
      <c r="AU878" t="s">
        <v>204</v>
      </c>
      <c r="AV878" t="s">
        <v>201</v>
      </c>
      <c r="AZ878" t="s">
        <v>207</v>
      </c>
      <c r="BF878" t="s">
        <v>292</v>
      </c>
      <c r="BG878" t="s">
        <v>301</v>
      </c>
      <c r="BH878" t="s">
        <v>247</v>
      </c>
      <c r="BK878" t="s">
        <v>191</v>
      </c>
      <c r="BL878" t="s">
        <v>604</v>
      </c>
      <c r="BM878" t="s">
        <v>191</v>
      </c>
      <c r="BN878" t="s">
        <v>605</v>
      </c>
      <c r="BO878" t="s">
        <v>191</v>
      </c>
      <c r="BP878" t="s">
        <v>606</v>
      </c>
    </row>
    <row r="879" spans="1:69" x14ac:dyDescent="0.25">
      <c r="A879" s="1">
        <v>30449932</v>
      </c>
      <c r="B879" t="s">
        <v>3130</v>
      </c>
      <c r="C879" t="s">
        <v>39</v>
      </c>
      <c r="D879" t="s">
        <v>3125</v>
      </c>
      <c r="L879" t="s">
        <v>52</v>
      </c>
      <c r="M879" s="1">
        <v>0</v>
      </c>
      <c r="N879" s="1">
        <v>0</v>
      </c>
      <c r="O879" t="s">
        <v>49</v>
      </c>
      <c r="P879" s="1">
        <v>0</v>
      </c>
      <c r="Q879" s="1">
        <v>0</v>
      </c>
      <c r="S879" s="1">
        <v>0</v>
      </c>
      <c r="T879" s="1">
        <v>0</v>
      </c>
      <c r="AC879" s="1">
        <v>0</v>
      </c>
      <c r="AD879" s="1">
        <v>0</v>
      </c>
      <c r="AE879" s="1">
        <v>0</v>
      </c>
      <c r="AF879" s="1">
        <v>0</v>
      </c>
      <c r="AG879" s="1">
        <v>0</v>
      </c>
      <c r="AH879" s="1">
        <v>0</v>
      </c>
      <c r="AI879" s="1">
        <v>0</v>
      </c>
      <c r="AJ879" s="1">
        <v>0</v>
      </c>
      <c r="AK879" s="1">
        <v>0</v>
      </c>
      <c r="AL879" s="1">
        <v>0</v>
      </c>
      <c r="AM879" s="1">
        <v>0</v>
      </c>
      <c r="AN879" s="1">
        <v>0</v>
      </c>
      <c r="AO879" s="1">
        <v>0</v>
      </c>
      <c r="AP879" s="1">
        <v>0</v>
      </c>
      <c r="AQ879" s="1">
        <v>0</v>
      </c>
      <c r="AR879" s="1">
        <v>0</v>
      </c>
      <c r="AS879" s="1">
        <v>0</v>
      </c>
      <c r="AT879" s="1">
        <v>0</v>
      </c>
      <c r="AU879" s="1">
        <v>0</v>
      </c>
      <c r="AV879" s="1">
        <v>0</v>
      </c>
      <c r="BF879" s="1">
        <v>0</v>
      </c>
      <c r="BG879" s="1">
        <v>0</v>
      </c>
      <c r="BH879" s="1">
        <v>0</v>
      </c>
      <c r="BK879" s="1">
        <v>0</v>
      </c>
      <c r="BM879" s="1">
        <v>0</v>
      </c>
      <c r="BO879" s="1">
        <v>0</v>
      </c>
    </row>
    <row r="880" spans="1:69" x14ac:dyDescent="0.25">
      <c r="A880" s="1">
        <v>30449933</v>
      </c>
      <c r="B880" t="s">
        <v>2856</v>
      </c>
      <c r="C880" t="s">
        <v>39</v>
      </c>
      <c r="D880" t="s">
        <v>2512</v>
      </c>
      <c r="E880" t="s">
        <v>200</v>
      </c>
      <c r="L880" t="s">
        <v>52</v>
      </c>
      <c r="M880" s="1">
        <v>0</v>
      </c>
      <c r="N880" s="1">
        <v>0</v>
      </c>
      <c r="O880" t="s">
        <v>2512</v>
      </c>
      <c r="P880" t="s">
        <v>176</v>
      </c>
      <c r="Q880" t="s">
        <v>196</v>
      </c>
      <c r="S880" t="s">
        <v>178</v>
      </c>
      <c r="T880" t="s">
        <v>200</v>
      </c>
      <c r="Z880" t="s">
        <v>244</v>
      </c>
      <c r="AC880" t="s">
        <v>180</v>
      </c>
      <c r="AD880" t="s">
        <v>175</v>
      </c>
      <c r="AE880" t="s">
        <v>200</v>
      </c>
      <c r="AF880" t="s">
        <v>200</v>
      </c>
      <c r="AG880" t="s">
        <v>200</v>
      </c>
      <c r="AH880" t="s">
        <v>200</v>
      </c>
      <c r="AI880" t="s">
        <v>200</v>
      </c>
      <c r="AJ880" t="s">
        <v>200</v>
      </c>
      <c r="AK880" t="s">
        <v>175</v>
      </c>
      <c r="AL880" t="s">
        <v>42</v>
      </c>
      <c r="AM880" t="s">
        <v>206</v>
      </c>
      <c r="AN880" t="s">
        <v>185</v>
      </c>
      <c r="AO880" t="s">
        <v>183</v>
      </c>
      <c r="AP880" t="s">
        <v>201</v>
      </c>
      <c r="AQ880" t="s">
        <v>202</v>
      </c>
      <c r="AR880" t="s">
        <v>204</v>
      </c>
      <c r="AS880" t="s">
        <v>203</v>
      </c>
      <c r="AT880" t="s">
        <v>184</v>
      </c>
      <c r="AU880" t="s">
        <v>182</v>
      </c>
      <c r="AV880" t="s">
        <v>205</v>
      </c>
      <c r="AW880" t="s">
        <v>2857</v>
      </c>
      <c r="AX880" t="s">
        <v>186</v>
      </c>
      <c r="AY880" t="s">
        <v>187</v>
      </c>
      <c r="AZ880" t="s">
        <v>207</v>
      </c>
      <c r="BA880" t="s">
        <v>188</v>
      </c>
      <c r="BB880" t="s">
        <v>208</v>
      </c>
      <c r="BF880" t="s">
        <v>210</v>
      </c>
      <c r="BG880" s="1">
        <v>0</v>
      </c>
      <c r="BH880" t="s">
        <v>247</v>
      </c>
      <c r="BK880" t="s">
        <v>191</v>
      </c>
      <c r="BL880" t="s">
        <v>2858</v>
      </c>
      <c r="BM880" t="s">
        <v>191</v>
      </c>
      <c r="BN880" t="s">
        <v>2859</v>
      </c>
      <c r="BO880" t="s">
        <v>218</v>
      </c>
      <c r="BP880" t="s">
        <v>2860</v>
      </c>
    </row>
    <row r="881" spans="1:69" x14ac:dyDescent="0.25">
      <c r="A881" s="1">
        <v>30449934</v>
      </c>
      <c r="B881" t="s">
        <v>2074</v>
      </c>
      <c r="C881" t="s">
        <v>39</v>
      </c>
      <c r="D881" t="s">
        <v>1616</v>
      </c>
      <c r="E881" t="s">
        <v>175</v>
      </c>
      <c r="L881" t="s">
        <v>52</v>
      </c>
      <c r="M881" s="1">
        <v>0</v>
      </c>
      <c r="N881" s="1">
        <v>0</v>
      </c>
      <c r="O881" t="s">
        <v>1616</v>
      </c>
      <c r="P881" t="s">
        <v>216</v>
      </c>
      <c r="Q881" s="1">
        <v>0</v>
      </c>
      <c r="S881" s="1">
        <v>0</v>
      </c>
      <c r="T881" t="s">
        <v>175</v>
      </c>
      <c r="X881" t="s">
        <v>179</v>
      </c>
      <c r="AC881" t="s">
        <v>199</v>
      </c>
      <c r="AD881" t="s">
        <v>175</v>
      </c>
      <c r="AE881" t="s">
        <v>181</v>
      </c>
      <c r="AF881" t="s">
        <v>181</v>
      </c>
      <c r="AG881" t="s">
        <v>175</v>
      </c>
      <c r="AH881" t="s">
        <v>175</v>
      </c>
      <c r="AI881" t="s">
        <v>175</v>
      </c>
      <c r="AJ881" t="s">
        <v>181</v>
      </c>
      <c r="AK881" t="s">
        <v>175</v>
      </c>
      <c r="AL881" t="s">
        <v>42</v>
      </c>
      <c r="AM881" t="s">
        <v>184</v>
      </c>
      <c r="AN881" s="1">
        <v>0</v>
      </c>
      <c r="AO881" t="s">
        <v>185</v>
      </c>
      <c r="AP881" t="s">
        <v>183</v>
      </c>
      <c r="AQ881" s="1">
        <v>0</v>
      </c>
      <c r="AR881" s="1">
        <v>0</v>
      </c>
      <c r="AS881" s="1">
        <v>0</v>
      </c>
      <c r="AT881" s="1">
        <v>0</v>
      </c>
      <c r="AU881" s="1">
        <v>0</v>
      </c>
      <c r="AV881" t="s">
        <v>182</v>
      </c>
      <c r="AW881" t="s">
        <v>2075</v>
      </c>
      <c r="AZ881" t="s">
        <v>207</v>
      </c>
      <c r="BA881" t="s">
        <v>188</v>
      </c>
      <c r="BF881" t="s">
        <v>49</v>
      </c>
      <c r="BG881" s="1">
        <v>0</v>
      </c>
      <c r="BH881" t="s">
        <v>211</v>
      </c>
      <c r="BK881" t="s">
        <v>191</v>
      </c>
      <c r="BL881" t="s">
        <v>2076</v>
      </c>
      <c r="BM881" t="s">
        <v>191</v>
      </c>
      <c r="BN881" t="s">
        <v>2077</v>
      </c>
      <c r="BO881" t="s">
        <v>218</v>
      </c>
      <c r="BP881" t="s">
        <v>2078</v>
      </c>
      <c r="BQ881" t="s">
        <v>2079</v>
      </c>
    </row>
    <row r="882" spans="1:69" x14ac:dyDescent="0.25">
      <c r="A882" s="1">
        <v>30449935</v>
      </c>
      <c r="B882" t="s">
        <v>2861</v>
      </c>
      <c r="C882" t="s">
        <v>39</v>
      </c>
      <c r="D882" t="s">
        <v>2512</v>
      </c>
      <c r="E882" t="s">
        <v>175</v>
      </c>
      <c r="L882" t="s">
        <v>52</v>
      </c>
      <c r="M882" s="1">
        <v>0</v>
      </c>
      <c r="N882" s="1">
        <v>0</v>
      </c>
      <c r="O882" t="s">
        <v>2512</v>
      </c>
      <c r="P882" t="s">
        <v>216</v>
      </c>
      <c r="Q882" t="s">
        <v>322</v>
      </c>
      <c r="S882" s="1">
        <v>0</v>
      </c>
      <c r="T882" t="s">
        <v>175</v>
      </c>
      <c r="X882" t="s">
        <v>179</v>
      </c>
      <c r="AC882" s="1">
        <v>0</v>
      </c>
      <c r="AD882" s="1">
        <v>0</v>
      </c>
      <c r="AE882" s="1">
        <v>0</v>
      </c>
      <c r="AF882" s="1">
        <v>0</v>
      </c>
      <c r="AG882" s="1">
        <v>0</v>
      </c>
      <c r="AH882" s="1">
        <v>0</v>
      </c>
      <c r="AI882" s="1">
        <v>0</v>
      </c>
      <c r="AJ882" s="1">
        <v>0</v>
      </c>
      <c r="AK882" s="1">
        <v>0</v>
      </c>
      <c r="AL882" s="1">
        <v>0</v>
      </c>
      <c r="AM882" s="1">
        <v>0</v>
      </c>
      <c r="AN882" s="1">
        <v>0</v>
      </c>
      <c r="AO882" s="1">
        <v>0</v>
      </c>
      <c r="AP882" s="1">
        <v>0</v>
      </c>
      <c r="AQ882" s="1">
        <v>0</v>
      </c>
      <c r="AR882" s="1">
        <v>0</v>
      </c>
      <c r="AS882" s="1">
        <v>0</v>
      </c>
      <c r="AT882" s="1">
        <v>0</v>
      </c>
      <c r="AU882" s="1">
        <v>0</v>
      </c>
      <c r="AV882" s="1">
        <v>0</v>
      </c>
      <c r="BF882" s="1">
        <v>0</v>
      </c>
      <c r="BG882" s="1">
        <v>0</v>
      </c>
      <c r="BH882" s="1">
        <v>0</v>
      </c>
      <c r="BK882" s="1">
        <v>0</v>
      </c>
      <c r="BM882" s="1">
        <v>0</v>
      </c>
      <c r="BO882" s="1">
        <v>0</v>
      </c>
    </row>
    <row r="883" spans="1:69" x14ac:dyDescent="0.25">
      <c r="A883" s="1">
        <v>30449936</v>
      </c>
      <c r="B883" t="s">
        <v>2862</v>
      </c>
      <c r="C883" t="s">
        <v>39</v>
      </c>
      <c r="D883" t="s">
        <v>2512</v>
      </c>
      <c r="E883" t="s">
        <v>175</v>
      </c>
      <c r="L883" t="s">
        <v>52</v>
      </c>
      <c r="M883" s="1">
        <v>0</v>
      </c>
      <c r="N883" s="1">
        <v>0</v>
      </c>
      <c r="O883" t="s">
        <v>2512</v>
      </c>
      <c r="P883" t="s">
        <v>176</v>
      </c>
      <c r="Q883" t="s">
        <v>238</v>
      </c>
      <c r="S883" t="s">
        <v>178</v>
      </c>
      <c r="T883" t="s">
        <v>175</v>
      </c>
      <c r="X883" t="s">
        <v>179</v>
      </c>
      <c r="AC883" t="s">
        <v>180</v>
      </c>
      <c r="AD883" t="s">
        <v>175</v>
      </c>
      <c r="AE883" t="s">
        <v>299</v>
      </c>
      <c r="AF883" t="s">
        <v>230</v>
      </c>
      <c r="AG883" t="s">
        <v>175</v>
      </c>
      <c r="AH883" t="s">
        <v>200</v>
      </c>
      <c r="AI883" t="s">
        <v>175</v>
      </c>
      <c r="AJ883" t="s">
        <v>175</v>
      </c>
      <c r="AK883" t="s">
        <v>175</v>
      </c>
      <c r="AL883" t="s">
        <v>42</v>
      </c>
      <c r="AM883" t="s">
        <v>203</v>
      </c>
      <c r="AN883" t="s">
        <v>184</v>
      </c>
      <c r="AO883" t="s">
        <v>201</v>
      </c>
      <c r="AP883" t="s">
        <v>182</v>
      </c>
      <c r="AQ883" t="s">
        <v>204</v>
      </c>
      <c r="AR883" t="s">
        <v>185</v>
      </c>
      <c r="AS883" t="s">
        <v>202</v>
      </c>
      <c r="AT883" t="s">
        <v>183</v>
      </c>
      <c r="AU883" t="s">
        <v>205</v>
      </c>
      <c r="AV883" t="s">
        <v>206</v>
      </c>
      <c r="AX883" t="s">
        <v>186</v>
      </c>
      <c r="AY883" t="s">
        <v>187</v>
      </c>
      <c r="AZ883" t="s">
        <v>207</v>
      </c>
      <c r="BA883" t="s">
        <v>188</v>
      </c>
      <c r="BB883" t="s">
        <v>208</v>
      </c>
      <c r="BC883" t="s">
        <v>209</v>
      </c>
      <c r="BF883" t="s">
        <v>189</v>
      </c>
      <c r="BG883" s="1">
        <v>0</v>
      </c>
      <c r="BH883" t="s">
        <v>302</v>
      </c>
      <c r="BK883" t="s">
        <v>191</v>
      </c>
      <c r="BM883" t="s">
        <v>191</v>
      </c>
      <c r="BO883" t="s">
        <v>191</v>
      </c>
    </row>
    <row r="884" spans="1:69" x14ac:dyDescent="0.25">
      <c r="A884" s="1">
        <v>30449938</v>
      </c>
      <c r="B884" t="s">
        <v>3450</v>
      </c>
      <c r="C884" t="s">
        <v>39</v>
      </c>
      <c r="D884" t="s">
        <v>3138</v>
      </c>
      <c r="E884" t="s">
        <v>175</v>
      </c>
      <c r="L884" t="s">
        <v>52</v>
      </c>
      <c r="M884" s="1">
        <v>0</v>
      </c>
      <c r="N884" s="1">
        <v>0</v>
      </c>
      <c r="O884" t="s">
        <v>3139</v>
      </c>
      <c r="P884" t="s">
        <v>176</v>
      </c>
      <c r="Q884" t="s">
        <v>177</v>
      </c>
      <c r="S884" t="s">
        <v>256</v>
      </c>
      <c r="T884" t="s">
        <v>175</v>
      </c>
      <c r="Y884" t="s">
        <v>224</v>
      </c>
      <c r="AC884" t="s">
        <v>180</v>
      </c>
      <c r="AD884" s="1">
        <v>0</v>
      </c>
      <c r="AE884" t="s">
        <v>175</v>
      </c>
      <c r="AF884" t="s">
        <v>230</v>
      </c>
      <c r="AG884" t="s">
        <v>175</v>
      </c>
      <c r="AH884" t="s">
        <v>200</v>
      </c>
      <c r="AI884" t="s">
        <v>175</v>
      </c>
      <c r="AJ884" t="s">
        <v>200</v>
      </c>
      <c r="AK884" t="s">
        <v>181</v>
      </c>
      <c r="AL884" t="s">
        <v>52</v>
      </c>
      <c r="AM884" t="s">
        <v>184</v>
      </c>
      <c r="AN884" t="s">
        <v>185</v>
      </c>
      <c r="AO884" t="s">
        <v>182</v>
      </c>
      <c r="AP884" t="s">
        <v>206</v>
      </c>
      <c r="AQ884" t="s">
        <v>204</v>
      </c>
      <c r="AR884" t="s">
        <v>202</v>
      </c>
      <c r="AS884" t="s">
        <v>203</v>
      </c>
      <c r="AT884" t="s">
        <v>183</v>
      </c>
      <c r="AU884" t="s">
        <v>201</v>
      </c>
      <c r="AV884" t="s">
        <v>205</v>
      </c>
      <c r="AX884" t="s">
        <v>186</v>
      </c>
      <c r="AY884" t="s">
        <v>187</v>
      </c>
      <c r="AZ884" t="s">
        <v>207</v>
      </c>
      <c r="BA884" t="s">
        <v>188</v>
      </c>
      <c r="BC884" t="s">
        <v>209</v>
      </c>
      <c r="BF884" t="s">
        <v>210</v>
      </c>
      <c r="BG884" s="1">
        <v>0</v>
      </c>
      <c r="BH884" t="s">
        <v>211</v>
      </c>
      <c r="BK884" t="s">
        <v>191</v>
      </c>
      <c r="BL884" t="s">
        <v>3451</v>
      </c>
      <c r="BM884" t="s">
        <v>218</v>
      </c>
      <c r="BN884" t="s">
        <v>3452</v>
      </c>
      <c r="BO884" t="s">
        <v>218</v>
      </c>
      <c r="BP884" t="s">
        <v>3453</v>
      </c>
    </row>
    <row r="885" spans="1:69" x14ac:dyDescent="0.25">
      <c r="A885" s="1">
        <v>30449939</v>
      </c>
      <c r="B885" t="s">
        <v>4223</v>
      </c>
      <c r="C885" t="s">
        <v>39</v>
      </c>
      <c r="D885" t="s">
        <v>3727</v>
      </c>
      <c r="E885" t="s">
        <v>175</v>
      </c>
      <c r="L885" t="s">
        <v>52</v>
      </c>
      <c r="M885" s="1">
        <v>0</v>
      </c>
      <c r="N885" s="1">
        <v>0</v>
      </c>
      <c r="O885" t="s">
        <v>3728</v>
      </c>
      <c r="P885" t="s">
        <v>216</v>
      </c>
      <c r="Q885" t="s">
        <v>322</v>
      </c>
      <c r="S885" s="1">
        <v>0</v>
      </c>
      <c r="T885" t="s">
        <v>175</v>
      </c>
      <c r="Y885" t="s">
        <v>224</v>
      </c>
      <c r="AC885" t="s">
        <v>180</v>
      </c>
      <c r="AD885" t="s">
        <v>175</v>
      </c>
      <c r="AE885" t="s">
        <v>175</v>
      </c>
      <c r="AF885" t="s">
        <v>175</v>
      </c>
      <c r="AG885" t="s">
        <v>175</v>
      </c>
      <c r="AH885" t="s">
        <v>175</v>
      </c>
      <c r="AI885" t="s">
        <v>175</v>
      </c>
      <c r="AJ885" t="s">
        <v>181</v>
      </c>
      <c r="AK885" t="s">
        <v>175</v>
      </c>
      <c r="AL885" t="s">
        <v>42</v>
      </c>
      <c r="AM885" t="s">
        <v>183</v>
      </c>
      <c r="AN885" t="s">
        <v>202</v>
      </c>
      <c r="AO885" t="s">
        <v>204</v>
      </c>
      <c r="AP885" t="s">
        <v>182</v>
      </c>
      <c r="AQ885" t="s">
        <v>201</v>
      </c>
      <c r="AR885" t="s">
        <v>203</v>
      </c>
      <c r="AS885" t="s">
        <v>205</v>
      </c>
      <c r="AT885" t="s">
        <v>184</v>
      </c>
      <c r="AU885" t="s">
        <v>206</v>
      </c>
      <c r="AV885" t="s">
        <v>185</v>
      </c>
      <c r="AX885" t="s">
        <v>186</v>
      </c>
      <c r="BF885" t="s">
        <v>210</v>
      </c>
      <c r="BG885" s="1">
        <v>0</v>
      </c>
      <c r="BH885" t="s">
        <v>211</v>
      </c>
      <c r="BK885" t="s">
        <v>191</v>
      </c>
      <c r="BM885" t="s">
        <v>218</v>
      </c>
      <c r="BO885" t="s">
        <v>191</v>
      </c>
    </row>
    <row r="886" spans="1:69" x14ac:dyDescent="0.25">
      <c r="A886" s="1">
        <v>30449940</v>
      </c>
      <c r="B886" t="s">
        <v>2080</v>
      </c>
      <c r="C886" t="s">
        <v>39</v>
      </c>
      <c r="D886" t="s">
        <v>1616</v>
      </c>
      <c r="E886" t="s">
        <v>175</v>
      </c>
      <c r="L886" t="s">
        <v>52</v>
      </c>
      <c r="M886" s="1">
        <v>0</v>
      </c>
      <c r="N886" s="1">
        <v>0</v>
      </c>
      <c r="O886" t="s">
        <v>1616</v>
      </c>
      <c r="P886" t="s">
        <v>176</v>
      </c>
      <c r="Q886" t="s">
        <v>196</v>
      </c>
      <c r="S886" t="s">
        <v>349</v>
      </c>
      <c r="T886" t="s">
        <v>175</v>
      </c>
      <c r="W886" t="s">
        <v>262</v>
      </c>
      <c r="Z886" t="s">
        <v>244</v>
      </c>
      <c r="AC886" t="s">
        <v>180</v>
      </c>
      <c r="AD886" t="s">
        <v>181</v>
      </c>
      <c r="AE886" t="s">
        <v>181</v>
      </c>
      <c r="AF886" t="s">
        <v>175</v>
      </c>
      <c r="AG886" t="s">
        <v>175</v>
      </c>
      <c r="AH886" t="s">
        <v>175</v>
      </c>
      <c r="AI886" t="s">
        <v>181</v>
      </c>
      <c r="AJ886" t="s">
        <v>175</v>
      </c>
      <c r="AK886" t="s">
        <v>230</v>
      </c>
      <c r="AL886" t="s">
        <v>52</v>
      </c>
      <c r="AM886" t="s">
        <v>206</v>
      </c>
      <c r="AN886" t="s">
        <v>182</v>
      </c>
      <c r="AO886" t="s">
        <v>185</v>
      </c>
      <c r="AP886" t="s">
        <v>201</v>
      </c>
      <c r="AQ886" t="s">
        <v>205</v>
      </c>
      <c r="AR886" t="s">
        <v>202</v>
      </c>
      <c r="AS886" t="s">
        <v>204</v>
      </c>
      <c r="AT886" t="s">
        <v>184</v>
      </c>
      <c r="AU886" t="s">
        <v>183</v>
      </c>
      <c r="AV886" t="s">
        <v>203</v>
      </c>
      <c r="AY886" t="s">
        <v>187</v>
      </c>
      <c r="AZ886" t="s">
        <v>207</v>
      </c>
      <c r="BB886" t="s">
        <v>208</v>
      </c>
      <c r="BC886" t="s">
        <v>209</v>
      </c>
      <c r="BF886" t="s">
        <v>189</v>
      </c>
      <c r="BG886" s="1">
        <v>0</v>
      </c>
      <c r="BH886" t="s">
        <v>211</v>
      </c>
      <c r="BK886" t="s">
        <v>191</v>
      </c>
      <c r="BL886" t="s">
        <v>2081</v>
      </c>
      <c r="BM886" t="s">
        <v>218</v>
      </c>
      <c r="BN886" t="s">
        <v>2082</v>
      </c>
      <c r="BO886" t="s">
        <v>218</v>
      </c>
      <c r="BP886" t="s">
        <v>2083</v>
      </c>
    </row>
    <row r="887" spans="1:69" x14ac:dyDescent="0.25">
      <c r="A887" s="1">
        <v>30449941</v>
      </c>
      <c r="B887" t="s">
        <v>4224</v>
      </c>
      <c r="C887" t="s">
        <v>39</v>
      </c>
      <c r="D887" t="s">
        <v>3727</v>
      </c>
      <c r="E887" t="s">
        <v>175</v>
      </c>
      <c r="L887" t="s">
        <v>52</v>
      </c>
      <c r="M887" s="1">
        <v>0</v>
      </c>
      <c r="N887" s="1">
        <v>0</v>
      </c>
      <c r="O887" t="s">
        <v>3728</v>
      </c>
      <c r="P887" t="s">
        <v>176</v>
      </c>
      <c r="Q887" t="s">
        <v>177</v>
      </c>
      <c r="S887" t="s">
        <v>178</v>
      </c>
      <c r="T887" t="s">
        <v>175</v>
      </c>
      <c r="X887" t="s">
        <v>179</v>
      </c>
      <c r="AC887" t="s">
        <v>180</v>
      </c>
      <c r="AD887" t="s">
        <v>175</v>
      </c>
      <c r="AE887" t="s">
        <v>175</v>
      </c>
      <c r="AF887" t="s">
        <v>175</v>
      </c>
      <c r="AG887" t="s">
        <v>175</v>
      </c>
      <c r="AH887" t="s">
        <v>175</v>
      </c>
      <c r="AI887" t="s">
        <v>175</v>
      </c>
      <c r="AJ887" t="s">
        <v>181</v>
      </c>
      <c r="AK887" t="s">
        <v>175</v>
      </c>
      <c r="AL887" t="s">
        <v>42</v>
      </c>
      <c r="AM887" t="s">
        <v>182</v>
      </c>
      <c r="AN887" t="s">
        <v>201</v>
      </c>
      <c r="AO887" t="s">
        <v>204</v>
      </c>
      <c r="AP887" t="s">
        <v>184</v>
      </c>
      <c r="AQ887" t="s">
        <v>185</v>
      </c>
      <c r="AR887" t="s">
        <v>205</v>
      </c>
      <c r="AS887" t="s">
        <v>203</v>
      </c>
      <c r="AT887" t="s">
        <v>206</v>
      </c>
      <c r="AU887" t="s">
        <v>183</v>
      </c>
      <c r="AV887" t="s">
        <v>202</v>
      </c>
      <c r="AX887" t="s">
        <v>186</v>
      </c>
      <c r="AZ887" t="s">
        <v>207</v>
      </c>
      <c r="BC887" t="s">
        <v>209</v>
      </c>
      <c r="BF887" t="s">
        <v>210</v>
      </c>
      <c r="BG887" s="1">
        <v>0</v>
      </c>
      <c r="BH887" t="s">
        <v>247</v>
      </c>
      <c r="BK887" t="s">
        <v>191</v>
      </c>
      <c r="BM887" t="s">
        <v>191</v>
      </c>
      <c r="BO887" t="s">
        <v>191</v>
      </c>
    </row>
    <row r="888" spans="1:69" x14ac:dyDescent="0.25">
      <c r="A888" s="1">
        <v>30449943</v>
      </c>
      <c r="B888" t="s">
        <v>2084</v>
      </c>
      <c r="C888" t="s">
        <v>39</v>
      </c>
      <c r="D888" t="s">
        <v>1616</v>
      </c>
      <c r="E888" t="s">
        <v>216</v>
      </c>
      <c r="L888" t="s">
        <v>52</v>
      </c>
      <c r="M888" s="1">
        <v>0</v>
      </c>
      <c r="N888" s="1">
        <v>0</v>
      </c>
      <c r="O888" t="s">
        <v>1616</v>
      </c>
      <c r="P888" t="s">
        <v>216</v>
      </c>
      <c r="Q888" t="s">
        <v>322</v>
      </c>
      <c r="S888" s="1">
        <v>0</v>
      </c>
      <c r="T888" t="s">
        <v>197</v>
      </c>
      <c r="U888" t="s">
        <v>2085</v>
      </c>
      <c r="Y888" t="s">
        <v>224</v>
      </c>
      <c r="AC888" t="s">
        <v>180</v>
      </c>
      <c r="AD888" t="s">
        <v>181</v>
      </c>
      <c r="AE888" t="s">
        <v>175</v>
      </c>
      <c r="AF888" t="s">
        <v>175</v>
      </c>
      <c r="AG888" t="s">
        <v>181</v>
      </c>
      <c r="AH888" t="s">
        <v>181</v>
      </c>
      <c r="AI888" t="s">
        <v>181</v>
      </c>
      <c r="AJ888" t="s">
        <v>181</v>
      </c>
      <c r="AK888" t="s">
        <v>181</v>
      </c>
      <c r="AL888" t="s">
        <v>42</v>
      </c>
      <c r="AM888" s="1">
        <v>0</v>
      </c>
      <c r="AN888" s="1">
        <v>0</v>
      </c>
      <c r="AO888" t="s">
        <v>184</v>
      </c>
      <c r="AP888" t="s">
        <v>182</v>
      </c>
      <c r="AQ888" s="1">
        <v>0</v>
      </c>
      <c r="AR888" s="1">
        <v>0</v>
      </c>
      <c r="AS888" s="1">
        <v>0</v>
      </c>
      <c r="AT888" t="s">
        <v>185</v>
      </c>
      <c r="AU888" s="1">
        <v>0</v>
      </c>
      <c r="AV888" s="1">
        <v>0</v>
      </c>
      <c r="AX888" t="s">
        <v>186</v>
      </c>
      <c r="AY888" t="s">
        <v>187</v>
      </c>
      <c r="AZ888" t="s">
        <v>207</v>
      </c>
      <c r="BF888" t="s">
        <v>292</v>
      </c>
      <c r="BG888" t="s">
        <v>49</v>
      </c>
      <c r="BH888" t="s">
        <v>211</v>
      </c>
      <c r="BK888" t="s">
        <v>191</v>
      </c>
      <c r="BL888" t="s">
        <v>2086</v>
      </c>
      <c r="BM888" t="s">
        <v>191</v>
      </c>
      <c r="BO888" t="s">
        <v>191</v>
      </c>
      <c r="BP888" t="s">
        <v>2087</v>
      </c>
    </row>
    <row r="889" spans="1:69" x14ac:dyDescent="0.25">
      <c r="A889" s="1">
        <v>30449944</v>
      </c>
      <c r="B889" t="s">
        <v>2088</v>
      </c>
      <c r="C889" t="s">
        <v>39</v>
      </c>
      <c r="D889" t="s">
        <v>1616</v>
      </c>
      <c r="E889" t="s">
        <v>195</v>
      </c>
      <c r="L889" t="s">
        <v>52</v>
      </c>
      <c r="M889" s="1">
        <v>0</v>
      </c>
      <c r="N889" s="1">
        <v>0</v>
      </c>
      <c r="O889" t="s">
        <v>1616</v>
      </c>
      <c r="P889" t="s">
        <v>176</v>
      </c>
      <c r="Q889" t="s">
        <v>238</v>
      </c>
      <c r="S889" s="1">
        <v>0</v>
      </c>
      <c r="T889" s="1">
        <v>0</v>
      </c>
      <c r="AC889" s="1">
        <v>0</v>
      </c>
      <c r="AD889" s="1">
        <v>0</v>
      </c>
      <c r="AE889" s="1">
        <v>0</v>
      </c>
      <c r="AF889" s="1">
        <v>0</v>
      </c>
      <c r="AG889" s="1">
        <v>0</v>
      </c>
      <c r="AH889" s="1">
        <v>0</v>
      </c>
      <c r="AI889" s="1">
        <v>0</v>
      </c>
      <c r="AJ889" s="1">
        <v>0</v>
      </c>
      <c r="AK889" s="1">
        <v>0</v>
      </c>
      <c r="AL889" s="1">
        <v>0</v>
      </c>
      <c r="AM889" s="1">
        <v>0</v>
      </c>
      <c r="AN889" s="1">
        <v>0</v>
      </c>
      <c r="AO889" s="1">
        <v>0</v>
      </c>
      <c r="AP889" s="1">
        <v>0</v>
      </c>
      <c r="AQ889" s="1">
        <v>0</v>
      </c>
      <c r="AR889" s="1">
        <v>0</v>
      </c>
      <c r="AS889" s="1">
        <v>0</v>
      </c>
      <c r="AT889" s="1">
        <v>0</v>
      </c>
      <c r="AU889" s="1">
        <v>0</v>
      </c>
      <c r="AV889" s="1">
        <v>0</v>
      </c>
      <c r="BF889" s="1">
        <v>0</v>
      </c>
      <c r="BG889" s="1">
        <v>0</v>
      </c>
      <c r="BH889" s="1">
        <v>0</v>
      </c>
      <c r="BK889" s="1">
        <v>0</v>
      </c>
      <c r="BM889" s="1">
        <v>0</v>
      </c>
      <c r="BO889" s="1">
        <v>0</v>
      </c>
    </row>
    <row r="890" spans="1:69" x14ac:dyDescent="0.25">
      <c r="A890" s="1">
        <v>30449945</v>
      </c>
      <c r="B890" t="s">
        <v>607</v>
      </c>
      <c r="C890" t="s">
        <v>39</v>
      </c>
      <c r="D890" t="s">
        <v>174</v>
      </c>
      <c r="E890" t="s">
        <v>200</v>
      </c>
      <c r="L890" t="s">
        <v>52</v>
      </c>
      <c r="M890" s="1">
        <v>0</v>
      </c>
      <c r="N890" s="1">
        <v>0</v>
      </c>
      <c r="O890" t="s">
        <v>174</v>
      </c>
      <c r="P890" t="s">
        <v>176</v>
      </c>
      <c r="Q890" t="s">
        <v>258</v>
      </c>
      <c r="S890" t="s">
        <v>178</v>
      </c>
      <c r="T890" t="s">
        <v>200</v>
      </c>
      <c r="Y890" t="s">
        <v>224</v>
      </c>
      <c r="AC890" t="s">
        <v>180</v>
      </c>
      <c r="AD890" t="s">
        <v>175</v>
      </c>
      <c r="AE890" t="s">
        <v>200</v>
      </c>
      <c r="AF890" t="s">
        <v>200</v>
      </c>
      <c r="AG890" t="s">
        <v>200</v>
      </c>
      <c r="AH890" t="s">
        <v>200</v>
      </c>
      <c r="AI890" t="s">
        <v>200</v>
      </c>
      <c r="AJ890" t="s">
        <v>200</v>
      </c>
      <c r="AK890" t="s">
        <v>200</v>
      </c>
      <c r="AL890" t="s">
        <v>52</v>
      </c>
      <c r="AM890" t="s">
        <v>183</v>
      </c>
      <c r="AN890" t="s">
        <v>206</v>
      </c>
      <c r="AO890" t="s">
        <v>201</v>
      </c>
      <c r="AP890" t="s">
        <v>184</v>
      </c>
      <c r="AQ890" t="s">
        <v>185</v>
      </c>
      <c r="AR890" t="s">
        <v>205</v>
      </c>
      <c r="AS890" t="s">
        <v>204</v>
      </c>
      <c r="AT890" t="s">
        <v>182</v>
      </c>
      <c r="AU890" t="s">
        <v>203</v>
      </c>
      <c r="AV890" t="s">
        <v>202</v>
      </c>
      <c r="BF890" s="1">
        <v>0</v>
      </c>
      <c r="BG890" s="1">
        <v>0</v>
      </c>
      <c r="BH890" s="1">
        <v>0</v>
      </c>
      <c r="BK890" s="1">
        <v>0</v>
      </c>
      <c r="BM890" s="1">
        <v>0</v>
      </c>
      <c r="BO890" s="1">
        <v>0</v>
      </c>
    </row>
    <row r="891" spans="1:69" x14ac:dyDescent="0.25">
      <c r="A891" s="1">
        <v>30449946</v>
      </c>
      <c r="B891" t="s">
        <v>2089</v>
      </c>
      <c r="C891" t="s">
        <v>39</v>
      </c>
      <c r="D891" t="s">
        <v>1616</v>
      </c>
      <c r="E891" t="s">
        <v>216</v>
      </c>
      <c r="L891" t="s">
        <v>52</v>
      </c>
      <c r="M891" s="1">
        <v>0</v>
      </c>
      <c r="N891" s="1">
        <v>0</v>
      </c>
      <c r="O891" t="s">
        <v>1616</v>
      </c>
      <c r="P891" t="s">
        <v>216</v>
      </c>
      <c r="Q891" t="s">
        <v>322</v>
      </c>
      <c r="S891" s="1">
        <v>0</v>
      </c>
      <c r="T891" t="s">
        <v>197</v>
      </c>
      <c r="U891" t="s">
        <v>2090</v>
      </c>
      <c r="W891" t="s">
        <v>262</v>
      </c>
      <c r="X891" t="s">
        <v>179</v>
      </c>
      <c r="AA891" t="s">
        <v>273</v>
      </c>
      <c r="AB891" t="s">
        <v>2091</v>
      </c>
      <c r="AC891" t="s">
        <v>199</v>
      </c>
      <c r="AD891" t="s">
        <v>230</v>
      </c>
      <c r="AE891" t="s">
        <v>230</v>
      </c>
      <c r="AF891" t="s">
        <v>181</v>
      </c>
      <c r="AG891" t="s">
        <v>181</v>
      </c>
      <c r="AH891" t="s">
        <v>230</v>
      </c>
      <c r="AI891" t="s">
        <v>181</v>
      </c>
      <c r="AJ891" t="s">
        <v>181</v>
      </c>
      <c r="AK891" t="s">
        <v>299</v>
      </c>
      <c r="AL891" t="s">
        <v>52</v>
      </c>
      <c r="AM891" s="1">
        <v>0</v>
      </c>
      <c r="AN891" s="1">
        <v>0</v>
      </c>
      <c r="AO891" s="1">
        <v>0</v>
      </c>
      <c r="AP891" s="1">
        <v>0</v>
      </c>
      <c r="AQ891" s="1">
        <v>0</v>
      </c>
      <c r="AR891" s="1">
        <v>0</v>
      </c>
      <c r="AS891" s="1">
        <v>0</v>
      </c>
      <c r="AT891" s="1">
        <v>0</v>
      </c>
      <c r="AU891" s="1">
        <v>0</v>
      </c>
      <c r="AV891" s="1">
        <v>0</v>
      </c>
      <c r="BF891" s="1">
        <v>0</v>
      </c>
      <c r="BG891" s="1">
        <v>0</v>
      </c>
      <c r="BH891" s="1">
        <v>0</v>
      </c>
      <c r="BK891" s="1">
        <v>0</v>
      </c>
      <c r="BM891" s="1">
        <v>0</v>
      </c>
      <c r="BO891" s="1">
        <v>0</v>
      </c>
    </row>
    <row r="892" spans="1:69" x14ac:dyDescent="0.25">
      <c r="A892" s="1">
        <v>30449952</v>
      </c>
      <c r="B892" t="s">
        <v>1333</v>
      </c>
      <c r="C892" t="s">
        <v>39</v>
      </c>
      <c r="D892" t="s">
        <v>942</v>
      </c>
      <c r="E892" t="s">
        <v>195</v>
      </c>
      <c r="L892" t="s">
        <v>52</v>
      </c>
      <c r="M892" s="1">
        <v>0</v>
      </c>
      <c r="N892" s="1">
        <v>0</v>
      </c>
      <c r="O892" t="s">
        <v>942</v>
      </c>
      <c r="P892" t="s">
        <v>176</v>
      </c>
      <c r="Q892" t="s">
        <v>258</v>
      </c>
      <c r="S892" t="s">
        <v>222</v>
      </c>
      <c r="T892" t="s">
        <v>197</v>
      </c>
      <c r="U892" t="s">
        <v>1334</v>
      </c>
      <c r="W892" t="s">
        <v>262</v>
      </c>
      <c r="AC892" t="s">
        <v>199</v>
      </c>
      <c r="AD892" t="s">
        <v>175</v>
      </c>
      <c r="AE892" t="s">
        <v>175</v>
      </c>
      <c r="AF892" t="s">
        <v>181</v>
      </c>
      <c r="AG892" t="s">
        <v>181</v>
      </c>
      <c r="AH892" t="s">
        <v>175</v>
      </c>
      <c r="AI892" t="s">
        <v>181</v>
      </c>
      <c r="AJ892" t="s">
        <v>181</v>
      </c>
      <c r="AK892" t="s">
        <v>175</v>
      </c>
      <c r="AL892" t="s">
        <v>42</v>
      </c>
      <c r="AM892" s="1">
        <v>0</v>
      </c>
      <c r="AN892" s="1">
        <v>0</v>
      </c>
      <c r="AO892" s="1">
        <v>0</v>
      </c>
      <c r="AP892" s="1">
        <v>0</v>
      </c>
      <c r="AQ892" s="1">
        <v>0</v>
      </c>
      <c r="AR892" s="1">
        <v>0</v>
      </c>
      <c r="AS892" s="1">
        <v>0</v>
      </c>
      <c r="AT892" s="1">
        <v>0</v>
      </c>
      <c r="AU892" s="1">
        <v>0</v>
      </c>
      <c r="AV892" s="1">
        <v>0</v>
      </c>
      <c r="AX892" t="s">
        <v>186</v>
      </c>
      <c r="BA892" t="s">
        <v>188</v>
      </c>
      <c r="BF892" t="s">
        <v>189</v>
      </c>
      <c r="BG892" s="1">
        <v>0</v>
      </c>
      <c r="BH892" t="s">
        <v>211</v>
      </c>
      <c r="BK892" t="s">
        <v>191</v>
      </c>
      <c r="BM892" t="s">
        <v>191</v>
      </c>
      <c r="BO892" t="s">
        <v>191</v>
      </c>
    </row>
    <row r="893" spans="1:69" x14ac:dyDescent="0.25">
      <c r="A893" s="1">
        <v>30449953</v>
      </c>
      <c r="B893" t="s">
        <v>4225</v>
      </c>
      <c r="C893" t="s">
        <v>39</v>
      </c>
      <c r="D893" t="s">
        <v>3727</v>
      </c>
      <c r="E893" t="s">
        <v>175</v>
      </c>
      <c r="L893" t="s">
        <v>52</v>
      </c>
      <c r="M893" s="1">
        <v>0</v>
      </c>
      <c r="N893" s="1">
        <v>0</v>
      </c>
      <c r="O893" t="s">
        <v>3728</v>
      </c>
      <c r="P893" t="s">
        <v>176</v>
      </c>
      <c r="Q893" t="s">
        <v>177</v>
      </c>
      <c r="S893" t="s">
        <v>178</v>
      </c>
      <c r="T893" t="s">
        <v>175</v>
      </c>
      <c r="V893" t="s">
        <v>397</v>
      </c>
      <c r="X893" t="s">
        <v>179</v>
      </c>
      <c r="AC893" t="s">
        <v>199</v>
      </c>
      <c r="AD893" t="s">
        <v>175</v>
      </c>
      <c r="AE893" t="s">
        <v>175</v>
      </c>
      <c r="AF893" t="s">
        <v>175</v>
      </c>
      <c r="AG893" t="s">
        <v>175</v>
      </c>
      <c r="AH893" t="s">
        <v>175</v>
      </c>
      <c r="AI893" t="s">
        <v>175</v>
      </c>
      <c r="AJ893" t="s">
        <v>175</v>
      </c>
      <c r="AK893" t="s">
        <v>175</v>
      </c>
      <c r="AL893" t="s">
        <v>42</v>
      </c>
      <c r="AM893" t="s">
        <v>183</v>
      </c>
      <c r="AN893" t="s">
        <v>202</v>
      </c>
      <c r="AO893" t="s">
        <v>205</v>
      </c>
      <c r="AP893" t="s">
        <v>201</v>
      </c>
      <c r="AQ893" t="s">
        <v>185</v>
      </c>
      <c r="AR893" t="s">
        <v>182</v>
      </c>
      <c r="AS893" t="s">
        <v>184</v>
      </c>
      <c r="AT893" t="s">
        <v>204</v>
      </c>
      <c r="AU893" t="s">
        <v>203</v>
      </c>
      <c r="AV893" t="s">
        <v>206</v>
      </c>
      <c r="AX893" t="s">
        <v>186</v>
      </c>
      <c r="AZ893" t="s">
        <v>207</v>
      </c>
      <c r="BA893" t="s">
        <v>188</v>
      </c>
      <c r="BF893" t="s">
        <v>292</v>
      </c>
      <c r="BG893" t="s">
        <v>301</v>
      </c>
      <c r="BH893" t="s">
        <v>211</v>
      </c>
      <c r="BK893" t="s">
        <v>191</v>
      </c>
      <c r="BL893" t="s">
        <v>4226</v>
      </c>
      <c r="BM893" t="s">
        <v>191</v>
      </c>
      <c r="BN893" t="s">
        <v>4226</v>
      </c>
      <c r="BO893" t="s">
        <v>191</v>
      </c>
      <c r="BP893" t="s">
        <v>3018</v>
      </c>
    </row>
    <row r="894" spans="1:69" x14ac:dyDescent="0.25">
      <c r="A894" s="1">
        <v>30449959</v>
      </c>
      <c r="B894" t="s">
        <v>2092</v>
      </c>
      <c r="C894" t="s">
        <v>39</v>
      </c>
      <c r="D894" t="s">
        <v>1616</v>
      </c>
      <c r="E894" t="s">
        <v>200</v>
      </c>
      <c r="L894" t="s">
        <v>52</v>
      </c>
      <c r="M894" s="1">
        <v>0</v>
      </c>
      <c r="N894" s="1">
        <v>0</v>
      </c>
      <c r="O894" t="s">
        <v>1616</v>
      </c>
      <c r="P894" t="s">
        <v>216</v>
      </c>
      <c r="Q894" t="s">
        <v>322</v>
      </c>
      <c r="S894" s="1">
        <v>0</v>
      </c>
      <c r="T894" t="s">
        <v>200</v>
      </c>
      <c r="Y894" t="s">
        <v>224</v>
      </c>
      <c r="AC894" t="s">
        <v>199</v>
      </c>
      <c r="AD894" t="s">
        <v>200</v>
      </c>
      <c r="AE894" t="s">
        <v>200</v>
      </c>
      <c r="AF894" t="s">
        <v>181</v>
      </c>
      <c r="AG894" t="s">
        <v>200</v>
      </c>
      <c r="AH894" t="s">
        <v>200</v>
      </c>
      <c r="AI894" t="s">
        <v>200</v>
      </c>
      <c r="AJ894" t="s">
        <v>200</v>
      </c>
      <c r="AK894" t="s">
        <v>175</v>
      </c>
      <c r="AL894" t="s">
        <v>42</v>
      </c>
      <c r="AM894" t="s">
        <v>202</v>
      </c>
      <c r="AN894" t="s">
        <v>201</v>
      </c>
      <c r="AO894" t="s">
        <v>185</v>
      </c>
      <c r="AP894" t="s">
        <v>204</v>
      </c>
      <c r="AQ894" t="s">
        <v>184</v>
      </c>
      <c r="AR894" t="s">
        <v>182</v>
      </c>
      <c r="AS894" t="s">
        <v>203</v>
      </c>
      <c r="AT894" t="s">
        <v>205</v>
      </c>
      <c r="AU894" t="s">
        <v>206</v>
      </c>
      <c r="AV894" t="s">
        <v>183</v>
      </c>
      <c r="AW894" t="s">
        <v>2093</v>
      </c>
      <c r="AX894" t="s">
        <v>186</v>
      </c>
      <c r="AZ894" t="s">
        <v>207</v>
      </c>
      <c r="BF894" t="s">
        <v>210</v>
      </c>
      <c r="BG894" s="1">
        <v>0</v>
      </c>
      <c r="BH894" t="s">
        <v>190</v>
      </c>
      <c r="BK894" t="s">
        <v>191</v>
      </c>
      <c r="BM894" t="s">
        <v>218</v>
      </c>
      <c r="BN894" t="s">
        <v>2094</v>
      </c>
      <c r="BO894" t="s">
        <v>218</v>
      </c>
      <c r="BP894" t="s">
        <v>2095</v>
      </c>
      <c r="BQ894" t="s">
        <v>2096</v>
      </c>
    </row>
    <row r="895" spans="1:69" x14ac:dyDescent="0.25">
      <c r="A895" s="1">
        <v>30449960</v>
      </c>
      <c r="B895" t="s">
        <v>1335</v>
      </c>
      <c r="C895" t="s">
        <v>39</v>
      </c>
      <c r="D895" t="s">
        <v>942</v>
      </c>
      <c r="E895" t="s">
        <v>175</v>
      </c>
      <c r="L895" t="s">
        <v>52</v>
      </c>
      <c r="M895" s="1">
        <v>0</v>
      </c>
      <c r="N895" s="1">
        <v>0</v>
      </c>
      <c r="O895" t="s">
        <v>942</v>
      </c>
      <c r="P895" t="s">
        <v>176</v>
      </c>
      <c r="Q895" t="s">
        <v>177</v>
      </c>
      <c r="S895" t="s">
        <v>349</v>
      </c>
      <c r="T895" t="s">
        <v>175</v>
      </c>
      <c r="Z895" t="s">
        <v>244</v>
      </c>
      <c r="AC895" t="s">
        <v>180</v>
      </c>
      <c r="AD895" t="s">
        <v>175</v>
      </c>
      <c r="AE895" t="s">
        <v>175</v>
      </c>
      <c r="AF895" t="s">
        <v>175</v>
      </c>
      <c r="AG895" t="s">
        <v>175</v>
      </c>
      <c r="AH895" t="s">
        <v>181</v>
      </c>
      <c r="AI895" t="s">
        <v>181</v>
      </c>
      <c r="AJ895" t="s">
        <v>181</v>
      </c>
      <c r="AK895" t="s">
        <v>181</v>
      </c>
      <c r="AL895" t="s">
        <v>42</v>
      </c>
      <c r="AM895" t="s">
        <v>183</v>
      </c>
      <c r="AN895" t="s">
        <v>182</v>
      </c>
      <c r="AO895" t="s">
        <v>205</v>
      </c>
      <c r="AP895" t="s">
        <v>202</v>
      </c>
      <c r="AQ895" t="s">
        <v>184</v>
      </c>
      <c r="AR895" t="s">
        <v>185</v>
      </c>
      <c r="AS895" t="s">
        <v>206</v>
      </c>
      <c r="AT895" t="s">
        <v>203</v>
      </c>
      <c r="AU895" t="s">
        <v>204</v>
      </c>
      <c r="AV895" t="s">
        <v>201</v>
      </c>
      <c r="BF895" s="1">
        <v>0</v>
      </c>
      <c r="BG895" s="1">
        <v>0</v>
      </c>
      <c r="BH895" s="1">
        <v>0</v>
      </c>
      <c r="BK895" s="1">
        <v>0</v>
      </c>
      <c r="BM895" s="1">
        <v>0</v>
      </c>
      <c r="BO895" s="1">
        <v>0</v>
      </c>
    </row>
    <row r="896" spans="1:69" x14ac:dyDescent="0.25">
      <c r="A896" s="1">
        <v>30449961</v>
      </c>
      <c r="B896" t="s">
        <v>3454</v>
      </c>
      <c r="C896" t="s">
        <v>39</v>
      </c>
      <c r="D896" t="s">
        <v>3138</v>
      </c>
      <c r="L896" t="s">
        <v>52</v>
      </c>
      <c r="M896" s="1">
        <v>0</v>
      </c>
      <c r="N896" s="1">
        <v>0</v>
      </c>
      <c r="O896" t="s">
        <v>3139</v>
      </c>
      <c r="P896" s="1">
        <v>0</v>
      </c>
      <c r="Q896" s="1">
        <v>0</v>
      </c>
      <c r="S896" s="1">
        <v>0</v>
      </c>
      <c r="T896" s="1">
        <v>0</v>
      </c>
      <c r="AC896" s="1">
        <v>0</v>
      </c>
      <c r="AD896" s="1">
        <v>0</v>
      </c>
      <c r="AE896" s="1">
        <v>0</v>
      </c>
      <c r="AF896" s="1">
        <v>0</v>
      </c>
      <c r="AG896" s="1">
        <v>0</v>
      </c>
      <c r="AH896" s="1">
        <v>0</v>
      </c>
      <c r="AI896" s="1">
        <v>0</v>
      </c>
      <c r="AJ896" s="1">
        <v>0</v>
      </c>
      <c r="AK896" s="1">
        <v>0</v>
      </c>
      <c r="AL896" s="1">
        <v>0</v>
      </c>
      <c r="AM896" s="1">
        <v>0</v>
      </c>
      <c r="AN896" s="1">
        <v>0</v>
      </c>
      <c r="AO896" s="1">
        <v>0</v>
      </c>
      <c r="AP896" s="1">
        <v>0</v>
      </c>
      <c r="AQ896" s="1">
        <v>0</v>
      </c>
      <c r="AR896" s="1">
        <v>0</v>
      </c>
      <c r="AS896" s="1">
        <v>0</v>
      </c>
      <c r="AT896" s="1">
        <v>0</v>
      </c>
      <c r="AU896" s="1">
        <v>0</v>
      </c>
      <c r="AV896" s="1">
        <v>0</v>
      </c>
      <c r="BF896" s="1">
        <v>0</v>
      </c>
      <c r="BG896" s="1">
        <v>0</v>
      </c>
      <c r="BH896" s="1">
        <v>0</v>
      </c>
      <c r="BK896" s="1">
        <v>0</v>
      </c>
      <c r="BM896" s="1">
        <v>0</v>
      </c>
      <c r="BO896" s="1">
        <v>0</v>
      </c>
    </row>
    <row r="897" spans="1:69" x14ac:dyDescent="0.25">
      <c r="A897" s="1">
        <v>30449962</v>
      </c>
      <c r="B897" t="s">
        <v>3455</v>
      </c>
      <c r="C897" t="s">
        <v>39</v>
      </c>
      <c r="D897" t="s">
        <v>3138</v>
      </c>
      <c r="E897" t="s">
        <v>200</v>
      </c>
      <c r="L897" t="s">
        <v>52</v>
      </c>
      <c r="M897" s="1">
        <v>0</v>
      </c>
      <c r="N897" s="1">
        <v>0</v>
      </c>
      <c r="O897" t="s">
        <v>3139</v>
      </c>
      <c r="P897" t="s">
        <v>176</v>
      </c>
      <c r="Q897" t="s">
        <v>177</v>
      </c>
      <c r="S897" t="s">
        <v>178</v>
      </c>
      <c r="T897" t="s">
        <v>200</v>
      </c>
      <c r="Y897" t="s">
        <v>224</v>
      </c>
      <c r="AC897" t="s">
        <v>180</v>
      </c>
      <c r="AD897" t="s">
        <v>200</v>
      </c>
      <c r="AE897" t="s">
        <v>200</v>
      </c>
      <c r="AF897" t="s">
        <v>200</v>
      </c>
      <c r="AG897" t="s">
        <v>200</v>
      </c>
      <c r="AH897" t="s">
        <v>200</v>
      </c>
      <c r="AI897" t="s">
        <v>200</v>
      </c>
      <c r="AJ897" t="s">
        <v>175</v>
      </c>
      <c r="AK897" t="s">
        <v>200</v>
      </c>
      <c r="AL897" t="s">
        <v>52</v>
      </c>
      <c r="AM897" t="s">
        <v>185</v>
      </c>
      <c r="AN897" t="s">
        <v>183</v>
      </c>
      <c r="AO897" t="s">
        <v>206</v>
      </c>
      <c r="AP897" t="s">
        <v>184</v>
      </c>
      <c r="AQ897" t="s">
        <v>202</v>
      </c>
      <c r="AR897" t="s">
        <v>203</v>
      </c>
      <c r="AS897" t="s">
        <v>204</v>
      </c>
      <c r="AT897" t="s">
        <v>182</v>
      </c>
      <c r="AU897" t="s">
        <v>205</v>
      </c>
      <c r="AV897" t="s">
        <v>201</v>
      </c>
      <c r="AY897" t="s">
        <v>187</v>
      </c>
      <c r="AZ897" t="s">
        <v>207</v>
      </c>
      <c r="BA897" t="s">
        <v>188</v>
      </c>
      <c r="BB897" t="s">
        <v>208</v>
      </c>
      <c r="BF897" t="s">
        <v>210</v>
      </c>
      <c r="BG897" s="1">
        <v>0</v>
      </c>
      <c r="BH897" t="s">
        <v>211</v>
      </c>
      <c r="BK897" t="s">
        <v>191</v>
      </c>
      <c r="BL897" t="s">
        <v>3456</v>
      </c>
      <c r="BM897" t="s">
        <v>191</v>
      </c>
      <c r="BN897" t="s">
        <v>3457</v>
      </c>
      <c r="BO897" t="s">
        <v>218</v>
      </c>
      <c r="BP897" t="s">
        <v>3458</v>
      </c>
    </row>
    <row r="898" spans="1:69" x14ac:dyDescent="0.25">
      <c r="A898" s="1">
        <v>30449964</v>
      </c>
      <c r="B898" t="s">
        <v>2097</v>
      </c>
      <c r="C898" t="s">
        <v>39</v>
      </c>
      <c r="D898" t="s">
        <v>1616</v>
      </c>
      <c r="L898" t="s">
        <v>52</v>
      </c>
      <c r="M898" s="1">
        <v>0</v>
      </c>
      <c r="N898" s="1">
        <v>0</v>
      </c>
      <c r="O898" t="s">
        <v>1616</v>
      </c>
      <c r="P898" s="1">
        <v>0</v>
      </c>
      <c r="Q898" s="1">
        <v>0</v>
      </c>
      <c r="S898" s="1">
        <v>0</v>
      </c>
      <c r="T898" s="1">
        <v>0</v>
      </c>
      <c r="AC898" s="1">
        <v>0</v>
      </c>
      <c r="AD898" s="1">
        <v>0</v>
      </c>
      <c r="AE898" s="1">
        <v>0</v>
      </c>
      <c r="AF898" s="1">
        <v>0</v>
      </c>
      <c r="AG898" s="1">
        <v>0</v>
      </c>
      <c r="AH898" s="1">
        <v>0</v>
      </c>
      <c r="AI898" s="1">
        <v>0</v>
      </c>
      <c r="AJ898" s="1">
        <v>0</v>
      </c>
      <c r="AK898" s="1">
        <v>0</v>
      </c>
      <c r="AL898" s="1">
        <v>0</v>
      </c>
      <c r="AM898" s="1">
        <v>0</v>
      </c>
      <c r="AN898" s="1">
        <v>0</v>
      </c>
      <c r="AO898" s="1">
        <v>0</v>
      </c>
      <c r="AP898" s="1">
        <v>0</v>
      </c>
      <c r="AQ898" s="1">
        <v>0</v>
      </c>
      <c r="AR898" s="1">
        <v>0</v>
      </c>
      <c r="AS898" s="1">
        <v>0</v>
      </c>
      <c r="AT898" s="1">
        <v>0</v>
      </c>
      <c r="AU898" s="1">
        <v>0</v>
      </c>
      <c r="AV898" s="1">
        <v>0</v>
      </c>
      <c r="BF898" s="1">
        <v>0</v>
      </c>
      <c r="BG898" s="1">
        <v>0</v>
      </c>
      <c r="BH898" s="1">
        <v>0</v>
      </c>
      <c r="BK898" s="1">
        <v>0</v>
      </c>
      <c r="BM898" s="1">
        <v>0</v>
      </c>
      <c r="BO898" s="1">
        <v>0</v>
      </c>
    </row>
    <row r="899" spans="1:69" x14ac:dyDescent="0.25">
      <c r="A899" s="1">
        <v>30449966</v>
      </c>
      <c r="B899" t="s">
        <v>2863</v>
      </c>
      <c r="C899" t="s">
        <v>39</v>
      </c>
      <c r="D899" t="s">
        <v>2512</v>
      </c>
      <c r="E899" t="s">
        <v>175</v>
      </c>
      <c r="L899" t="s">
        <v>52</v>
      </c>
      <c r="M899" s="1">
        <v>0</v>
      </c>
      <c r="N899" s="1">
        <v>0</v>
      </c>
      <c r="O899" t="s">
        <v>2512</v>
      </c>
      <c r="P899" t="s">
        <v>216</v>
      </c>
      <c r="Q899" t="s">
        <v>322</v>
      </c>
      <c r="S899" s="1">
        <v>0</v>
      </c>
      <c r="T899" t="s">
        <v>175</v>
      </c>
      <c r="Z899" t="s">
        <v>244</v>
      </c>
      <c r="AC899" t="s">
        <v>199</v>
      </c>
      <c r="AD899" t="s">
        <v>175</v>
      </c>
      <c r="AE899" t="s">
        <v>175</v>
      </c>
      <c r="AF899" t="s">
        <v>175</v>
      </c>
      <c r="AG899" t="s">
        <v>175</v>
      </c>
      <c r="AH899" t="s">
        <v>175</v>
      </c>
      <c r="AI899" t="s">
        <v>175</v>
      </c>
      <c r="AJ899" t="s">
        <v>175</v>
      </c>
      <c r="AK899" t="s">
        <v>175</v>
      </c>
      <c r="AL899" t="s">
        <v>42</v>
      </c>
      <c r="AM899" t="s">
        <v>182</v>
      </c>
      <c r="AN899" t="s">
        <v>184</v>
      </c>
      <c r="AO899" t="s">
        <v>183</v>
      </c>
      <c r="AP899" t="s">
        <v>205</v>
      </c>
      <c r="AQ899" t="s">
        <v>202</v>
      </c>
      <c r="AR899" t="s">
        <v>203</v>
      </c>
      <c r="AS899" t="s">
        <v>204</v>
      </c>
      <c r="AT899" t="s">
        <v>201</v>
      </c>
      <c r="AU899" t="s">
        <v>206</v>
      </c>
      <c r="AV899" t="s">
        <v>185</v>
      </c>
      <c r="AW899" t="s">
        <v>2864</v>
      </c>
      <c r="AY899" t="s">
        <v>187</v>
      </c>
      <c r="AZ899" t="s">
        <v>207</v>
      </c>
      <c r="BA899" t="s">
        <v>188</v>
      </c>
      <c r="BF899" t="s">
        <v>210</v>
      </c>
      <c r="BG899" s="1">
        <v>0</v>
      </c>
      <c r="BH899" t="s">
        <v>211</v>
      </c>
      <c r="BK899" t="s">
        <v>218</v>
      </c>
      <c r="BL899" t="s">
        <v>1943</v>
      </c>
      <c r="BM899" t="s">
        <v>218</v>
      </c>
      <c r="BN899" t="s">
        <v>2865</v>
      </c>
      <c r="BO899" t="s">
        <v>218</v>
      </c>
      <c r="BP899" t="s">
        <v>2866</v>
      </c>
      <c r="BQ899" t="s">
        <v>2867</v>
      </c>
    </row>
    <row r="900" spans="1:69" x14ac:dyDescent="0.25">
      <c r="A900" s="1">
        <v>30449971</v>
      </c>
      <c r="B900" t="s">
        <v>3459</v>
      </c>
      <c r="C900" t="s">
        <v>39</v>
      </c>
      <c r="D900" t="s">
        <v>3138</v>
      </c>
      <c r="E900" t="s">
        <v>200</v>
      </c>
      <c r="L900" t="s">
        <v>52</v>
      </c>
      <c r="M900" s="1">
        <v>0</v>
      </c>
      <c r="N900" s="1">
        <v>0</v>
      </c>
      <c r="O900" t="s">
        <v>3139</v>
      </c>
      <c r="P900" t="s">
        <v>176</v>
      </c>
      <c r="Q900" t="s">
        <v>238</v>
      </c>
      <c r="S900" t="s">
        <v>178</v>
      </c>
      <c r="T900" t="s">
        <v>200</v>
      </c>
      <c r="W900" t="s">
        <v>262</v>
      </c>
      <c r="AC900" t="s">
        <v>180</v>
      </c>
      <c r="AD900" t="s">
        <v>200</v>
      </c>
      <c r="AE900" t="s">
        <v>200</v>
      </c>
      <c r="AF900" t="s">
        <v>200</v>
      </c>
      <c r="AG900" t="s">
        <v>200</v>
      </c>
      <c r="AH900" t="s">
        <v>200</v>
      </c>
      <c r="AI900" t="s">
        <v>200</v>
      </c>
      <c r="AJ900" t="s">
        <v>200</v>
      </c>
      <c r="AK900" t="s">
        <v>200</v>
      </c>
      <c r="AL900" t="s">
        <v>52</v>
      </c>
      <c r="AM900" t="s">
        <v>185</v>
      </c>
      <c r="AN900" s="1">
        <v>0</v>
      </c>
      <c r="AO900" t="s">
        <v>184</v>
      </c>
      <c r="AP900" t="s">
        <v>182</v>
      </c>
      <c r="AQ900" s="1">
        <v>0</v>
      </c>
      <c r="AR900" s="1">
        <v>0</v>
      </c>
      <c r="AS900" s="1">
        <v>0</v>
      </c>
      <c r="AT900" s="1">
        <v>0</v>
      </c>
      <c r="AU900" s="1">
        <v>0</v>
      </c>
      <c r="AV900" s="1">
        <v>0</v>
      </c>
      <c r="AY900" t="s">
        <v>187</v>
      </c>
      <c r="BA900" t="s">
        <v>188</v>
      </c>
      <c r="BF900" t="s">
        <v>232</v>
      </c>
      <c r="BG900" t="s">
        <v>233</v>
      </c>
      <c r="BH900" t="s">
        <v>211</v>
      </c>
      <c r="BK900" t="s">
        <v>191</v>
      </c>
      <c r="BL900" t="s">
        <v>788</v>
      </c>
      <c r="BM900" t="s">
        <v>191</v>
      </c>
      <c r="BN900" t="s">
        <v>788</v>
      </c>
      <c r="BO900" t="s">
        <v>191</v>
      </c>
      <c r="BP900" t="s">
        <v>788</v>
      </c>
    </row>
    <row r="901" spans="1:69" x14ac:dyDescent="0.25">
      <c r="A901" s="1">
        <v>30449972</v>
      </c>
      <c r="B901" t="s">
        <v>1336</v>
      </c>
      <c r="C901" t="s">
        <v>39</v>
      </c>
      <c r="D901" t="s">
        <v>942</v>
      </c>
      <c r="E901" t="s">
        <v>175</v>
      </c>
      <c r="L901" t="s">
        <v>52</v>
      </c>
      <c r="M901" s="1">
        <v>0</v>
      </c>
      <c r="N901" s="1">
        <v>0</v>
      </c>
      <c r="O901" t="s">
        <v>942</v>
      </c>
      <c r="P901" t="s">
        <v>216</v>
      </c>
      <c r="Q901" t="s">
        <v>196</v>
      </c>
      <c r="S901" s="1">
        <v>0</v>
      </c>
      <c r="T901" t="s">
        <v>175</v>
      </c>
      <c r="Y901" t="s">
        <v>224</v>
      </c>
      <c r="AC901" t="s">
        <v>180</v>
      </c>
      <c r="AD901" t="s">
        <v>175</v>
      </c>
      <c r="AE901" t="s">
        <v>175</v>
      </c>
      <c r="AF901" t="s">
        <v>181</v>
      </c>
      <c r="AG901" t="s">
        <v>200</v>
      </c>
      <c r="AH901" t="s">
        <v>175</v>
      </c>
      <c r="AI901" t="s">
        <v>200</v>
      </c>
      <c r="AJ901" t="s">
        <v>175</v>
      </c>
      <c r="AK901" t="s">
        <v>175</v>
      </c>
      <c r="AL901" t="s">
        <v>52</v>
      </c>
      <c r="AM901" t="s">
        <v>182</v>
      </c>
      <c r="AN901" s="1">
        <v>0</v>
      </c>
      <c r="AO901" s="1">
        <v>0</v>
      </c>
      <c r="AP901" t="s">
        <v>185</v>
      </c>
      <c r="AQ901" s="1">
        <v>0</v>
      </c>
      <c r="AR901" s="1">
        <v>0</v>
      </c>
      <c r="AS901" t="s">
        <v>184</v>
      </c>
      <c r="AT901" t="s">
        <v>201</v>
      </c>
      <c r="AU901" s="1">
        <v>0</v>
      </c>
      <c r="AV901" t="s">
        <v>183</v>
      </c>
      <c r="AY901" t="s">
        <v>187</v>
      </c>
      <c r="AZ901" t="s">
        <v>207</v>
      </c>
      <c r="BA901" t="s">
        <v>188</v>
      </c>
      <c r="BC901" t="s">
        <v>209</v>
      </c>
      <c r="BF901" t="s">
        <v>292</v>
      </c>
      <c r="BG901" t="s">
        <v>276</v>
      </c>
      <c r="BH901" t="s">
        <v>211</v>
      </c>
      <c r="BK901" t="s">
        <v>191</v>
      </c>
      <c r="BM901" t="s">
        <v>218</v>
      </c>
      <c r="BO901" t="s">
        <v>218</v>
      </c>
    </row>
    <row r="902" spans="1:69" x14ac:dyDescent="0.25">
      <c r="A902" s="1">
        <v>30449977</v>
      </c>
      <c r="B902" t="s">
        <v>2868</v>
      </c>
      <c r="C902" t="s">
        <v>39</v>
      </c>
      <c r="D902" t="s">
        <v>2512</v>
      </c>
      <c r="E902" t="s">
        <v>175</v>
      </c>
      <c r="L902" t="s">
        <v>52</v>
      </c>
      <c r="M902" s="1">
        <v>0</v>
      </c>
      <c r="N902" s="1">
        <v>0</v>
      </c>
      <c r="O902" t="s">
        <v>2512</v>
      </c>
      <c r="P902" t="s">
        <v>216</v>
      </c>
      <c r="Q902" t="s">
        <v>328</v>
      </c>
      <c r="S902" s="1">
        <v>0</v>
      </c>
      <c r="T902" t="s">
        <v>175</v>
      </c>
      <c r="Y902" t="s">
        <v>224</v>
      </c>
      <c r="AC902" t="s">
        <v>180</v>
      </c>
      <c r="AD902" t="s">
        <v>181</v>
      </c>
      <c r="AE902" t="s">
        <v>230</v>
      </c>
      <c r="AF902" t="s">
        <v>230</v>
      </c>
      <c r="AG902" s="1">
        <v>0</v>
      </c>
      <c r="AH902" t="s">
        <v>175</v>
      </c>
      <c r="AI902" t="s">
        <v>181</v>
      </c>
      <c r="AJ902" t="s">
        <v>175</v>
      </c>
      <c r="AK902" t="s">
        <v>181</v>
      </c>
      <c r="AL902" t="s">
        <v>52</v>
      </c>
      <c r="AM902" t="s">
        <v>201</v>
      </c>
      <c r="AN902" t="s">
        <v>205</v>
      </c>
      <c r="AO902" t="s">
        <v>183</v>
      </c>
      <c r="AP902" t="s">
        <v>203</v>
      </c>
      <c r="AQ902" t="s">
        <v>185</v>
      </c>
      <c r="AR902" t="s">
        <v>182</v>
      </c>
      <c r="AS902" t="s">
        <v>184</v>
      </c>
      <c r="AT902" t="s">
        <v>204</v>
      </c>
      <c r="AU902" t="s">
        <v>206</v>
      </c>
      <c r="AV902" t="s">
        <v>202</v>
      </c>
      <c r="AW902" t="s">
        <v>2869</v>
      </c>
      <c r="AZ902" t="s">
        <v>207</v>
      </c>
      <c r="BA902" t="s">
        <v>188</v>
      </c>
      <c r="BB902" t="s">
        <v>208</v>
      </c>
      <c r="BC902" t="s">
        <v>209</v>
      </c>
      <c r="BF902" t="s">
        <v>292</v>
      </c>
      <c r="BG902" t="s">
        <v>276</v>
      </c>
      <c r="BH902" t="s">
        <v>302</v>
      </c>
      <c r="BK902" s="1">
        <v>0</v>
      </c>
      <c r="BM902" s="1">
        <v>0</v>
      </c>
      <c r="BO902" s="1">
        <v>0</v>
      </c>
    </row>
    <row r="903" spans="1:69" x14ac:dyDescent="0.25">
      <c r="A903" s="1">
        <v>30449985</v>
      </c>
      <c r="B903" t="s">
        <v>608</v>
      </c>
      <c r="C903" t="s">
        <v>39</v>
      </c>
      <c r="D903" t="s">
        <v>174</v>
      </c>
      <c r="E903" t="s">
        <v>200</v>
      </c>
      <c r="L903" t="s">
        <v>52</v>
      </c>
      <c r="M903" s="1">
        <v>0</v>
      </c>
      <c r="N903" s="1">
        <v>0</v>
      </c>
      <c r="O903" t="s">
        <v>174</v>
      </c>
      <c r="P903" t="s">
        <v>216</v>
      </c>
      <c r="Q903" t="s">
        <v>322</v>
      </c>
      <c r="S903" s="1">
        <v>0</v>
      </c>
      <c r="T903" t="s">
        <v>200</v>
      </c>
      <c r="X903" t="s">
        <v>179</v>
      </c>
      <c r="Y903" t="s">
        <v>224</v>
      </c>
      <c r="AC903" t="s">
        <v>609</v>
      </c>
      <c r="AD903" t="s">
        <v>181</v>
      </c>
      <c r="AE903" t="s">
        <v>230</v>
      </c>
      <c r="AF903" t="s">
        <v>230</v>
      </c>
      <c r="AG903" t="s">
        <v>175</v>
      </c>
      <c r="AH903" t="s">
        <v>175</v>
      </c>
      <c r="AI903" t="s">
        <v>175</v>
      </c>
      <c r="AJ903" t="s">
        <v>181</v>
      </c>
      <c r="AK903" t="s">
        <v>175</v>
      </c>
      <c r="AL903" t="s">
        <v>52</v>
      </c>
      <c r="AM903" t="s">
        <v>184</v>
      </c>
      <c r="AN903" s="1">
        <v>0</v>
      </c>
      <c r="AO903" s="1">
        <v>0</v>
      </c>
      <c r="AP903" s="1">
        <v>0</v>
      </c>
      <c r="AQ903" s="1">
        <v>0</v>
      </c>
      <c r="AR903" s="1">
        <v>0</v>
      </c>
      <c r="AS903" t="s">
        <v>185</v>
      </c>
      <c r="AT903" s="1">
        <v>0</v>
      </c>
      <c r="AU903" s="1">
        <v>0</v>
      </c>
      <c r="AV903" s="1">
        <v>0</v>
      </c>
      <c r="AY903" t="s">
        <v>187</v>
      </c>
      <c r="BA903" t="s">
        <v>188</v>
      </c>
      <c r="BF903" t="s">
        <v>232</v>
      </c>
      <c r="BG903" t="s">
        <v>315</v>
      </c>
      <c r="BH903" t="s">
        <v>302</v>
      </c>
      <c r="BI903" t="s">
        <v>610</v>
      </c>
      <c r="BK903" t="s">
        <v>191</v>
      </c>
      <c r="BM903" t="s">
        <v>191</v>
      </c>
      <c r="BO903" s="1">
        <v>0</v>
      </c>
      <c r="BP903" t="s">
        <v>611</v>
      </c>
      <c r="BQ903" t="s">
        <v>612</v>
      </c>
    </row>
    <row r="904" spans="1:69" x14ac:dyDescent="0.25">
      <c r="A904" s="1">
        <v>30449987</v>
      </c>
      <c r="B904" t="s">
        <v>103</v>
      </c>
      <c r="C904" t="s">
        <v>39</v>
      </c>
      <c r="L904" s="1">
        <v>0</v>
      </c>
      <c r="M904" s="1">
        <v>0</v>
      </c>
      <c r="N904" s="1">
        <v>0</v>
      </c>
      <c r="O904" s="1">
        <v>0</v>
      </c>
      <c r="P904" s="1">
        <v>0</v>
      </c>
      <c r="Q904" s="1">
        <v>0</v>
      </c>
      <c r="S904" s="1">
        <v>0</v>
      </c>
      <c r="T904" s="1">
        <v>0</v>
      </c>
      <c r="AC904" s="1">
        <v>0</v>
      </c>
      <c r="AD904" s="1">
        <v>0</v>
      </c>
      <c r="AE904" s="1">
        <v>0</v>
      </c>
      <c r="AF904" s="1">
        <v>0</v>
      </c>
      <c r="AG904" s="1">
        <v>0</v>
      </c>
      <c r="AH904" s="1">
        <v>0</v>
      </c>
      <c r="AI904" s="1">
        <v>0</v>
      </c>
      <c r="AJ904" s="1">
        <v>0</v>
      </c>
      <c r="AK904" s="1">
        <v>0</v>
      </c>
      <c r="AL904" s="1">
        <v>0</v>
      </c>
      <c r="AM904" s="1">
        <v>0</v>
      </c>
      <c r="AN904" s="1">
        <v>0</v>
      </c>
      <c r="AO904" s="1">
        <v>0</v>
      </c>
      <c r="AP904" s="1">
        <v>0</v>
      </c>
      <c r="AQ904" s="1">
        <v>0</v>
      </c>
      <c r="AR904" s="1">
        <v>0</v>
      </c>
      <c r="AS904" s="1">
        <v>0</v>
      </c>
      <c r="AT904" s="1">
        <v>0</v>
      </c>
      <c r="AU904" s="1">
        <v>0</v>
      </c>
      <c r="AV904" s="1">
        <v>0</v>
      </c>
      <c r="BF904" s="1">
        <v>0</v>
      </c>
      <c r="BG904" s="1">
        <v>0</v>
      </c>
      <c r="BH904" s="1">
        <v>0</v>
      </c>
      <c r="BK904" s="1">
        <v>0</v>
      </c>
      <c r="BM904" s="1">
        <v>0</v>
      </c>
      <c r="BO904" s="1">
        <v>0</v>
      </c>
    </row>
    <row r="905" spans="1:69" x14ac:dyDescent="0.25">
      <c r="A905" s="1">
        <v>30449988</v>
      </c>
      <c r="B905" t="s">
        <v>3131</v>
      </c>
      <c r="C905" t="s">
        <v>39</v>
      </c>
      <c r="D905" t="s">
        <v>3125</v>
      </c>
      <c r="L905" t="s">
        <v>52</v>
      </c>
      <c r="M905" s="1">
        <v>0</v>
      </c>
      <c r="N905" s="1">
        <v>0</v>
      </c>
      <c r="O905" t="s">
        <v>49</v>
      </c>
      <c r="P905" s="1">
        <v>0</v>
      </c>
      <c r="Q905" s="1">
        <v>0</v>
      </c>
      <c r="S905" s="1">
        <v>0</v>
      </c>
      <c r="T905" s="1">
        <v>0</v>
      </c>
      <c r="AC905" s="1">
        <v>0</v>
      </c>
      <c r="AD905" s="1">
        <v>0</v>
      </c>
      <c r="AE905" s="1">
        <v>0</v>
      </c>
      <c r="AF905" s="1">
        <v>0</v>
      </c>
      <c r="AG905" s="1">
        <v>0</v>
      </c>
      <c r="AH905" s="1">
        <v>0</v>
      </c>
      <c r="AI905" s="1">
        <v>0</v>
      </c>
      <c r="AJ905" s="1">
        <v>0</v>
      </c>
      <c r="AK905" s="1">
        <v>0</v>
      </c>
      <c r="AL905" s="1">
        <v>0</v>
      </c>
      <c r="AM905" s="1">
        <v>0</v>
      </c>
      <c r="AN905" s="1">
        <v>0</v>
      </c>
      <c r="AO905" s="1">
        <v>0</v>
      </c>
      <c r="AP905" s="1">
        <v>0</v>
      </c>
      <c r="AQ905" s="1">
        <v>0</v>
      </c>
      <c r="AR905" s="1">
        <v>0</v>
      </c>
      <c r="AS905" s="1">
        <v>0</v>
      </c>
      <c r="AT905" s="1">
        <v>0</v>
      </c>
      <c r="AU905" s="1">
        <v>0</v>
      </c>
      <c r="AV905" s="1">
        <v>0</v>
      </c>
      <c r="BF905" s="1">
        <v>0</v>
      </c>
      <c r="BG905" s="1">
        <v>0</v>
      </c>
      <c r="BH905" s="1">
        <v>0</v>
      </c>
      <c r="BK905" s="1">
        <v>0</v>
      </c>
      <c r="BM905" s="1">
        <v>0</v>
      </c>
      <c r="BO905" s="1">
        <v>0</v>
      </c>
    </row>
    <row r="906" spans="1:69" x14ac:dyDescent="0.25">
      <c r="A906" s="1">
        <v>30449991</v>
      </c>
      <c r="B906" t="s">
        <v>3460</v>
      </c>
      <c r="C906" t="s">
        <v>39</v>
      </c>
      <c r="D906" t="s">
        <v>3138</v>
      </c>
      <c r="E906" t="s">
        <v>175</v>
      </c>
      <c r="L906" t="s">
        <v>52</v>
      </c>
      <c r="M906" s="1">
        <v>0</v>
      </c>
      <c r="N906" s="1">
        <v>0</v>
      </c>
      <c r="O906" t="s">
        <v>3139</v>
      </c>
      <c r="P906" t="s">
        <v>176</v>
      </c>
      <c r="Q906" t="s">
        <v>196</v>
      </c>
      <c r="S906" t="s">
        <v>256</v>
      </c>
      <c r="T906" t="s">
        <v>175</v>
      </c>
      <c r="X906" t="s">
        <v>179</v>
      </c>
      <c r="AC906" t="s">
        <v>180</v>
      </c>
      <c r="AD906" t="s">
        <v>175</v>
      </c>
      <c r="AE906" t="s">
        <v>181</v>
      </c>
      <c r="AF906" t="s">
        <v>181</v>
      </c>
      <c r="AG906" t="s">
        <v>181</v>
      </c>
      <c r="AH906" t="s">
        <v>200</v>
      </c>
      <c r="AI906" t="s">
        <v>200</v>
      </c>
      <c r="AJ906" t="s">
        <v>230</v>
      </c>
      <c r="AK906" t="s">
        <v>181</v>
      </c>
      <c r="AL906" t="s">
        <v>52</v>
      </c>
      <c r="AM906" t="s">
        <v>185</v>
      </c>
      <c r="AN906" t="s">
        <v>206</v>
      </c>
      <c r="AO906" t="s">
        <v>203</v>
      </c>
      <c r="AP906" t="s">
        <v>182</v>
      </c>
      <c r="AQ906" t="s">
        <v>202</v>
      </c>
      <c r="AR906" t="s">
        <v>204</v>
      </c>
      <c r="AS906" t="s">
        <v>184</v>
      </c>
      <c r="AT906" t="s">
        <v>205</v>
      </c>
      <c r="AU906" t="s">
        <v>183</v>
      </c>
      <c r="AV906" t="s">
        <v>201</v>
      </c>
      <c r="AY906" t="s">
        <v>187</v>
      </c>
      <c r="AZ906" t="s">
        <v>207</v>
      </c>
      <c r="BA906" t="s">
        <v>188</v>
      </c>
      <c r="BF906" t="s">
        <v>49</v>
      </c>
      <c r="BG906" s="1">
        <v>0</v>
      </c>
      <c r="BH906" t="s">
        <v>464</v>
      </c>
      <c r="BK906" t="s">
        <v>191</v>
      </c>
      <c r="BL906" t="s">
        <v>3461</v>
      </c>
      <c r="BM906" t="s">
        <v>191</v>
      </c>
      <c r="BN906" t="s">
        <v>3462</v>
      </c>
      <c r="BO906" t="s">
        <v>191</v>
      </c>
      <c r="BP906" t="s">
        <v>3463</v>
      </c>
    </row>
    <row r="907" spans="1:69" x14ac:dyDescent="0.25">
      <c r="A907" s="1">
        <v>30449993</v>
      </c>
      <c r="B907" t="s">
        <v>104</v>
      </c>
      <c r="C907" t="s">
        <v>39</v>
      </c>
      <c r="L907" s="1">
        <v>0</v>
      </c>
      <c r="M907" s="1">
        <v>0</v>
      </c>
      <c r="N907" s="1">
        <v>0</v>
      </c>
      <c r="O907" s="1">
        <v>0</v>
      </c>
      <c r="P907" s="1">
        <v>0</v>
      </c>
      <c r="Q907" s="1">
        <v>0</v>
      </c>
      <c r="S907" s="1">
        <v>0</v>
      </c>
      <c r="T907" s="1">
        <v>0</v>
      </c>
      <c r="AC907" s="1">
        <v>0</v>
      </c>
      <c r="AD907" s="1">
        <v>0</v>
      </c>
      <c r="AE907" s="1">
        <v>0</v>
      </c>
      <c r="AF907" s="1">
        <v>0</v>
      </c>
      <c r="AG907" s="1">
        <v>0</v>
      </c>
      <c r="AH907" s="1">
        <v>0</v>
      </c>
      <c r="AI907" s="1">
        <v>0</v>
      </c>
      <c r="AJ907" s="1">
        <v>0</v>
      </c>
      <c r="AK907" s="1">
        <v>0</v>
      </c>
      <c r="AL907" s="1">
        <v>0</v>
      </c>
      <c r="AM907" s="1">
        <v>0</v>
      </c>
      <c r="AN907" s="1">
        <v>0</v>
      </c>
      <c r="AO907" s="1">
        <v>0</v>
      </c>
      <c r="AP907" s="1">
        <v>0</v>
      </c>
      <c r="AQ907" s="1">
        <v>0</v>
      </c>
      <c r="AR907" s="1">
        <v>0</v>
      </c>
      <c r="AS907" s="1">
        <v>0</v>
      </c>
      <c r="AT907" s="1">
        <v>0</v>
      </c>
      <c r="AU907" s="1">
        <v>0</v>
      </c>
      <c r="AV907" s="1">
        <v>0</v>
      </c>
      <c r="BF907" s="1">
        <v>0</v>
      </c>
      <c r="BG907" s="1">
        <v>0</v>
      </c>
      <c r="BH907" s="1">
        <v>0</v>
      </c>
      <c r="BK907" s="1">
        <v>0</v>
      </c>
      <c r="BM907" s="1">
        <v>0</v>
      </c>
      <c r="BO907" s="1">
        <v>0</v>
      </c>
    </row>
    <row r="908" spans="1:69" x14ac:dyDescent="0.25">
      <c r="A908" s="1">
        <v>30449994</v>
      </c>
      <c r="B908" t="s">
        <v>3464</v>
      </c>
      <c r="C908" t="s">
        <v>39</v>
      </c>
      <c r="D908" t="s">
        <v>3138</v>
      </c>
      <c r="E908" t="s">
        <v>175</v>
      </c>
      <c r="L908" t="s">
        <v>52</v>
      </c>
      <c r="M908" s="1">
        <v>0</v>
      </c>
      <c r="N908" s="1">
        <v>0</v>
      </c>
      <c r="O908" t="s">
        <v>3139</v>
      </c>
      <c r="P908" t="s">
        <v>176</v>
      </c>
      <c r="Q908" t="s">
        <v>328</v>
      </c>
      <c r="S908" t="s">
        <v>178</v>
      </c>
      <c r="T908" t="s">
        <v>175</v>
      </c>
      <c r="Y908" t="s">
        <v>224</v>
      </c>
      <c r="AC908" t="s">
        <v>199</v>
      </c>
      <c r="AD908" t="s">
        <v>181</v>
      </c>
      <c r="AE908" t="s">
        <v>230</v>
      </c>
      <c r="AF908" t="s">
        <v>175</v>
      </c>
      <c r="AG908" t="s">
        <v>175</v>
      </c>
      <c r="AH908" t="s">
        <v>175</v>
      </c>
      <c r="AI908" s="1">
        <v>0</v>
      </c>
      <c r="AJ908" t="s">
        <v>299</v>
      </c>
      <c r="AK908" t="s">
        <v>299</v>
      </c>
      <c r="AL908" t="s">
        <v>49</v>
      </c>
      <c r="AM908" s="1">
        <v>0</v>
      </c>
      <c r="AN908" t="s">
        <v>182</v>
      </c>
      <c r="AO908" t="s">
        <v>201</v>
      </c>
      <c r="AP908" s="1">
        <v>0</v>
      </c>
      <c r="AQ908" t="s">
        <v>185</v>
      </c>
      <c r="AR908" t="s">
        <v>183</v>
      </c>
      <c r="AS908" s="1">
        <v>0</v>
      </c>
      <c r="AT908" s="1">
        <v>0</v>
      </c>
      <c r="AU908" s="1">
        <v>0</v>
      </c>
      <c r="AV908" t="s">
        <v>184</v>
      </c>
      <c r="AY908" t="s">
        <v>187</v>
      </c>
      <c r="AZ908" t="s">
        <v>207</v>
      </c>
      <c r="BA908" t="s">
        <v>188</v>
      </c>
      <c r="BC908" t="s">
        <v>209</v>
      </c>
      <c r="BF908" t="s">
        <v>232</v>
      </c>
      <c r="BG908" t="s">
        <v>301</v>
      </c>
      <c r="BH908" t="s">
        <v>211</v>
      </c>
      <c r="BK908" t="s">
        <v>191</v>
      </c>
      <c r="BM908" t="s">
        <v>218</v>
      </c>
      <c r="BO908" t="s">
        <v>191</v>
      </c>
    </row>
    <row r="909" spans="1:69" x14ac:dyDescent="0.25">
      <c r="A909" s="1">
        <v>30449995</v>
      </c>
      <c r="B909" t="s">
        <v>1337</v>
      </c>
      <c r="C909" t="s">
        <v>39</v>
      </c>
      <c r="D909" t="s">
        <v>942</v>
      </c>
      <c r="E909" t="s">
        <v>175</v>
      </c>
      <c r="L909" t="s">
        <v>52</v>
      </c>
      <c r="M909" s="1">
        <v>0</v>
      </c>
      <c r="N909" s="1">
        <v>0</v>
      </c>
      <c r="O909" t="s">
        <v>942</v>
      </c>
      <c r="P909" t="s">
        <v>216</v>
      </c>
      <c r="Q909" t="s">
        <v>196</v>
      </c>
      <c r="S909" s="1">
        <v>0</v>
      </c>
      <c r="T909" t="s">
        <v>175</v>
      </c>
      <c r="X909" t="s">
        <v>179</v>
      </c>
      <c r="AC909" t="s">
        <v>180</v>
      </c>
      <c r="AD909" t="s">
        <v>175</v>
      </c>
      <c r="AE909" t="s">
        <v>175</v>
      </c>
      <c r="AF909" t="s">
        <v>181</v>
      </c>
      <c r="AG909" t="s">
        <v>175</v>
      </c>
      <c r="AH909" t="s">
        <v>200</v>
      </c>
      <c r="AI909" t="s">
        <v>181</v>
      </c>
      <c r="AJ909" t="s">
        <v>181</v>
      </c>
      <c r="AK909" t="s">
        <v>181</v>
      </c>
      <c r="AL909" t="s">
        <v>42</v>
      </c>
      <c r="AM909" t="s">
        <v>185</v>
      </c>
      <c r="AN909" t="s">
        <v>183</v>
      </c>
      <c r="AO909" t="s">
        <v>184</v>
      </c>
      <c r="AP909" t="s">
        <v>182</v>
      </c>
      <c r="AQ909" t="s">
        <v>202</v>
      </c>
      <c r="AR909" t="s">
        <v>203</v>
      </c>
      <c r="AS909" t="s">
        <v>204</v>
      </c>
      <c r="AT909" t="s">
        <v>201</v>
      </c>
      <c r="AU909" t="s">
        <v>206</v>
      </c>
      <c r="AV909" t="s">
        <v>205</v>
      </c>
      <c r="AX909" t="s">
        <v>186</v>
      </c>
      <c r="AY909" t="s">
        <v>187</v>
      </c>
      <c r="AZ909" t="s">
        <v>207</v>
      </c>
      <c r="BA909" t="s">
        <v>188</v>
      </c>
      <c r="BB909" t="s">
        <v>208</v>
      </c>
      <c r="BF909" t="s">
        <v>49</v>
      </c>
      <c r="BG909" s="1">
        <v>0</v>
      </c>
      <c r="BH909" t="s">
        <v>247</v>
      </c>
      <c r="BK909" t="s">
        <v>191</v>
      </c>
      <c r="BL909" t="s">
        <v>1338</v>
      </c>
      <c r="BM909" t="s">
        <v>191</v>
      </c>
      <c r="BN909" t="s">
        <v>1339</v>
      </c>
      <c r="BO909" t="s">
        <v>218</v>
      </c>
      <c r="BP909" t="s">
        <v>1340</v>
      </c>
      <c r="BQ909" t="s">
        <v>1341</v>
      </c>
    </row>
    <row r="910" spans="1:69" x14ac:dyDescent="0.25">
      <c r="A910" s="1">
        <v>30449996</v>
      </c>
      <c r="B910" t="s">
        <v>3465</v>
      </c>
      <c r="C910" t="s">
        <v>39</v>
      </c>
      <c r="D910" t="s">
        <v>3138</v>
      </c>
      <c r="E910" t="s">
        <v>175</v>
      </c>
      <c r="L910" t="s">
        <v>52</v>
      </c>
      <c r="M910" s="1">
        <v>0</v>
      </c>
      <c r="N910" s="1">
        <v>0</v>
      </c>
      <c r="O910" t="s">
        <v>3139</v>
      </c>
      <c r="P910" t="s">
        <v>216</v>
      </c>
      <c r="Q910" t="s">
        <v>273</v>
      </c>
      <c r="R910" t="s">
        <v>752</v>
      </c>
      <c r="S910" s="1">
        <v>0</v>
      </c>
      <c r="T910" t="s">
        <v>175</v>
      </c>
      <c r="W910" t="s">
        <v>262</v>
      </c>
      <c r="X910" t="s">
        <v>179</v>
      </c>
      <c r="AC910" t="s">
        <v>180</v>
      </c>
      <c r="AD910" t="s">
        <v>175</v>
      </c>
      <c r="AE910" t="s">
        <v>175</v>
      </c>
      <c r="AF910" t="s">
        <v>175</v>
      </c>
      <c r="AG910" t="s">
        <v>175</v>
      </c>
      <c r="AH910" t="s">
        <v>175</v>
      </c>
      <c r="AI910" t="s">
        <v>175</v>
      </c>
      <c r="AJ910" t="s">
        <v>175</v>
      </c>
      <c r="AK910" t="s">
        <v>175</v>
      </c>
      <c r="AL910" t="s">
        <v>52</v>
      </c>
      <c r="AM910" t="s">
        <v>205</v>
      </c>
      <c r="AN910" t="s">
        <v>183</v>
      </c>
      <c r="AO910" t="s">
        <v>185</v>
      </c>
      <c r="AP910" t="s">
        <v>182</v>
      </c>
      <c r="AQ910" t="s">
        <v>202</v>
      </c>
      <c r="AR910" t="s">
        <v>203</v>
      </c>
      <c r="AS910" t="s">
        <v>204</v>
      </c>
      <c r="AT910" t="s">
        <v>201</v>
      </c>
      <c r="AU910" t="s">
        <v>206</v>
      </c>
      <c r="AV910" t="s">
        <v>184</v>
      </c>
      <c r="AW910" t="s">
        <v>3037</v>
      </c>
      <c r="AX910" t="s">
        <v>186</v>
      </c>
      <c r="AZ910" t="s">
        <v>207</v>
      </c>
      <c r="BA910" t="s">
        <v>188</v>
      </c>
      <c r="BC910" t="s">
        <v>209</v>
      </c>
      <c r="BF910" t="s">
        <v>189</v>
      </c>
      <c r="BG910" s="1">
        <v>0</v>
      </c>
      <c r="BH910" t="s">
        <v>211</v>
      </c>
      <c r="BK910" t="s">
        <v>191</v>
      </c>
      <c r="BL910" t="s">
        <v>3466</v>
      </c>
      <c r="BM910" t="s">
        <v>191</v>
      </c>
      <c r="BN910" t="s">
        <v>3467</v>
      </c>
      <c r="BO910" t="s">
        <v>218</v>
      </c>
      <c r="BP910" t="s">
        <v>3468</v>
      </c>
    </row>
    <row r="911" spans="1:69" x14ac:dyDescent="0.25">
      <c r="A911" s="1">
        <v>30449998</v>
      </c>
      <c r="B911" t="s">
        <v>4227</v>
      </c>
      <c r="C911" t="s">
        <v>39</v>
      </c>
      <c r="D911" t="s">
        <v>3727</v>
      </c>
      <c r="E911" t="s">
        <v>175</v>
      </c>
      <c r="L911" t="s">
        <v>52</v>
      </c>
      <c r="M911" s="1">
        <v>0</v>
      </c>
      <c r="N911" s="1">
        <v>0</v>
      </c>
      <c r="O911" t="s">
        <v>3728</v>
      </c>
      <c r="P911" t="s">
        <v>216</v>
      </c>
      <c r="Q911" t="s">
        <v>322</v>
      </c>
      <c r="S911" s="1">
        <v>0</v>
      </c>
      <c r="T911" t="s">
        <v>175</v>
      </c>
      <c r="Y911" t="s">
        <v>224</v>
      </c>
      <c r="AC911" t="s">
        <v>180</v>
      </c>
      <c r="AD911" t="s">
        <v>175</v>
      </c>
      <c r="AE911" t="s">
        <v>175</v>
      </c>
      <c r="AF911" t="s">
        <v>175</v>
      </c>
      <c r="AG911" t="s">
        <v>175</v>
      </c>
      <c r="AH911" t="s">
        <v>175</v>
      </c>
      <c r="AI911" t="s">
        <v>175</v>
      </c>
      <c r="AJ911" t="s">
        <v>175</v>
      </c>
      <c r="AK911" t="s">
        <v>175</v>
      </c>
      <c r="AL911" t="s">
        <v>42</v>
      </c>
      <c r="AM911" t="s">
        <v>183</v>
      </c>
      <c r="AN911" t="s">
        <v>185</v>
      </c>
      <c r="AO911" t="s">
        <v>205</v>
      </c>
      <c r="AP911" t="s">
        <v>201</v>
      </c>
      <c r="AQ911" t="s">
        <v>202</v>
      </c>
      <c r="AR911" t="s">
        <v>203</v>
      </c>
      <c r="AS911" t="s">
        <v>204</v>
      </c>
      <c r="AT911" t="s">
        <v>184</v>
      </c>
      <c r="AU911" t="s">
        <v>182</v>
      </c>
      <c r="AV911" t="s">
        <v>206</v>
      </c>
      <c r="BA911" t="s">
        <v>188</v>
      </c>
      <c r="BF911" t="s">
        <v>210</v>
      </c>
      <c r="BG911" s="1">
        <v>0</v>
      </c>
      <c r="BH911" t="s">
        <v>211</v>
      </c>
      <c r="BK911" t="s">
        <v>191</v>
      </c>
      <c r="BM911" t="s">
        <v>191</v>
      </c>
      <c r="BO911" t="s">
        <v>191</v>
      </c>
      <c r="BQ911" t="s">
        <v>4228</v>
      </c>
    </row>
    <row r="912" spans="1:69" x14ac:dyDescent="0.25">
      <c r="A912" s="1">
        <v>30450000</v>
      </c>
      <c r="B912" t="s">
        <v>2098</v>
      </c>
      <c r="C912" t="s">
        <v>39</v>
      </c>
      <c r="D912" t="s">
        <v>1616</v>
      </c>
      <c r="E912" t="s">
        <v>216</v>
      </c>
      <c r="L912" t="s">
        <v>52</v>
      </c>
      <c r="M912" s="1">
        <v>0</v>
      </c>
      <c r="N912" s="1">
        <v>0</v>
      </c>
      <c r="O912" t="s">
        <v>1616</v>
      </c>
      <c r="P912" t="s">
        <v>216</v>
      </c>
      <c r="Q912" t="s">
        <v>322</v>
      </c>
      <c r="S912" s="1">
        <v>0</v>
      </c>
      <c r="T912" t="s">
        <v>197</v>
      </c>
      <c r="AC912" t="s">
        <v>199</v>
      </c>
      <c r="AD912" t="s">
        <v>175</v>
      </c>
      <c r="AE912" t="s">
        <v>175</v>
      </c>
      <c r="AF912" t="s">
        <v>181</v>
      </c>
      <c r="AG912" t="s">
        <v>175</v>
      </c>
      <c r="AH912" s="1">
        <v>0</v>
      </c>
      <c r="AI912" t="s">
        <v>175</v>
      </c>
      <c r="AJ912" t="s">
        <v>181</v>
      </c>
      <c r="AK912" t="s">
        <v>230</v>
      </c>
      <c r="AL912" t="s">
        <v>42</v>
      </c>
      <c r="AM912" t="s">
        <v>205</v>
      </c>
      <c r="AN912" t="s">
        <v>206</v>
      </c>
      <c r="AO912" t="s">
        <v>201</v>
      </c>
      <c r="AP912" t="s">
        <v>203</v>
      </c>
      <c r="AQ912" t="s">
        <v>184</v>
      </c>
      <c r="AR912" t="s">
        <v>182</v>
      </c>
      <c r="AS912" t="s">
        <v>202</v>
      </c>
      <c r="AT912" t="s">
        <v>183</v>
      </c>
      <c r="AU912" t="s">
        <v>185</v>
      </c>
      <c r="AV912" t="s">
        <v>204</v>
      </c>
      <c r="AX912" t="s">
        <v>186</v>
      </c>
      <c r="AY912" t="s">
        <v>187</v>
      </c>
      <c r="AZ912" t="s">
        <v>207</v>
      </c>
      <c r="BA912" t="s">
        <v>188</v>
      </c>
      <c r="BF912" t="s">
        <v>189</v>
      </c>
      <c r="BG912" s="1">
        <v>0</v>
      </c>
      <c r="BH912" t="s">
        <v>302</v>
      </c>
      <c r="BK912" t="s">
        <v>191</v>
      </c>
      <c r="BL912" t="s">
        <v>2099</v>
      </c>
      <c r="BM912" t="s">
        <v>191</v>
      </c>
      <c r="BN912" t="s">
        <v>2100</v>
      </c>
      <c r="BO912" t="s">
        <v>191</v>
      </c>
    </row>
    <row r="913" spans="1:69" x14ac:dyDescent="0.25">
      <c r="A913" s="1">
        <v>30450002</v>
      </c>
      <c r="B913" t="s">
        <v>2870</v>
      </c>
      <c r="C913" t="s">
        <v>39</v>
      </c>
      <c r="D913" t="s">
        <v>2512</v>
      </c>
      <c r="E913" t="s">
        <v>200</v>
      </c>
      <c r="L913" t="s">
        <v>52</v>
      </c>
      <c r="M913" s="1">
        <v>0</v>
      </c>
      <c r="N913" s="1">
        <v>0</v>
      </c>
      <c r="O913" t="s">
        <v>2512</v>
      </c>
      <c r="P913" t="s">
        <v>176</v>
      </c>
      <c r="Q913" t="s">
        <v>238</v>
      </c>
      <c r="S913" t="s">
        <v>178</v>
      </c>
      <c r="T913" t="s">
        <v>200</v>
      </c>
      <c r="Z913" t="s">
        <v>244</v>
      </c>
      <c r="AC913" t="s">
        <v>266</v>
      </c>
      <c r="AD913" t="s">
        <v>200</v>
      </c>
      <c r="AE913" t="s">
        <v>200</v>
      </c>
      <c r="AF913" t="s">
        <v>200</v>
      </c>
      <c r="AG913" t="s">
        <v>200</v>
      </c>
      <c r="AH913" t="s">
        <v>200</v>
      </c>
      <c r="AI913" t="s">
        <v>200</v>
      </c>
      <c r="AJ913" t="s">
        <v>200</v>
      </c>
      <c r="AK913" t="s">
        <v>200</v>
      </c>
      <c r="AL913" t="s">
        <v>42</v>
      </c>
      <c r="AM913" t="s">
        <v>204</v>
      </c>
      <c r="AN913" t="s">
        <v>184</v>
      </c>
      <c r="AO913" t="s">
        <v>201</v>
      </c>
      <c r="AP913" t="s">
        <v>206</v>
      </c>
      <c r="AQ913" t="s">
        <v>185</v>
      </c>
      <c r="AR913" t="s">
        <v>205</v>
      </c>
      <c r="AS913" t="s">
        <v>203</v>
      </c>
      <c r="AT913" t="s">
        <v>183</v>
      </c>
      <c r="AU913" t="s">
        <v>202</v>
      </c>
      <c r="AV913" t="s">
        <v>182</v>
      </c>
      <c r="AZ913" t="s">
        <v>207</v>
      </c>
      <c r="BF913" t="s">
        <v>210</v>
      </c>
      <c r="BG913" s="1">
        <v>0</v>
      </c>
      <c r="BH913" t="s">
        <v>464</v>
      </c>
      <c r="BK913" t="s">
        <v>191</v>
      </c>
      <c r="BL913" t="s">
        <v>2871</v>
      </c>
      <c r="BM913" t="s">
        <v>191</v>
      </c>
      <c r="BN913" t="s">
        <v>518</v>
      </c>
      <c r="BO913" t="s">
        <v>218</v>
      </c>
      <c r="BP913" t="s">
        <v>2872</v>
      </c>
      <c r="BQ913" t="s">
        <v>2873</v>
      </c>
    </row>
    <row r="914" spans="1:69" x14ac:dyDescent="0.25">
      <c r="A914" s="1">
        <v>30450004</v>
      </c>
      <c r="B914" t="s">
        <v>2101</v>
      </c>
      <c r="C914" t="s">
        <v>39</v>
      </c>
      <c r="D914" t="s">
        <v>1616</v>
      </c>
      <c r="E914" t="s">
        <v>200</v>
      </c>
      <c r="L914" t="s">
        <v>52</v>
      </c>
      <c r="M914" s="1">
        <v>0</v>
      </c>
      <c r="N914" s="1">
        <v>0</v>
      </c>
      <c r="O914" t="s">
        <v>1616</v>
      </c>
      <c r="P914" t="s">
        <v>216</v>
      </c>
      <c r="Q914" t="s">
        <v>322</v>
      </c>
      <c r="S914" s="1">
        <v>0</v>
      </c>
      <c r="T914" t="s">
        <v>200</v>
      </c>
      <c r="Y914" t="s">
        <v>224</v>
      </c>
      <c r="AC914" t="s">
        <v>180</v>
      </c>
      <c r="AD914" t="s">
        <v>175</v>
      </c>
      <c r="AE914" t="s">
        <v>175</v>
      </c>
      <c r="AF914" t="s">
        <v>181</v>
      </c>
      <c r="AG914" t="s">
        <v>200</v>
      </c>
      <c r="AH914" t="s">
        <v>175</v>
      </c>
      <c r="AI914" t="s">
        <v>181</v>
      </c>
      <c r="AJ914" t="s">
        <v>175</v>
      </c>
      <c r="AK914" t="s">
        <v>181</v>
      </c>
      <c r="AL914" t="s">
        <v>42</v>
      </c>
      <c r="AM914" t="s">
        <v>182</v>
      </c>
      <c r="AN914" t="s">
        <v>206</v>
      </c>
      <c r="AO914" t="s">
        <v>185</v>
      </c>
      <c r="AP914" t="s">
        <v>184</v>
      </c>
      <c r="AQ914" t="s">
        <v>202</v>
      </c>
      <c r="AR914" t="s">
        <v>203</v>
      </c>
      <c r="AS914" t="s">
        <v>204</v>
      </c>
      <c r="AT914" t="s">
        <v>201</v>
      </c>
      <c r="AU914" t="s">
        <v>205</v>
      </c>
      <c r="AV914" t="s">
        <v>183</v>
      </c>
      <c r="AW914" t="s">
        <v>2102</v>
      </c>
      <c r="AX914" t="s">
        <v>186</v>
      </c>
      <c r="AZ914" t="s">
        <v>207</v>
      </c>
      <c r="BF914" t="s">
        <v>210</v>
      </c>
      <c r="BG914" s="1">
        <v>0</v>
      </c>
      <c r="BH914" t="s">
        <v>211</v>
      </c>
      <c r="BK914" t="s">
        <v>191</v>
      </c>
      <c r="BL914" t="s">
        <v>2103</v>
      </c>
      <c r="BM914" t="s">
        <v>191</v>
      </c>
      <c r="BN914" t="s">
        <v>2104</v>
      </c>
      <c r="BO914" t="s">
        <v>191</v>
      </c>
      <c r="BP914" t="s">
        <v>801</v>
      </c>
      <c r="BQ914" t="s">
        <v>2105</v>
      </c>
    </row>
    <row r="915" spans="1:69" x14ac:dyDescent="0.25">
      <c r="A915" s="1">
        <v>30450007</v>
      </c>
      <c r="B915" t="s">
        <v>4229</v>
      </c>
      <c r="C915" t="s">
        <v>39</v>
      </c>
      <c r="D915" t="s">
        <v>3727</v>
      </c>
      <c r="E915" t="s">
        <v>195</v>
      </c>
      <c r="L915" t="s">
        <v>52</v>
      </c>
      <c r="M915" s="1">
        <v>0</v>
      </c>
      <c r="N915" s="1">
        <v>0</v>
      </c>
      <c r="O915" t="s">
        <v>3728</v>
      </c>
      <c r="P915" t="s">
        <v>176</v>
      </c>
      <c r="Q915" t="s">
        <v>177</v>
      </c>
      <c r="S915" t="s">
        <v>256</v>
      </c>
      <c r="T915" t="s">
        <v>297</v>
      </c>
      <c r="U915" t="s">
        <v>4230</v>
      </c>
      <c r="AC915" s="1">
        <v>0</v>
      </c>
      <c r="AD915" s="1">
        <v>0</v>
      </c>
      <c r="AE915" s="1">
        <v>0</v>
      </c>
      <c r="AF915" s="1">
        <v>0</v>
      </c>
      <c r="AG915" s="1">
        <v>0</v>
      </c>
      <c r="AH915" s="1">
        <v>0</v>
      </c>
      <c r="AI915" s="1">
        <v>0</v>
      </c>
      <c r="AJ915" s="1">
        <v>0</v>
      </c>
      <c r="AK915" s="1">
        <v>0</v>
      </c>
      <c r="AL915" s="1">
        <v>0</v>
      </c>
      <c r="AM915" s="1">
        <v>0</v>
      </c>
      <c r="AN915" s="1">
        <v>0</v>
      </c>
      <c r="AO915" s="1">
        <v>0</v>
      </c>
      <c r="AP915" s="1">
        <v>0</v>
      </c>
      <c r="AQ915" s="1">
        <v>0</v>
      </c>
      <c r="AR915" s="1">
        <v>0</v>
      </c>
      <c r="AS915" s="1">
        <v>0</v>
      </c>
      <c r="AT915" s="1">
        <v>0</v>
      </c>
      <c r="AU915" s="1">
        <v>0</v>
      </c>
      <c r="AV915" s="1">
        <v>0</v>
      </c>
      <c r="BF915" s="1">
        <v>0</v>
      </c>
      <c r="BG915" s="1">
        <v>0</v>
      </c>
      <c r="BH915" s="1">
        <v>0</v>
      </c>
      <c r="BK915" t="s">
        <v>191</v>
      </c>
      <c r="BL915" t="s">
        <v>4231</v>
      </c>
      <c r="BM915" t="s">
        <v>191</v>
      </c>
      <c r="BO915" t="s">
        <v>191</v>
      </c>
    </row>
    <row r="916" spans="1:69" x14ac:dyDescent="0.25">
      <c r="A916" s="1">
        <v>30450008</v>
      </c>
      <c r="B916" t="s">
        <v>1342</v>
      </c>
      <c r="C916" t="s">
        <v>39</v>
      </c>
      <c r="D916" t="s">
        <v>942</v>
      </c>
      <c r="E916" t="s">
        <v>175</v>
      </c>
      <c r="L916" t="s">
        <v>52</v>
      </c>
      <c r="M916" s="1">
        <v>0</v>
      </c>
      <c r="N916" s="1">
        <v>0</v>
      </c>
      <c r="O916" t="s">
        <v>942</v>
      </c>
      <c r="P916" t="s">
        <v>216</v>
      </c>
      <c r="Q916" t="s">
        <v>258</v>
      </c>
      <c r="S916" s="1">
        <v>0</v>
      </c>
      <c r="T916" t="s">
        <v>175</v>
      </c>
      <c r="X916" t="s">
        <v>179</v>
      </c>
      <c r="Z916" t="s">
        <v>244</v>
      </c>
      <c r="AC916" t="s">
        <v>199</v>
      </c>
      <c r="AD916" t="s">
        <v>175</v>
      </c>
      <c r="AE916" t="s">
        <v>175</v>
      </c>
      <c r="AF916" t="s">
        <v>175</v>
      </c>
      <c r="AG916" t="s">
        <v>175</v>
      </c>
      <c r="AH916" t="s">
        <v>181</v>
      </c>
      <c r="AI916" t="s">
        <v>175</v>
      </c>
      <c r="AJ916" t="s">
        <v>181</v>
      </c>
      <c r="AK916" t="s">
        <v>175</v>
      </c>
      <c r="AL916" t="s">
        <v>42</v>
      </c>
      <c r="AM916" t="s">
        <v>205</v>
      </c>
      <c r="AN916" t="s">
        <v>185</v>
      </c>
      <c r="AO916" t="s">
        <v>184</v>
      </c>
      <c r="AP916" t="s">
        <v>204</v>
      </c>
      <c r="AQ916" t="s">
        <v>201</v>
      </c>
      <c r="AR916" t="s">
        <v>206</v>
      </c>
      <c r="AS916" t="s">
        <v>203</v>
      </c>
      <c r="AT916" t="s">
        <v>182</v>
      </c>
      <c r="AU916" t="s">
        <v>183</v>
      </c>
      <c r="AV916" t="s">
        <v>202</v>
      </c>
      <c r="AW916" t="s">
        <v>1343</v>
      </c>
      <c r="AX916" t="s">
        <v>186</v>
      </c>
      <c r="AY916" t="s">
        <v>187</v>
      </c>
      <c r="BA916" t="s">
        <v>188</v>
      </c>
      <c r="BF916" t="s">
        <v>189</v>
      </c>
      <c r="BG916" s="1">
        <v>0</v>
      </c>
      <c r="BH916" t="s">
        <v>247</v>
      </c>
      <c r="BK916" t="s">
        <v>191</v>
      </c>
      <c r="BL916" t="s">
        <v>1344</v>
      </c>
      <c r="BM916" s="1">
        <v>0</v>
      </c>
      <c r="BN916" t="s">
        <v>1345</v>
      </c>
      <c r="BO916" t="s">
        <v>218</v>
      </c>
    </row>
    <row r="917" spans="1:69" x14ac:dyDescent="0.25">
      <c r="A917" s="1">
        <v>30450010</v>
      </c>
      <c r="B917" t="s">
        <v>3469</v>
      </c>
      <c r="C917" t="s">
        <v>39</v>
      </c>
      <c r="D917" t="s">
        <v>3138</v>
      </c>
      <c r="E917" t="s">
        <v>200</v>
      </c>
      <c r="L917" t="s">
        <v>52</v>
      </c>
      <c r="M917" s="1">
        <v>0</v>
      </c>
      <c r="N917" s="1">
        <v>0</v>
      </c>
      <c r="O917" t="s">
        <v>3139</v>
      </c>
      <c r="P917" t="s">
        <v>216</v>
      </c>
      <c r="Q917" t="s">
        <v>322</v>
      </c>
      <c r="S917" s="1">
        <v>0</v>
      </c>
      <c r="T917" t="s">
        <v>200</v>
      </c>
      <c r="Y917" t="s">
        <v>224</v>
      </c>
      <c r="AC917" t="s">
        <v>180</v>
      </c>
      <c r="AD917" t="s">
        <v>200</v>
      </c>
      <c r="AE917" t="s">
        <v>200</v>
      </c>
      <c r="AF917" t="s">
        <v>200</v>
      </c>
      <c r="AG917" t="s">
        <v>200</v>
      </c>
      <c r="AH917" t="s">
        <v>200</v>
      </c>
      <c r="AI917" t="s">
        <v>200</v>
      </c>
      <c r="AJ917" t="s">
        <v>200</v>
      </c>
      <c r="AK917" t="s">
        <v>200</v>
      </c>
      <c r="AL917" t="s">
        <v>52</v>
      </c>
      <c r="AM917" s="1">
        <v>0</v>
      </c>
      <c r="AN917" s="1">
        <v>0</v>
      </c>
      <c r="AO917" s="1">
        <v>0</v>
      </c>
      <c r="AP917" s="1">
        <v>0</v>
      </c>
      <c r="AQ917" s="1">
        <v>0</v>
      </c>
      <c r="AR917" s="1">
        <v>0</v>
      </c>
      <c r="AS917" s="1">
        <v>0</v>
      </c>
      <c r="AT917" s="1">
        <v>0</v>
      </c>
      <c r="AU917" s="1">
        <v>0</v>
      </c>
      <c r="AV917" s="1">
        <v>0</v>
      </c>
      <c r="BF917" s="1">
        <v>0</v>
      </c>
      <c r="BG917" s="1">
        <v>0</v>
      </c>
      <c r="BH917" s="1">
        <v>0</v>
      </c>
      <c r="BK917" s="1">
        <v>0</v>
      </c>
      <c r="BM917" s="1">
        <v>0</v>
      </c>
      <c r="BO917" s="1">
        <v>0</v>
      </c>
    </row>
    <row r="918" spans="1:69" x14ac:dyDescent="0.25">
      <c r="A918" s="1">
        <v>30450013</v>
      </c>
      <c r="B918" t="s">
        <v>4232</v>
      </c>
      <c r="C918" t="s">
        <v>39</v>
      </c>
      <c r="D918" t="s">
        <v>3727</v>
      </c>
      <c r="E918" t="s">
        <v>175</v>
      </c>
      <c r="L918" t="s">
        <v>52</v>
      </c>
      <c r="M918" s="1">
        <v>0</v>
      </c>
      <c r="N918" s="1">
        <v>0</v>
      </c>
      <c r="O918" t="s">
        <v>3728</v>
      </c>
      <c r="P918" t="s">
        <v>176</v>
      </c>
      <c r="Q918" t="s">
        <v>177</v>
      </c>
      <c r="S918" t="s">
        <v>178</v>
      </c>
      <c r="T918" t="s">
        <v>175</v>
      </c>
      <c r="X918" t="s">
        <v>179</v>
      </c>
      <c r="AC918" t="s">
        <v>199</v>
      </c>
      <c r="AD918" t="s">
        <v>181</v>
      </c>
      <c r="AE918" t="s">
        <v>181</v>
      </c>
      <c r="AF918" t="s">
        <v>181</v>
      </c>
      <c r="AG918" t="s">
        <v>181</v>
      </c>
      <c r="AH918" t="s">
        <v>299</v>
      </c>
      <c r="AI918" t="s">
        <v>299</v>
      </c>
      <c r="AJ918" t="s">
        <v>181</v>
      </c>
      <c r="AK918" t="s">
        <v>299</v>
      </c>
      <c r="AL918" t="s">
        <v>52</v>
      </c>
      <c r="AM918" t="s">
        <v>184</v>
      </c>
      <c r="AN918" t="s">
        <v>203</v>
      </c>
      <c r="AO918" t="s">
        <v>185</v>
      </c>
      <c r="AP918" t="s">
        <v>182</v>
      </c>
      <c r="AQ918" t="s">
        <v>205</v>
      </c>
      <c r="AR918" t="s">
        <v>183</v>
      </c>
      <c r="AS918" t="s">
        <v>201</v>
      </c>
      <c r="AT918" t="s">
        <v>202</v>
      </c>
      <c r="AU918" t="s">
        <v>204</v>
      </c>
      <c r="AV918" t="s">
        <v>206</v>
      </c>
      <c r="AY918" t="s">
        <v>187</v>
      </c>
      <c r="AZ918" t="s">
        <v>207</v>
      </c>
      <c r="BA918" t="s">
        <v>188</v>
      </c>
      <c r="BC918" t="s">
        <v>209</v>
      </c>
      <c r="BF918" t="s">
        <v>232</v>
      </c>
      <c r="BG918" t="s">
        <v>301</v>
      </c>
      <c r="BH918" t="s">
        <v>190</v>
      </c>
      <c r="BK918" t="s">
        <v>191</v>
      </c>
      <c r="BL918" t="s">
        <v>4233</v>
      </c>
      <c r="BM918" t="s">
        <v>191</v>
      </c>
      <c r="BN918" t="s">
        <v>401</v>
      </c>
      <c r="BO918" t="s">
        <v>191</v>
      </c>
      <c r="BP918" t="s">
        <v>4234</v>
      </c>
    </row>
    <row r="919" spans="1:69" x14ac:dyDescent="0.25">
      <c r="A919" s="1">
        <v>30450015</v>
      </c>
      <c r="B919" t="s">
        <v>613</v>
      </c>
      <c r="C919" t="s">
        <v>39</v>
      </c>
      <c r="D919" t="s">
        <v>174</v>
      </c>
      <c r="E919" t="s">
        <v>175</v>
      </c>
      <c r="L919" t="s">
        <v>52</v>
      </c>
      <c r="M919" s="1">
        <v>0</v>
      </c>
      <c r="N919" s="1">
        <v>0</v>
      </c>
      <c r="O919" t="s">
        <v>174</v>
      </c>
      <c r="P919" t="s">
        <v>176</v>
      </c>
      <c r="Q919" t="s">
        <v>238</v>
      </c>
      <c r="S919" t="s">
        <v>178</v>
      </c>
      <c r="T919" t="s">
        <v>175</v>
      </c>
      <c r="Y919" t="s">
        <v>224</v>
      </c>
      <c r="AC919" t="s">
        <v>266</v>
      </c>
      <c r="AD919" t="s">
        <v>181</v>
      </c>
      <c r="AE919" t="s">
        <v>230</v>
      </c>
      <c r="AF919" t="s">
        <v>230</v>
      </c>
      <c r="AG919" t="s">
        <v>175</v>
      </c>
      <c r="AH919" t="s">
        <v>175</v>
      </c>
      <c r="AI919" t="s">
        <v>175</v>
      </c>
      <c r="AJ919" t="s">
        <v>230</v>
      </c>
      <c r="AK919" t="s">
        <v>230</v>
      </c>
      <c r="AL919" t="s">
        <v>52</v>
      </c>
      <c r="AM919" t="s">
        <v>185</v>
      </c>
      <c r="AN919" t="s">
        <v>183</v>
      </c>
      <c r="AO919" t="s">
        <v>201</v>
      </c>
      <c r="AP919" t="s">
        <v>202</v>
      </c>
      <c r="AQ919" t="s">
        <v>184</v>
      </c>
      <c r="AR919" t="s">
        <v>182</v>
      </c>
      <c r="AS919" t="s">
        <v>203</v>
      </c>
      <c r="AT919" t="s">
        <v>204</v>
      </c>
      <c r="AU919" t="s">
        <v>206</v>
      </c>
      <c r="AV919" t="s">
        <v>205</v>
      </c>
      <c r="AX919" t="s">
        <v>186</v>
      </c>
      <c r="BB919" t="s">
        <v>208</v>
      </c>
      <c r="BC919" t="s">
        <v>209</v>
      </c>
      <c r="BF919" t="s">
        <v>292</v>
      </c>
      <c r="BG919" t="s">
        <v>301</v>
      </c>
      <c r="BH919" t="s">
        <v>211</v>
      </c>
      <c r="BK919" t="s">
        <v>191</v>
      </c>
      <c r="BL919" t="s">
        <v>614</v>
      </c>
      <c r="BM919" t="s">
        <v>191</v>
      </c>
      <c r="BN919" t="s">
        <v>615</v>
      </c>
      <c r="BO919" t="s">
        <v>191</v>
      </c>
      <c r="BP919" t="s">
        <v>616</v>
      </c>
      <c r="BQ919" t="s">
        <v>617</v>
      </c>
    </row>
    <row r="920" spans="1:69" x14ac:dyDescent="0.25">
      <c r="A920" s="1">
        <v>30450017</v>
      </c>
      <c r="B920" t="s">
        <v>2106</v>
      </c>
      <c r="C920" t="s">
        <v>39</v>
      </c>
      <c r="D920" t="s">
        <v>1616</v>
      </c>
      <c r="E920" t="s">
        <v>175</v>
      </c>
      <c r="L920" t="s">
        <v>52</v>
      </c>
      <c r="M920" s="1">
        <v>0</v>
      </c>
      <c r="N920" s="1">
        <v>0</v>
      </c>
      <c r="O920" t="s">
        <v>1616</v>
      </c>
      <c r="P920" t="s">
        <v>176</v>
      </c>
      <c r="Q920" t="s">
        <v>238</v>
      </c>
      <c r="S920" t="s">
        <v>178</v>
      </c>
      <c r="T920" t="s">
        <v>175</v>
      </c>
      <c r="X920" t="s">
        <v>179</v>
      </c>
      <c r="AC920" t="s">
        <v>199</v>
      </c>
      <c r="AD920" t="s">
        <v>175</v>
      </c>
      <c r="AE920" t="s">
        <v>230</v>
      </c>
      <c r="AF920" t="s">
        <v>230</v>
      </c>
      <c r="AG920" t="s">
        <v>175</v>
      </c>
      <c r="AH920" t="s">
        <v>175</v>
      </c>
      <c r="AI920" t="s">
        <v>175</v>
      </c>
      <c r="AJ920" t="s">
        <v>230</v>
      </c>
      <c r="AK920" t="s">
        <v>181</v>
      </c>
      <c r="AL920" t="s">
        <v>52</v>
      </c>
      <c r="AM920" t="s">
        <v>184</v>
      </c>
      <c r="AN920" t="s">
        <v>182</v>
      </c>
      <c r="AO920" t="s">
        <v>206</v>
      </c>
      <c r="AP920" t="s">
        <v>185</v>
      </c>
      <c r="AQ920" t="s">
        <v>202</v>
      </c>
      <c r="AR920" t="s">
        <v>203</v>
      </c>
      <c r="AS920" t="s">
        <v>205</v>
      </c>
      <c r="AT920" t="s">
        <v>183</v>
      </c>
      <c r="AU920" t="s">
        <v>201</v>
      </c>
      <c r="AV920" t="s">
        <v>204</v>
      </c>
      <c r="AX920" t="s">
        <v>186</v>
      </c>
      <c r="AZ920" t="s">
        <v>207</v>
      </c>
      <c r="BF920" t="s">
        <v>210</v>
      </c>
      <c r="BG920" s="1">
        <v>0</v>
      </c>
      <c r="BH920" t="s">
        <v>211</v>
      </c>
      <c r="BK920" t="s">
        <v>191</v>
      </c>
      <c r="BL920" t="s">
        <v>192</v>
      </c>
      <c r="BM920" t="s">
        <v>191</v>
      </c>
      <c r="BN920" t="s">
        <v>960</v>
      </c>
      <c r="BO920" t="s">
        <v>191</v>
      </c>
      <c r="BP920" t="s">
        <v>960</v>
      </c>
    </row>
    <row r="921" spans="1:69" x14ac:dyDescent="0.25">
      <c r="A921" s="1">
        <v>30450018</v>
      </c>
      <c r="B921" t="s">
        <v>618</v>
      </c>
      <c r="C921" t="s">
        <v>39</v>
      </c>
      <c r="D921" t="s">
        <v>174</v>
      </c>
      <c r="E921" t="s">
        <v>216</v>
      </c>
      <c r="L921" t="s">
        <v>52</v>
      </c>
      <c r="M921" s="1">
        <v>0</v>
      </c>
      <c r="N921" s="1">
        <v>0</v>
      </c>
      <c r="O921" t="s">
        <v>174</v>
      </c>
      <c r="P921" t="s">
        <v>216</v>
      </c>
      <c r="Q921" s="1">
        <v>0</v>
      </c>
      <c r="S921" s="1">
        <v>0</v>
      </c>
      <c r="T921" s="1">
        <v>0</v>
      </c>
      <c r="AC921" s="1">
        <v>0</v>
      </c>
      <c r="AD921" s="1">
        <v>0</v>
      </c>
      <c r="AE921" s="1">
        <v>0</v>
      </c>
      <c r="AF921" s="1">
        <v>0</v>
      </c>
      <c r="AG921" s="1">
        <v>0</v>
      </c>
      <c r="AH921" s="1">
        <v>0</v>
      </c>
      <c r="AI921" s="1">
        <v>0</v>
      </c>
      <c r="AJ921" s="1">
        <v>0</v>
      </c>
      <c r="AK921" s="1">
        <v>0</v>
      </c>
      <c r="AL921" s="1">
        <v>0</v>
      </c>
      <c r="AM921" s="1">
        <v>0</v>
      </c>
      <c r="AN921" s="1">
        <v>0</v>
      </c>
      <c r="AO921" s="1">
        <v>0</v>
      </c>
      <c r="AP921" s="1">
        <v>0</v>
      </c>
      <c r="AQ921" s="1">
        <v>0</v>
      </c>
      <c r="AR921" s="1">
        <v>0</v>
      </c>
      <c r="AS921" s="1">
        <v>0</v>
      </c>
      <c r="AT921" s="1">
        <v>0</v>
      </c>
      <c r="AU921" s="1">
        <v>0</v>
      </c>
      <c r="AV921" s="1">
        <v>0</v>
      </c>
      <c r="BF921" s="1">
        <v>0</v>
      </c>
      <c r="BG921" s="1">
        <v>0</v>
      </c>
      <c r="BH921" s="1">
        <v>0</v>
      </c>
      <c r="BK921" s="1">
        <v>0</v>
      </c>
      <c r="BM921" s="1">
        <v>0</v>
      </c>
      <c r="BO921" s="1">
        <v>0</v>
      </c>
    </row>
    <row r="922" spans="1:69" x14ac:dyDescent="0.25">
      <c r="A922" s="1">
        <v>30450022</v>
      </c>
      <c r="B922" t="s">
        <v>2107</v>
      </c>
      <c r="C922" t="s">
        <v>39</v>
      </c>
      <c r="D922" t="s">
        <v>1616</v>
      </c>
      <c r="E922" t="s">
        <v>216</v>
      </c>
      <c r="L922" t="s">
        <v>52</v>
      </c>
      <c r="M922" s="1">
        <v>0</v>
      </c>
      <c r="N922" s="1">
        <v>0</v>
      </c>
      <c r="O922" t="s">
        <v>1616</v>
      </c>
      <c r="P922" t="s">
        <v>216</v>
      </c>
      <c r="Q922" t="s">
        <v>196</v>
      </c>
      <c r="S922" s="1">
        <v>0</v>
      </c>
      <c r="T922" t="s">
        <v>297</v>
      </c>
      <c r="U922" t="s">
        <v>2108</v>
      </c>
      <c r="Z922" t="s">
        <v>244</v>
      </c>
      <c r="AC922" t="s">
        <v>266</v>
      </c>
      <c r="AD922" t="s">
        <v>230</v>
      </c>
      <c r="AE922" t="s">
        <v>230</v>
      </c>
      <c r="AF922" t="s">
        <v>181</v>
      </c>
      <c r="AG922" t="s">
        <v>181</v>
      </c>
      <c r="AH922" t="s">
        <v>181</v>
      </c>
      <c r="AI922" t="s">
        <v>181</v>
      </c>
      <c r="AJ922" t="s">
        <v>181</v>
      </c>
      <c r="AK922" t="s">
        <v>230</v>
      </c>
      <c r="AL922" t="s">
        <v>42</v>
      </c>
      <c r="AM922" t="s">
        <v>182</v>
      </c>
      <c r="AN922" t="s">
        <v>184</v>
      </c>
      <c r="AO922" t="s">
        <v>201</v>
      </c>
      <c r="AP922" t="s">
        <v>185</v>
      </c>
      <c r="AQ922" s="1">
        <v>0</v>
      </c>
      <c r="AR922" s="1">
        <v>0</v>
      </c>
      <c r="AS922" s="1">
        <v>0</v>
      </c>
      <c r="AT922" t="s">
        <v>205</v>
      </c>
      <c r="AU922" t="s">
        <v>206</v>
      </c>
      <c r="AV922" t="s">
        <v>183</v>
      </c>
      <c r="AX922" t="s">
        <v>186</v>
      </c>
      <c r="AY922" t="s">
        <v>187</v>
      </c>
      <c r="AZ922" t="s">
        <v>207</v>
      </c>
      <c r="BF922" t="s">
        <v>232</v>
      </c>
      <c r="BG922" t="s">
        <v>49</v>
      </c>
      <c r="BH922" t="s">
        <v>247</v>
      </c>
      <c r="BK922" t="s">
        <v>218</v>
      </c>
      <c r="BL922" t="s">
        <v>2109</v>
      </c>
      <c r="BM922" t="s">
        <v>191</v>
      </c>
      <c r="BN922" t="s">
        <v>2110</v>
      </c>
      <c r="BO922" t="s">
        <v>218</v>
      </c>
    </row>
    <row r="923" spans="1:69" x14ac:dyDescent="0.25">
      <c r="A923" s="1">
        <v>30450024</v>
      </c>
      <c r="B923" t="s">
        <v>1346</v>
      </c>
      <c r="C923" t="s">
        <v>39</v>
      </c>
      <c r="D923" t="s">
        <v>942</v>
      </c>
      <c r="E923" t="s">
        <v>175</v>
      </c>
      <c r="L923" t="s">
        <v>52</v>
      </c>
      <c r="M923" s="1">
        <v>0</v>
      </c>
      <c r="N923" s="1">
        <v>0</v>
      </c>
      <c r="O923" t="s">
        <v>942</v>
      </c>
      <c r="P923" t="s">
        <v>216</v>
      </c>
      <c r="Q923" t="s">
        <v>322</v>
      </c>
      <c r="S923" s="1">
        <v>0</v>
      </c>
      <c r="T923" t="s">
        <v>175</v>
      </c>
      <c r="X923" t="s">
        <v>179</v>
      </c>
      <c r="AC923" t="s">
        <v>180</v>
      </c>
      <c r="AD923" t="s">
        <v>175</v>
      </c>
      <c r="AE923" t="s">
        <v>175</v>
      </c>
      <c r="AF923" t="s">
        <v>181</v>
      </c>
      <c r="AG923" t="s">
        <v>175</v>
      </c>
      <c r="AH923" t="s">
        <v>175</v>
      </c>
      <c r="AI923" t="s">
        <v>175</v>
      </c>
      <c r="AJ923" t="s">
        <v>175</v>
      </c>
      <c r="AK923" t="s">
        <v>175</v>
      </c>
      <c r="AL923" t="s">
        <v>42</v>
      </c>
      <c r="AM923" t="s">
        <v>185</v>
      </c>
      <c r="AN923" t="s">
        <v>206</v>
      </c>
      <c r="AO923" t="s">
        <v>183</v>
      </c>
      <c r="AP923" t="s">
        <v>182</v>
      </c>
      <c r="AQ923" t="s">
        <v>202</v>
      </c>
      <c r="AR923" t="s">
        <v>203</v>
      </c>
      <c r="AS923" t="s">
        <v>204</v>
      </c>
      <c r="AT923" t="s">
        <v>184</v>
      </c>
      <c r="AU923" t="s">
        <v>205</v>
      </c>
      <c r="AV923" t="s">
        <v>201</v>
      </c>
      <c r="AW923" t="s">
        <v>1347</v>
      </c>
      <c r="AX923" t="s">
        <v>186</v>
      </c>
      <c r="AY923" t="s">
        <v>187</v>
      </c>
      <c r="AZ923" t="s">
        <v>207</v>
      </c>
      <c r="BA923" t="s">
        <v>188</v>
      </c>
      <c r="BF923" t="s">
        <v>210</v>
      </c>
      <c r="BG923" s="1">
        <v>0</v>
      </c>
      <c r="BH923" t="s">
        <v>211</v>
      </c>
      <c r="BK923" t="s">
        <v>191</v>
      </c>
      <c r="BL923" t="s">
        <v>1348</v>
      </c>
      <c r="BM923" t="s">
        <v>191</v>
      </c>
      <c r="BN923" t="s">
        <v>1349</v>
      </c>
      <c r="BO923" t="s">
        <v>218</v>
      </c>
      <c r="BP923" t="s">
        <v>1350</v>
      </c>
      <c r="BQ923" t="s">
        <v>1351</v>
      </c>
    </row>
    <row r="924" spans="1:69" x14ac:dyDescent="0.25">
      <c r="A924" s="1">
        <v>30450026</v>
      </c>
      <c r="B924" t="s">
        <v>3470</v>
      </c>
      <c r="C924" t="s">
        <v>39</v>
      </c>
      <c r="D924" t="s">
        <v>3138</v>
      </c>
      <c r="E924" t="s">
        <v>200</v>
      </c>
      <c r="L924" t="s">
        <v>52</v>
      </c>
      <c r="M924" s="1">
        <v>0</v>
      </c>
      <c r="N924" s="1">
        <v>0</v>
      </c>
      <c r="O924" t="s">
        <v>3139</v>
      </c>
      <c r="P924" t="s">
        <v>216</v>
      </c>
      <c r="Q924" t="s">
        <v>322</v>
      </c>
      <c r="S924" s="1">
        <v>0</v>
      </c>
      <c r="T924" t="s">
        <v>200</v>
      </c>
      <c r="Z924" t="s">
        <v>244</v>
      </c>
      <c r="AC924" t="s">
        <v>199</v>
      </c>
      <c r="AD924" t="s">
        <v>175</v>
      </c>
      <c r="AE924" t="s">
        <v>175</v>
      </c>
      <c r="AF924" t="s">
        <v>175</v>
      </c>
      <c r="AG924" t="s">
        <v>175</v>
      </c>
      <c r="AH924" t="s">
        <v>175</v>
      </c>
      <c r="AI924" t="s">
        <v>175</v>
      </c>
      <c r="AJ924" t="s">
        <v>175</v>
      </c>
      <c r="AK924" t="s">
        <v>175</v>
      </c>
      <c r="AL924" t="s">
        <v>42</v>
      </c>
      <c r="AM924" t="s">
        <v>204</v>
      </c>
      <c r="AN924" t="s">
        <v>185</v>
      </c>
      <c r="AO924" t="s">
        <v>182</v>
      </c>
      <c r="AP924" t="s">
        <v>206</v>
      </c>
      <c r="AQ924" t="s">
        <v>205</v>
      </c>
      <c r="AR924" t="s">
        <v>203</v>
      </c>
      <c r="AS924" t="s">
        <v>202</v>
      </c>
      <c r="AT924" t="s">
        <v>183</v>
      </c>
      <c r="AU924" t="s">
        <v>184</v>
      </c>
      <c r="AV924" t="s">
        <v>201</v>
      </c>
      <c r="AW924" t="s">
        <v>225</v>
      </c>
      <c r="AZ924" t="s">
        <v>207</v>
      </c>
      <c r="BF924" t="s">
        <v>210</v>
      </c>
      <c r="BG924" s="1">
        <v>0</v>
      </c>
      <c r="BH924" t="s">
        <v>211</v>
      </c>
      <c r="BK924" t="s">
        <v>191</v>
      </c>
      <c r="BL924" t="s">
        <v>518</v>
      </c>
      <c r="BM924" t="s">
        <v>218</v>
      </c>
      <c r="BN924" t="s">
        <v>3471</v>
      </c>
      <c r="BO924" t="s">
        <v>218</v>
      </c>
      <c r="BP924" t="s">
        <v>3472</v>
      </c>
      <c r="BQ924" t="s">
        <v>3473</v>
      </c>
    </row>
    <row r="925" spans="1:69" x14ac:dyDescent="0.25">
      <c r="A925" s="1">
        <v>30450029</v>
      </c>
      <c r="B925" t="s">
        <v>2874</v>
      </c>
      <c r="C925" t="s">
        <v>39</v>
      </c>
      <c r="D925" t="s">
        <v>2512</v>
      </c>
      <c r="E925" t="s">
        <v>216</v>
      </c>
      <c r="L925" t="s">
        <v>52</v>
      </c>
      <c r="M925" s="1">
        <v>0</v>
      </c>
      <c r="N925" s="1">
        <v>0</v>
      </c>
      <c r="O925" t="s">
        <v>2512</v>
      </c>
      <c r="P925" t="s">
        <v>216</v>
      </c>
      <c r="Q925" t="s">
        <v>328</v>
      </c>
      <c r="S925" s="1">
        <v>0</v>
      </c>
      <c r="T925" t="s">
        <v>297</v>
      </c>
      <c r="U925" t="s">
        <v>2875</v>
      </c>
      <c r="X925" t="s">
        <v>179</v>
      </c>
      <c r="AC925" t="s">
        <v>49</v>
      </c>
      <c r="AD925" t="s">
        <v>299</v>
      </c>
      <c r="AE925" t="s">
        <v>299</v>
      </c>
      <c r="AF925" t="s">
        <v>299</v>
      </c>
      <c r="AG925" t="s">
        <v>299</v>
      </c>
      <c r="AH925" t="s">
        <v>181</v>
      </c>
      <c r="AI925" t="s">
        <v>181</v>
      </c>
      <c r="AJ925" t="s">
        <v>181</v>
      </c>
      <c r="AK925" t="s">
        <v>181</v>
      </c>
      <c r="AL925" t="s">
        <v>52</v>
      </c>
      <c r="AM925" s="1">
        <v>0</v>
      </c>
      <c r="AN925" s="1">
        <v>0</v>
      </c>
      <c r="AO925" s="1">
        <v>0</v>
      </c>
      <c r="AP925" s="1">
        <v>0</v>
      </c>
      <c r="AQ925" s="1">
        <v>0</v>
      </c>
      <c r="AR925" s="1">
        <v>0</v>
      </c>
      <c r="AS925" s="1">
        <v>0</v>
      </c>
      <c r="AT925" s="1">
        <v>0</v>
      </c>
      <c r="AU925" s="1">
        <v>0</v>
      </c>
      <c r="AV925" s="1">
        <v>0</v>
      </c>
      <c r="BF925" t="s">
        <v>49</v>
      </c>
      <c r="BG925" s="1">
        <v>0</v>
      </c>
      <c r="BH925" t="s">
        <v>302</v>
      </c>
      <c r="BI925" t="s">
        <v>52</v>
      </c>
      <c r="BK925" t="s">
        <v>191</v>
      </c>
      <c r="BL925" t="s">
        <v>2876</v>
      </c>
      <c r="BM925" t="s">
        <v>191</v>
      </c>
      <c r="BO925" s="1">
        <v>0</v>
      </c>
      <c r="BP925" t="s">
        <v>2877</v>
      </c>
      <c r="BQ925" t="s">
        <v>2878</v>
      </c>
    </row>
    <row r="926" spans="1:69" x14ac:dyDescent="0.25">
      <c r="A926" s="1">
        <v>30450030</v>
      </c>
      <c r="B926" t="s">
        <v>2879</v>
      </c>
      <c r="C926" t="s">
        <v>39</v>
      </c>
      <c r="D926" t="s">
        <v>2512</v>
      </c>
      <c r="E926" t="s">
        <v>175</v>
      </c>
      <c r="L926" t="s">
        <v>52</v>
      </c>
      <c r="M926" s="1">
        <v>0</v>
      </c>
      <c r="N926" s="1">
        <v>0</v>
      </c>
      <c r="O926" t="s">
        <v>2512</v>
      </c>
      <c r="P926" t="s">
        <v>176</v>
      </c>
      <c r="Q926" t="s">
        <v>238</v>
      </c>
      <c r="S926" t="s">
        <v>178</v>
      </c>
      <c r="T926" t="s">
        <v>175</v>
      </c>
      <c r="Y926" t="s">
        <v>224</v>
      </c>
      <c r="AC926" s="1">
        <v>0</v>
      </c>
      <c r="AD926" s="1">
        <v>0</v>
      </c>
      <c r="AE926" s="1">
        <v>0</v>
      </c>
      <c r="AF926" s="1">
        <v>0</v>
      </c>
      <c r="AG926" s="1">
        <v>0</v>
      </c>
      <c r="AH926" s="1">
        <v>0</v>
      </c>
      <c r="AI926" s="1">
        <v>0</v>
      </c>
      <c r="AJ926" s="1">
        <v>0</v>
      </c>
      <c r="AK926" s="1">
        <v>0</v>
      </c>
      <c r="AL926" s="1">
        <v>0</v>
      </c>
      <c r="AM926" s="1">
        <v>0</v>
      </c>
      <c r="AN926" s="1">
        <v>0</v>
      </c>
      <c r="AO926" s="1">
        <v>0</v>
      </c>
      <c r="AP926" s="1">
        <v>0</v>
      </c>
      <c r="AQ926" s="1">
        <v>0</v>
      </c>
      <c r="AR926" s="1">
        <v>0</v>
      </c>
      <c r="AS926" s="1">
        <v>0</v>
      </c>
      <c r="AT926" s="1">
        <v>0</v>
      </c>
      <c r="AU926" s="1">
        <v>0</v>
      </c>
      <c r="AV926" s="1">
        <v>0</v>
      </c>
      <c r="BF926" s="1">
        <v>0</v>
      </c>
      <c r="BG926" s="1">
        <v>0</v>
      </c>
      <c r="BH926" s="1">
        <v>0</v>
      </c>
      <c r="BK926" s="1">
        <v>0</v>
      </c>
      <c r="BM926" s="1">
        <v>0</v>
      </c>
      <c r="BO926" s="1">
        <v>0</v>
      </c>
    </row>
    <row r="927" spans="1:69" x14ac:dyDescent="0.25">
      <c r="A927" s="1">
        <v>30450032</v>
      </c>
      <c r="B927" t="s">
        <v>619</v>
      </c>
      <c r="C927" t="s">
        <v>39</v>
      </c>
      <c r="D927" t="s">
        <v>174</v>
      </c>
      <c r="E927" t="s">
        <v>195</v>
      </c>
      <c r="L927" t="s">
        <v>52</v>
      </c>
      <c r="M927" s="1">
        <v>0</v>
      </c>
      <c r="N927" s="1">
        <v>0</v>
      </c>
      <c r="O927" t="s">
        <v>174</v>
      </c>
      <c r="P927" t="s">
        <v>176</v>
      </c>
      <c r="Q927" t="s">
        <v>328</v>
      </c>
      <c r="S927" t="s">
        <v>222</v>
      </c>
      <c r="T927" t="s">
        <v>197</v>
      </c>
      <c r="U927" t="s">
        <v>620</v>
      </c>
      <c r="AA927" t="s">
        <v>273</v>
      </c>
      <c r="AC927" t="s">
        <v>49</v>
      </c>
      <c r="AD927" t="s">
        <v>230</v>
      </c>
      <c r="AE927" t="s">
        <v>299</v>
      </c>
      <c r="AF927" t="s">
        <v>181</v>
      </c>
      <c r="AG927" t="s">
        <v>230</v>
      </c>
      <c r="AH927" t="s">
        <v>230</v>
      </c>
      <c r="AI927" t="s">
        <v>181</v>
      </c>
      <c r="AJ927" t="s">
        <v>230</v>
      </c>
      <c r="AK927" t="s">
        <v>230</v>
      </c>
      <c r="AL927" t="s">
        <v>49</v>
      </c>
      <c r="AM927" s="1">
        <v>0</v>
      </c>
      <c r="AN927" s="1">
        <v>0</v>
      </c>
      <c r="AO927" s="1">
        <v>0</v>
      </c>
      <c r="AP927" s="1">
        <v>0</v>
      </c>
      <c r="AQ927" s="1">
        <v>0</v>
      </c>
      <c r="AR927" s="1">
        <v>0</v>
      </c>
      <c r="AS927" s="1">
        <v>0</v>
      </c>
      <c r="AT927" s="1">
        <v>0</v>
      </c>
      <c r="AU927" s="1">
        <v>0</v>
      </c>
      <c r="AV927" s="1">
        <v>0</v>
      </c>
      <c r="BC927" t="s">
        <v>209</v>
      </c>
      <c r="BF927" t="s">
        <v>49</v>
      </c>
      <c r="BG927" s="1">
        <v>0</v>
      </c>
      <c r="BH927" t="s">
        <v>412</v>
      </c>
      <c r="BI927" t="s">
        <v>621</v>
      </c>
      <c r="BK927" t="s">
        <v>191</v>
      </c>
      <c r="BL927" t="s">
        <v>622</v>
      </c>
      <c r="BM927" s="1">
        <v>0</v>
      </c>
      <c r="BO927" s="1">
        <v>0</v>
      </c>
    </row>
    <row r="928" spans="1:69" x14ac:dyDescent="0.25">
      <c r="A928" s="1">
        <v>30450035</v>
      </c>
      <c r="B928" t="s">
        <v>2111</v>
      </c>
      <c r="C928" t="s">
        <v>39</v>
      </c>
      <c r="D928" t="s">
        <v>1616</v>
      </c>
      <c r="E928" t="s">
        <v>216</v>
      </c>
      <c r="L928" t="s">
        <v>52</v>
      </c>
      <c r="M928" s="1">
        <v>0</v>
      </c>
      <c r="N928" s="1">
        <v>0</v>
      </c>
      <c r="O928" t="s">
        <v>1616</v>
      </c>
      <c r="P928" t="s">
        <v>216</v>
      </c>
      <c r="Q928" t="s">
        <v>177</v>
      </c>
      <c r="S928" s="1">
        <v>0</v>
      </c>
      <c r="T928" t="s">
        <v>49</v>
      </c>
      <c r="AC928" t="s">
        <v>180</v>
      </c>
      <c r="AD928" s="1">
        <v>0</v>
      </c>
      <c r="AE928" s="1">
        <v>0</v>
      </c>
      <c r="AF928" s="1">
        <v>0</v>
      </c>
      <c r="AG928" s="1">
        <v>0</v>
      </c>
      <c r="AH928" s="1">
        <v>0</v>
      </c>
      <c r="AI928" s="1">
        <v>0</v>
      </c>
      <c r="AJ928" s="1">
        <v>0</v>
      </c>
      <c r="AK928" s="1">
        <v>0</v>
      </c>
      <c r="AL928" s="1">
        <v>0</v>
      </c>
      <c r="AM928" s="1">
        <v>0</v>
      </c>
      <c r="AN928" s="1">
        <v>0</v>
      </c>
      <c r="AO928" s="1">
        <v>0</v>
      </c>
      <c r="AP928" s="1">
        <v>0</v>
      </c>
      <c r="AQ928" s="1">
        <v>0</v>
      </c>
      <c r="AR928" s="1">
        <v>0</v>
      </c>
      <c r="AS928" s="1">
        <v>0</v>
      </c>
      <c r="AT928" s="1">
        <v>0</v>
      </c>
      <c r="AU928" s="1">
        <v>0</v>
      </c>
      <c r="AV928" s="1">
        <v>0</v>
      </c>
      <c r="BF928" s="1">
        <v>0</v>
      </c>
      <c r="BG928" s="1">
        <v>0</v>
      </c>
      <c r="BH928" s="1">
        <v>0</v>
      </c>
      <c r="BK928" s="1">
        <v>0</v>
      </c>
      <c r="BM928" s="1">
        <v>0</v>
      </c>
      <c r="BO928" s="1">
        <v>0</v>
      </c>
    </row>
    <row r="929" spans="1:69" x14ac:dyDescent="0.25">
      <c r="A929" s="1">
        <v>30450036</v>
      </c>
      <c r="B929" t="s">
        <v>105</v>
      </c>
      <c r="C929" t="s">
        <v>39</v>
      </c>
      <c r="L929" t="s">
        <v>52</v>
      </c>
      <c r="M929" s="1">
        <v>0</v>
      </c>
      <c r="N929" s="1">
        <v>0</v>
      </c>
      <c r="O929" s="1">
        <v>0</v>
      </c>
      <c r="P929" s="1">
        <v>0</v>
      </c>
      <c r="Q929" s="1">
        <v>0</v>
      </c>
      <c r="S929" s="1">
        <v>0</v>
      </c>
      <c r="T929" s="1">
        <v>0</v>
      </c>
      <c r="AC929" s="1">
        <v>0</v>
      </c>
      <c r="AD929" s="1">
        <v>0</v>
      </c>
      <c r="AE929" s="1">
        <v>0</v>
      </c>
      <c r="AF929" s="1">
        <v>0</v>
      </c>
      <c r="AG929" s="1">
        <v>0</v>
      </c>
      <c r="AH929" s="1">
        <v>0</v>
      </c>
      <c r="AI929" s="1">
        <v>0</v>
      </c>
      <c r="AJ929" s="1">
        <v>0</v>
      </c>
      <c r="AK929" s="1">
        <v>0</v>
      </c>
      <c r="AL929" s="1">
        <v>0</v>
      </c>
      <c r="AM929" s="1">
        <v>0</v>
      </c>
      <c r="AN929" s="1">
        <v>0</v>
      </c>
      <c r="AO929" s="1">
        <v>0</v>
      </c>
      <c r="AP929" s="1">
        <v>0</v>
      </c>
      <c r="AQ929" s="1">
        <v>0</v>
      </c>
      <c r="AR929" s="1">
        <v>0</v>
      </c>
      <c r="AS929" s="1">
        <v>0</v>
      </c>
      <c r="AT929" s="1">
        <v>0</v>
      </c>
      <c r="AU929" s="1">
        <v>0</v>
      </c>
      <c r="AV929" s="1">
        <v>0</v>
      </c>
      <c r="BF929" s="1">
        <v>0</v>
      </c>
      <c r="BG929" s="1">
        <v>0</v>
      </c>
      <c r="BH929" s="1">
        <v>0</v>
      </c>
      <c r="BK929" s="1">
        <v>0</v>
      </c>
      <c r="BM929" s="1">
        <v>0</v>
      </c>
      <c r="BO929" s="1">
        <v>0</v>
      </c>
    </row>
    <row r="930" spans="1:69" x14ac:dyDescent="0.25">
      <c r="A930" s="1">
        <v>30450037</v>
      </c>
      <c r="B930" t="s">
        <v>4235</v>
      </c>
      <c r="C930" t="s">
        <v>39</v>
      </c>
      <c r="D930" t="s">
        <v>3727</v>
      </c>
      <c r="E930" t="s">
        <v>175</v>
      </c>
      <c r="L930" t="s">
        <v>52</v>
      </c>
      <c r="M930" s="1">
        <v>0</v>
      </c>
      <c r="N930" s="1">
        <v>0</v>
      </c>
      <c r="O930" t="s">
        <v>3728</v>
      </c>
      <c r="P930" t="s">
        <v>176</v>
      </c>
      <c r="Q930" t="s">
        <v>238</v>
      </c>
      <c r="S930" t="s">
        <v>178</v>
      </c>
      <c r="T930" t="s">
        <v>175</v>
      </c>
      <c r="Y930" t="s">
        <v>224</v>
      </c>
      <c r="AC930" t="s">
        <v>180</v>
      </c>
      <c r="AD930" t="s">
        <v>175</v>
      </c>
      <c r="AE930" t="s">
        <v>175</v>
      </c>
      <c r="AF930" t="s">
        <v>175</v>
      </c>
      <c r="AG930" t="s">
        <v>175</v>
      </c>
      <c r="AH930" t="s">
        <v>175</v>
      </c>
      <c r="AI930" t="s">
        <v>175</v>
      </c>
      <c r="AJ930" t="s">
        <v>175</v>
      </c>
      <c r="AK930" t="s">
        <v>175</v>
      </c>
      <c r="AL930" t="s">
        <v>42</v>
      </c>
      <c r="AM930" t="s">
        <v>183</v>
      </c>
      <c r="AN930" t="s">
        <v>206</v>
      </c>
      <c r="AO930" t="s">
        <v>185</v>
      </c>
      <c r="AP930" t="s">
        <v>203</v>
      </c>
      <c r="AQ930" t="s">
        <v>184</v>
      </c>
      <c r="AR930" t="s">
        <v>182</v>
      </c>
      <c r="AS930" t="s">
        <v>204</v>
      </c>
      <c r="AT930" t="s">
        <v>201</v>
      </c>
      <c r="AU930" t="s">
        <v>202</v>
      </c>
      <c r="AV930" t="s">
        <v>205</v>
      </c>
      <c r="AX930" t="s">
        <v>186</v>
      </c>
      <c r="AZ930" t="s">
        <v>207</v>
      </c>
      <c r="BF930" t="s">
        <v>292</v>
      </c>
      <c r="BG930" t="s">
        <v>301</v>
      </c>
      <c r="BH930" t="s">
        <v>211</v>
      </c>
      <c r="BK930" t="s">
        <v>191</v>
      </c>
      <c r="BM930" t="s">
        <v>218</v>
      </c>
      <c r="BO930" t="s">
        <v>218</v>
      </c>
    </row>
    <row r="931" spans="1:69" x14ac:dyDescent="0.25">
      <c r="A931" s="1">
        <v>30450039</v>
      </c>
      <c r="B931" t="s">
        <v>3474</v>
      </c>
      <c r="C931" t="s">
        <v>39</v>
      </c>
      <c r="D931" t="s">
        <v>3138</v>
      </c>
      <c r="E931" t="s">
        <v>195</v>
      </c>
      <c r="L931" t="s">
        <v>52</v>
      </c>
      <c r="M931" s="1">
        <v>0</v>
      </c>
      <c r="N931" s="1">
        <v>0</v>
      </c>
      <c r="O931" t="s">
        <v>3139</v>
      </c>
      <c r="P931" t="s">
        <v>176</v>
      </c>
      <c r="Q931" t="s">
        <v>238</v>
      </c>
      <c r="S931" t="s">
        <v>256</v>
      </c>
      <c r="T931" t="s">
        <v>49</v>
      </c>
      <c r="Z931" t="s">
        <v>244</v>
      </c>
      <c r="AC931" t="s">
        <v>199</v>
      </c>
      <c r="AD931" s="1">
        <v>0</v>
      </c>
      <c r="AE931" s="1">
        <v>0</v>
      </c>
      <c r="AF931" s="1">
        <v>0</v>
      </c>
      <c r="AG931" s="1">
        <v>0</v>
      </c>
      <c r="AH931" s="1">
        <v>0</v>
      </c>
      <c r="AI931" s="1">
        <v>0</v>
      </c>
      <c r="AJ931" s="1">
        <v>0</v>
      </c>
      <c r="AK931" s="1">
        <v>0</v>
      </c>
      <c r="AL931" s="1">
        <v>0</v>
      </c>
      <c r="AM931" s="1">
        <v>0</v>
      </c>
      <c r="AN931" s="1">
        <v>0</v>
      </c>
      <c r="AO931" s="1">
        <v>0</v>
      </c>
      <c r="AP931" s="1">
        <v>0</v>
      </c>
      <c r="AQ931" s="1">
        <v>0</v>
      </c>
      <c r="AR931" s="1">
        <v>0</v>
      </c>
      <c r="AS931" s="1">
        <v>0</v>
      </c>
      <c r="AT931" s="1">
        <v>0</v>
      </c>
      <c r="AU931" s="1">
        <v>0</v>
      </c>
      <c r="AV931" s="1">
        <v>0</v>
      </c>
      <c r="BF931" s="1">
        <v>0</v>
      </c>
      <c r="BG931" s="1">
        <v>0</v>
      </c>
      <c r="BH931" s="1">
        <v>0</v>
      </c>
      <c r="BK931" s="1">
        <v>0</v>
      </c>
      <c r="BM931" s="1">
        <v>0</v>
      </c>
      <c r="BO931" s="1">
        <v>0</v>
      </c>
    </row>
    <row r="932" spans="1:69" x14ac:dyDescent="0.25">
      <c r="A932" s="1">
        <v>30450040</v>
      </c>
      <c r="B932" t="s">
        <v>2112</v>
      </c>
      <c r="C932" t="s">
        <v>39</v>
      </c>
      <c r="D932" t="s">
        <v>1616</v>
      </c>
      <c r="E932" t="s">
        <v>175</v>
      </c>
      <c r="L932" t="s">
        <v>52</v>
      </c>
      <c r="M932" s="1">
        <v>0</v>
      </c>
      <c r="N932" s="1">
        <v>0</v>
      </c>
      <c r="O932" t="s">
        <v>1616</v>
      </c>
      <c r="P932" t="s">
        <v>176</v>
      </c>
      <c r="Q932" t="s">
        <v>177</v>
      </c>
      <c r="S932" t="s">
        <v>178</v>
      </c>
      <c r="T932" t="s">
        <v>175</v>
      </c>
      <c r="Z932" t="s">
        <v>244</v>
      </c>
      <c r="AC932" t="s">
        <v>199</v>
      </c>
      <c r="AD932" t="s">
        <v>181</v>
      </c>
      <c r="AE932" t="s">
        <v>175</v>
      </c>
      <c r="AF932" t="s">
        <v>175</v>
      </c>
      <c r="AG932" t="s">
        <v>175</v>
      </c>
      <c r="AH932" t="s">
        <v>175</v>
      </c>
      <c r="AI932" t="s">
        <v>175</v>
      </c>
      <c r="AJ932" t="s">
        <v>181</v>
      </c>
      <c r="AK932" t="s">
        <v>175</v>
      </c>
      <c r="AL932" t="s">
        <v>42</v>
      </c>
      <c r="AM932" t="s">
        <v>204</v>
      </c>
      <c r="AN932" t="s">
        <v>184</v>
      </c>
      <c r="AO932" t="s">
        <v>182</v>
      </c>
      <c r="AP932" t="s">
        <v>185</v>
      </c>
      <c r="AQ932" t="s">
        <v>202</v>
      </c>
      <c r="AR932" t="s">
        <v>203</v>
      </c>
      <c r="AS932" t="s">
        <v>206</v>
      </c>
      <c r="AT932" t="s">
        <v>183</v>
      </c>
      <c r="AU932" t="s">
        <v>205</v>
      </c>
      <c r="AV932" t="s">
        <v>201</v>
      </c>
      <c r="AW932" t="s">
        <v>2113</v>
      </c>
      <c r="AX932" t="s">
        <v>186</v>
      </c>
      <c r="AY932" t="s">
        <v>187</v>
      </c>
      <c r="AZ932" t="s">
        <v>207</v>
      </c>
      <c r="BA932" t="s">
        <v>188</v>
      </c>
      <c r="BB932" t="s">
        <v>208</v>
      </c>
      <c r="BC932" t="s">
        <v>209</v>
      </c>
      <c r="BF932" t="s">
        <v>292</v>
      </c>
      <c r="BG932" t="s">
        <v>301</v>
      </c>
      <c r="BH932" t="s">
        <v>211</v>
      </c>
      <c r="BK932" t="s">
        <v>191</v>
      </c>
      <c r="BL932" t="s">
        <v>2114</v>
      </c>
      <c r="BM932" t="s">
        <v>191</v>
      </c>
      <c r="BN932" t="s">
        <v>2115</v>
      </c>
      <c r="BO932" t="s">
        <v>191</v>
      </c>
      <c r="BP932" t="s">
        <v>2116</v>
      </c>
      <c r="BQ932" t="s">
        <v>2117</v>
      </c>
    </row>
    <row r="933" spans="1:69" x14ac:dyDescent="0.25">
      <c r="A933" s="1">
        <v>30450043</v>
      </c>
      <c r="B933" t="s">
        <v>3475</v>
      </c>
      <c r="C933" t="s">
        <v>39</v>
      </c>
      <c r="D933" t="s">
        <v>3138</v>
      </c>
      <c r="E933" t="s">
        <v>195</v>
      </c>
      <c r="L933" t="s">
        <v>52</v>
      </c>
      <c r="M933" s="1">
        <v>0</v>
      </c>
      <c r="N933" s="1">
        <v>0</v>
      </c>
      <c r="O933" t="s">
        <v>3139</v>
      </c>
      <c r="P933" t="s">
        <v>176</v>
      </c>
      <c r="Q933" t="s">
        <v>177</v>
      </c>
      <c r="S933" t="s">
        <v>178</v>
      </c>
      <c r="T933" t="s">
        <v>197</v>
      </c>
      <c r="AC933" t="s">
        <v>199</v>
      </c>
      <c r="AD933" t="s">
        <v>175</v>
      </c>
      <c r="AE933" t="s">
        <v>175</v>
      </c>
      <c r="AF933" t="s">
        <v>175</v>
      </c>
      <c r="AG933" t="s">
        <v>175</v>
      </c>
      <c r="AH933" t="s">
        <v>175</v>
      </c>
      <c r="AI933" t="s">
        <v>175</v>
      </c>
      <c r="AJ933" t="s">
        <v>175</v>
      </c>
      <c r="AK933" t="s">
        <v>175</v>
      </c>
      <c r="AL933" t="s">
        <v>52</v>
      </c>
      <c r="AM933" s="1">
        <v>0</v>
      </c>
      <c r="AN933" s="1">
        <v>0</v>
      </c>
      <c r="AO933" s="1">
        <v>0</v>
      </c>
      <c r="AP933" s="1">
        <v>0</v>
      </c>
      <c r="AQ933" s="1">
        <v>0</v>
      </c>
      <c r="AR933" s="1">
        <v>0</v>
      </c>
      <c r="AS933" s="1">
        <v>0</v>
      </c>
      <c r="AT933" s="1">
        <v>0</v>
      </c>
      <c r="AU933" s="1">
        <v>0</v>
      </c>
      <c r="AV933" s="1">
        <v>0</v>
      </c>
      <c r="AX933" t="s">
        <v>186</v>
      </c>
      <c r="AZ933" t="s">
        <v>207</v>
      </c>
      <c r="BC933" t="s">
        <v>209</v>
      </c>
      <c r="BF933" t="s">
        <v>210</v>
      </c>
      <c r="BG933" s="1">
        <v>0</v>
      </c>
      <c r="BH933" s="1">
        <v>0</v>
      </c>
      <c r="BK933" s="1">
        <v>0</v>
      </c>
      <c r="BM933" s="1">
        <v>0</v>
      </c>
      <c r="BO933" s="1">
        <v>0</v>
      </c>
    </row>
    <row r="934" spans="1:69" x14ac:dyDescent="0.25">
      <c r="A934" s="1">
        <v>30450044</v>
      </c>
      <c r="B934" t="s">
        <v>4236</v>
      </c>
      <c r="C934" t="s">
        <v>39</v>
      </c>
      <c r="D934" t="s">
        <v>3727</v>
      </c>
      <c r="E934" t="s">
        <v>200</v>
      </c>
      <c r="L934" t="s">
        <v>52</v>
      </c>
      <c r="M934" s="1">
        <v>0</v>
      </c>
      <c r="N934" s="1">
        <v>0</v>
      </c>
      <c r="O934" t="s">
        <v>3728</v>
      </c>
      <c r="P934" t="s">
        <v>176</v>
      </c>
      <c r="Q934" t="s">
        <v>177</v>
      </c>
      <c r="S934" t="s">
        <v>178</v>
      </c>
      <c r="T934" t="s">
        <v>200</v>
      </c>
      <c r="AC934" t="s">
        <v>266</v>
      </c>
      <c r="AD934" t="s">
        <v>200</v>
      </c>
      <c r="AE934" t="s">
        <v>200</v>
      </c>
      <c r="AF934" t="s">
        <v>200</v>
      </c>
      <c r="AG934" t="s">
        <v>200</v>
      </c>
      <c r="AH934" t="s">
        <v>200</v>
      </c>
      <c r="AI934" t="s">
        <v>200</v>
      </c>
      <c r="AJ934" t="s">
        <v>200</v>
      </c>
      <c r="AK934" t="s">
        <v>200</v>
      </c>
      <c r="AL934" t="s">
        <v>52</v>
      </c>
      <c r="AM934" t="s">
        <v>183</v>
      </c>
      <c r="AN934" t="s">
        <v>204</v>
      </c>
      <c r="AO934" t="s">
        <v>205</v>
      </c>
      <c r="AP934" t="s">
        <v>182</v>
      </c>
      <c r="AQ934" t="s">
        <v>185</v>
      </c>
      <c r="AR934" t="s">
        <v>184</v>
      </c>
      <c r="AS934" t="s">
        <v>201</v>
      </c>
      <c r="AT934" t="s">
        <v>203</v>
      </c>
      <c r="AU934" t="s">
        <v>202</v>
      </c>
      <c r="AV934" t="s">
        <v>206</v>
      </c>
      <c r="AX934" t="s">
        <v>186</v>
      </c>
      <c r="AY934" t="s">
        <v>187</v>
      </c>
      <c r="AZ934" t="s">
        <v>207</v>
      </c>
      <c r="BA934" t="s">
        <v>188</v>
      </c>
      <c r="BB934" t="s">
        <v>208</v>
      </c>
      <c r="BC934" t="s">
        <v>209</v>
      </c>
      <c r="BF934" t="s">
        <v>210</v>
      </c>
      <c r="BG934" s="1">
        <v>0</v>
      </c>
      <c r="BH934" t="s">
        <v>211</v>
      </c>
      <c r="BK934" t="s">
        <v>191</v>
      </c>
      <c r="BM934" t="s">
        <v>218</v>
      </c>
      <c r="BO934" t="s">
        <v>218</v>
      </c>
      <c r="BP934" t="s">
        <v>4237</v>
      </c>
      <c r="BQ934" t="s">
        <v>4238</v>
      </c>
    </row>
    <row r="935" spans="1:69" x14ac:dyDescent="0.25">
      <c r="A935" s="1">
        <v>30450047</v>
      </c>
      <c r="B935" t="s">
        <v>4239</v>
      </c>
      <c r="C935" t="s">
        <v>39</v>
      </c>
      <c r="D935" t="s">
        <v>3727</v>
      </c>
      <c r="E935" t="s">
        <v>195</v>
      </c>
      <c r="L935" t="s">
        <v>52</v>
      </c>
      <c r="M935" s="1">
        <v>0</v>
      </c>
      <c r="N935" s="1">
        <v>0</v>
      </c>
      <c r="O935" t="s">
        <v>3728</v>
      </c>
      <c r="P935" t="s">
        <v>176</v>
      </c>
      <c r="Q935" t="s">
        <v>177</v>
      </c>
      <c r="S935" t="s">
        <v>222</v>
      </c>
      <c r="T935" t="s">
        <v>197</v>
      </c>
      <c r="U935" t="s">
        <v>4240</v>
      </c>
      <c r="W935" t="s">
        <v>262</v>
      </c>
      <c r="X935" t="s">
        <v>179</v>
      </c>
      <c r="AC935" t="s">
        <v>199</v>
      </c>
      <c r="AD935" t="s">
        <v>175</v>
      </c>
      <c r="AE935" t="s">
        <v>175</v>
      </c>
      <c r="AF935" t="s">
        <v>230</v>
      </c>
      <c r="AG935" t="s">
        <v>230</v>
      </c>
      <c r="AH935" t="s">
        <v>175</v>
      </c>
      <c r="AI935" t="s">
        <v>175</v>
      </c>
      <c r="AJ935" t="s">
        <v>175</v>
      </c>
      <c r="AK935" t="s">
        <v>175</v>
      </c>
      <c r="AL935" t="s">
        <v>42</v>
      </c>
      <c r="AM935" t="s">
        <v>206</v>
      </c>
      <c r="AN935" t="s">
        <v>184</v>
      </c>
      <c r="AO935" t="s">
        <v>182</v>
      </c>
      <c r="AP935" t="s">
        <v>185</v>
      </c>
      <c r="AQ935" t="s">
        <v>202</v>
      </c>
      <c r="AR935" t="s">
        <v>203</v>
      </c>
      <c r="AS935" t="s">
        <v>204</v>
      </c>
      <c r="AT935" t="s">
        <v>183</v>
      </c>
      <c r="AU935" t="s">
        <v>201</v>
      </c>
      <c r="AV935" t="s">
        <v>205</v>
      </c>
      <c r="AX935" t="s">
        <v>186</v>
      </c>
      <c r="AY935" t="s">
        <v>187</v>
      </c>
      <c r="AZ935" t="s">
        <v>207</v>
      </c>
      <c r="BC935" t="s">
        <v>209</v>
      </c>
      <c r="BF935" t="s">
        <v>49</v>
      </c>
      <c r="BG935" s="1">
        <v>0</v>
      </c>
      <c r="BH935" t="s">
        <v>211</v>
      </c>
      <c r="BK935" t="s">
        <v>191</v>
      </c>
      <c r="BL935" t="s">
        <v>4241</v>
      </c>
      <c r="BM935" t="s">
        <v>191</v>
      </c>
      <c r="BN935" t="s">
        <v>4242</v>
      </c>
      <c r="BO935" t="s">
        <v>191</v>
      </c>
      <c r="BP935" t="s">
        <v>4243</v>
      </c>
      <c r="BQ935" t="s">
        <v>3778</v>
      </c>
    </row>
    <row r="936" spans="1:69" x14ac:dyDescent="0.25">
      <c r="A936" s="1">
        <v>30450049</v>
      </c>
      <c r="B936" t="s">
        <v>4244</v>
      </c>
      <c r="C936" t="s">
        <v>39</v>
      </c>
      <c r="D936" t="s">
        <v>3727</v>
      </c>
      <c r="E936" t="s">
        <v>175</v>
      </c>
      <c r="L936" t="s">
        <v>52</v>
      </c>
      <c r="M936" s="1">
        <v>0</v>
      </c>
      <c r="N936" s="1">
        <v>0</v>
      </c>
      <c r="O936" t="s">
        <v>3728</v>
      </c>
      <c r="P936" t="s">
        <v>176</v>
      </c>
      <c r="Q936" t="s">
        <v>196</v>
      </c>
      <c r="S936" t="s">
        <v>349</v>
      </c>
      <c r="T936" t="s">
        <v>175</v>
      </c>
      <c r="Z936" t="s">
        <v>244</v>
      </c>
      <c r="AC936" t="s">
        <v>199</v>
      </c>
      <c r="AD936" t="s">
        <v>175</v>
      </c>
      <c r="AE936" t="s">
        <v>175</v>
      </c>
      <c r="AF936" t="s">
        <v>175</v>
      </c>
      <c r="AG936" t="s">
        <v>181</v>
      </c>
      <c r="AH936" t="s">
        <v>175</v>
      </c>
      <c r="AI936" t="s">
        <v>175</v>
      </c>
      <c r="AJ936" t="s">
        <v>175</v>
      </c>
      <c r="AK936" t="s">
        <v>181</v>
      </c>
      <c r="AL936" t="s">
        <v>52</v>
      </c>
      <c r="AM936" s="1">
        <v>0</v>
      </c>
      <c r="AN936" s="1">
        <v>0</v>
      </c>
      <c r="AO936" s="1">
        <v>0</v>
      </c>
      <c r="AP936" s="1">
        <v>0</v>
      </c>
      <c r="AQ936" s="1">
        <v>0</v>
      </c>
      <c r="AR936" s="1">
        <v>0</v>
      </c>
      <c r="AS936" s="1">
        <v>0</v>
      </c>
      <c r="AT936" s="1">
        <v>0</v>
      </c>
      <c r="AU936" s="1">
        <v>0</v>
      </c>
      <c r="AV936" s="1">
        <v>0</v>
      </c>
      <c r="BF936" s="1">
        <v>0</v>
      </c>
      <c r="BG936" s="1">
        <v>0</v>
      </c>
      <c r="BH936" s="1">
        <v>0</v>
      </c>
      <c r="BK936" s="1">
        <v>0</v>
      </c>
      <c r="BM936" s="1">
        <v>0</v>
      </c>
      <c r="BO936" s="1">
        <v>0</v>
      </c>
    </row>
    <row r="937" spans="1:69" x14ac:dyDescent="0.25">
      <c r="A937" s="1">
        <v>30450051</v>
      </c>
      <c r="B937" t="s">
        <v>623</v>
      </c>
      <c r="C937" t="s">
        <v>39</v>
      </c>
      <c r="D937" t="s">
        <v>174</v>
      </c>
      <c r="E937" t="s">
        <v>200</v>
      </c>
      <c r="L937" t="s">
        <v>52</v>
      </c>
      <c r="M937" s="1">
        <v>0</v>
      </c>
      <c r="N937" s="1">
        <v>0</v>
      </c>
      <c r="O937" t="s">
        <v>174</v>
      </c>
      <c r="P937" t="s">
        <v>216</v>
      </c>
      <c r="Q937" t="s">
        <v>238</v>
      </c>
      <c r="S937" s="1">
        <v>0</v>
      </c>
      <c r="T937" t="s">
        <v>200</v>
      </c>
      <c r="X937" t="s">
        <v>179</v>
      </c>
      <c r="AC937" t="s">
        <v>199</v>
      </c>
      <c r="AD937" t="s">
        <v>200</v>
      </c>
      <c r="AE937" t="s">
        <v>175</v>
      </c>
      <c r="AF937" t="s">
        <v>175</v>
      </c>
      <c r="AG937" t="s">
        <v>175</v>
      </c>
      <c r="AH937" t="s">
        <v>175</v>
      </c>
      <c r="AI937" t="s">
        <v>200</v>
      </c>
      <c r="AJ937" t="s">
        <v>175</v>
      </c>
      <c r="AK937" t="s">
        <v>175</v>
      </c>
      <c r="AL937" t="s">
        <v>42</v>
      </c>
      <c r="AM937" t="s">
        <v>203</v>
      </c>
      <c r="AN937" t="s">
        <v>206</v>
      </c>
      <c r="AO937" t="s">
        <v>185</v>
      </c>
      <c r="AP937" t="s">
        <v>184</v>
      </c>
      <c r="AQ937" t="s">
        <v>182</v>
      </c>
      <c r="AR937" t="s">
        <v>183</v>
      </c>
      <c r="AS937" t="s">
        <v>202</v>
      </c>
      <c r="AT937" t="s">
        <v>205</v>
      </c>
      <c r="AU937" t="s">
        <v>204</v>
      </c>
      <c r="AV937" t="s">
        <v>201</v>
      </c>
      <c r="AY937" t="s">
        <v>187</v>
      </c>
      <c r="AZ937" t="s">
        <v>207</v>
      </c>
      <c r="BA937" t="s">
        <v>188</v>
      </c>
      <c r="BB937" t="s">
        <v>208</v>
      </c>
      <c r="BF937" t="s">
        <v>210</v>
      </c>
      <c r="BG937" s="1">
        <v>0</v>
      </c>
      <c r="BH937" t="s">
        <v>211</v>
      </c>
      <c r="BK937" t="s">
        <v>191</v>
      </c>
      <c r="BL937" t="s">
        <v>576</v>
      </c>
      <c r="BM937" s="1">
        <v>0</v>
      </c>
      <c r="BN937" t="s">
        <v>624</v>
      </c>
      <c r="BO937" t="s">
        <v>191</v>
      </c>
      <c r="BP937" t="s">
        <v>625</v>
      </c>
    </row>
    <row r="938" spans="1:69" x14ac:dyDescent="0.25">
      <c r="A938" s="1">
        <v>30450053</v>
      </c>
      <c r="B938" t="s">
        <v>1352</v>
      </c>
      <c r="C938" t="s">
        <v>39</v>
      </c>
      <c r="D938" t="s">
        <v>942</v>
      </c>
      <c r="E938" t="s">
        <v>175</v>
      </c>
      <c r="L938" t="s">
        <v>52</v>
      </c>
      <c r="M938" s="1">
        <v>0</v>
      </c>
      <c r="N938" s="1">
        <v>0</v>
      </c>
      <c r="O938" t="s">
        <v>942</v>
      </c>
      <c r="P938" t="s">
        <v>216</v>
      </c>
      <c r="Q938" t="s">
        <v>258</v>
      </c>
      <c r="S938" s="1">
        <v>0</v>
      </c>
      <c r="T938" t="s">
        <v>175</v>
      </c>
      <c r="V938" t="s">
        <v>397</v>
      </c>
      <c r="Z938" t="s">
        <v>244</v>
      </c>
      <c r="AC938" t="s">
        <v>180</v>
      </c>
      <c r="AD938" t="s">
        <v>175</v>
      </c>
      <c r="AE938" t="s">
        <v>175</v>
      </c>
      <c r="AF938" t="s">
        <v>175</v>
      </c>
      <c r="AG938" t="s">
        <v>175</v>
      </c>
      <c r="AH938" t="s">
        <v>175</v>
      </c>
      <c r="AI938" t="s">
        <v>175</v>
      </c>
      <c r="AJ938" t="s">
        <v>175</v>
      </c>
      <c r="AK938" t="s">
        <v>175</v>
      </c>
      <c r="AL938" t="s">
        <v>42</v>
      </c>
      <c r="AM938" t="s">
        <v>202</v>
      </c>
      <c r="AN938" t="s">
        <v>185</v>
      </c>
      <c r="AO938" t="s">
        <v>201</v>
      </c>
      <c r="AP938" t="s">
        <v>205</v>
      </c>
      <c r="AQ938" t="s">
        <v>182</v>
      </c>
      <c r="AR938" t="s">
        <v>183</v>
      </c>
      <c r="AS938" t="s">
        <v>203</v>
      </c>
      <c r="AT938" t="s">
        <v>204</v>
      </c>
      <c r="AU938" t="s">
        <v>184</v>
      </c>
      <c r="AV938" t="s">
        <v>206</v>
      </c>
      <c r="AX938" t="s">
        <v>186</v>
      </c>
      <c r="AY938" t="s">
        <v>187</v>
      </c>
      <c r="AZ938" t="s">
        <v>207</v>
      </c>
      <c r="BA938" t="s">
        <v>188</v>
      </c>
      <c r="BB938" t="s">
        <v>208</v>
      </c>
      <c r="BF938" t="s">
        <v>189</v>
      </c>
      <c r="BG938" s="1">
        <v>0</v>
      </c>
      <c r="BH938" t="s">
        <v>211</v>
      </c>
      <c r="BK938" t="s">
        <v>191</v>
      </c>
      <c r="BL938" t="s">
        <v>781</v>
      </c>
      <c r="BM938" t="s">
        <v>191</v>
      </c>
      <c r="BO938" t="s">
        <v>191</v>
      </c>
    </row>
    <row r="939" spans="1:69" x14ac:dyDescent="0.25">
      <c r="A939" s="1">
        <v>30450055</v>
      </c>
      <c r="B939" t="s">
        <v>106</v>
      </c>
      <c r="C939" t="s">
        <v>39</v>
      </c>
      <c r="L939" s="1">
        <v>0</v>
      </c>
      <c r="M939" s="1">
        <v>0</v>
      </c>
      <c r="N939" s="1">
        <v>0</v>
      </c>
      <c r="O939" s="1">
        <v>0</v>
      </c>
      <c r="P939" s="1">
        <v>0</v>
      </c>
      <c r="Q939" s="1">
        <v>0</v>
      </c>
      <c r="S939" s="1">
        <v>0</v>
      </c>
      <c r="T939" s="1">
        <v>0</v>
      </c>
      <c r="AC939" s="1">
        <v>0</v>
      </c>
      <c r="AD939" s="1">
        <v>0</v>
      </c>
      <c r="AE939" s="1">
        <v>0</v>
      </c>
      <c r="AF939" s="1">
        <v>0</v>
      </c>
      <c r="AG939" s="1">
        <v>0</v>
      </c>
      <c r="AH939" s="1">
        <v>0</v>
      </c>
      <c r="AI939" s="1">
        <v>0</v>
      </c>
      <c r="AJ939" s="1">
        <v>0</v>
      </c>
      <c r="AK939" s="1">
        <v>0</v>
      </c>
      <c r="AL939" s="1">
        <v>0</v>
      </c>
      <c r="AM939" s="1">
        <v>0</v>
      </c>
      <c r="AN939" s="1">
        <v>0</v>
      </c>
      <c r="AO939" s="1">
        <v>0</v>
      </c>
      <c r="AP939" s="1">
        <v>0</v>
      </c>
      <c r="AQ939" s="1">
        <v>0</v>
      </c>
      <c r="AR939" s="1">
        <v>0</v>
      </c>
      <c r="AS939" s="1">
        <v>0</v>
      </c>
      <c r="AT939" s="1">
        <v>0</v>
      </c>
      <c r="AU939" s="1">
        <v>0</v>
      </c>
      <c r="AV939" s="1">
        <v>0</v>
      </c>
      <c r="BF939" s="1">
        <v>0</v>
      </c>
      <c r="BG939" s="1">
        <v>0</v>
      </c>
      <c r="BH939" s="1">
        <v>0</v>
      </c>
      <c r="BK939" s="1">
        <v>0</v>
      </c>
      <c r="BM939" s="1">
        <v>0</v>
      </c>
      <c r="BO939" s="1">
        <v>0</v>
      </c>
    </row>
    <row r="940" spans="1:69" x14ac:dyDescent="0.25">
      <c r="A940" s="1">
        <v>30450057</v>
      </c>
      <c r="B940" t="s">
        <v>4245</v>
      </c>
      <c r="C940" t="s">
        <v>39</v>
      </c>
      <c r="D940" t="s">
        <v>3727</v>
      </c>
      <c r="E940" t="s">
        <v>175</v>
      </c>
      <c r="L940" t="s">
        <v>52</v>
      </c>
      <c r="M940" s="1">
        <v>0</v>
      </c>
      <c r="N940" s="1">
        <v>0</v>
      </c>
      <c r="O940" t="s">
        <v>3728</v>
      </c>
      <c r="P940" t="s">
        <v>176</v>
      </c>
      <c r="Q940" t="s">
        <v>177</v>
      </c>
      <c r="S940" t="s">
        <v>178</v>
      </c>
      <c r="T940" t="s">
        <v>175</v>
      </c>
      <c r="X940" t="s">
        <v>179</v>
      </c>
      <c r="AC940" t="s">
        <v>180</v>
      </c>
      <c r="AD940" t="s">
        <v>175</v>
      </c>
      <c r="AE940" t="s">
        <v>175</v>
      </c>
      <c r="AF940" t="s">
        <v>181</v>
      </c>
      <c r="AG940" t="s">
        <v>200</v>
      </c>
      <c r="AH940" t="s">
        <v>200</v>
      </c>
      <c r="AI940" t="s">
        <v>200</v>
      </c>
      <c r="AJ940" t="s">
        <v>175</v>
      </c>
      <c r="AK940" t="s">
        <v>175</v>
      </c>
      <c r="AL940" t="s">
        <v>42</v>
      </c>
      <c r="AM940" t="s">
        <v>185</v>
      </c>
      <c r="AN940" t="s">
        <v>182</v>
      </c>
      <c r="AO940" t="s">
        <v>201</v>
      </c>
      <c r="AP940" t="s">
        <v>204</v>
      </c>
      <c r="AQ940" t="s">
        <v>202</v>
      </c>
      <c r="AR940" t="s">
        <v>203</v>
      </c>
      <c r="AS940" t="s">
        <v>205</v>
      </c>
      <c r="AT940" t="s">
        <v>184</v>
      </c>
      <c r="AU940" t="s">
        <v>183</v>
      </c>
      <c r="AV940" t="s">
        <v>206</v>
      </c>
      <c r="AX940" t="s">
        <v>186</v>
      </c>
      <c r="AY940" t="s">
        <v>187</v>
      </c>
      <c r="BF940" t="s">
        <v>232</v>
      </c>
      <c r="BG940" t="s">
        <v>276</v>
      </c>
      <c r="BH940" t="s">
        <v>211</v>
      </c>
      <c r="BK940" t="s">
        <v>191</v>
      </c>
      <c r="BL940" t="s">
        <v>4246</v>
      </c>
      <c r="BM940" t="s">
        <v>191</v>
      </c>
      <c r="BN940" t="s">
        <v>4247</v>
      </c>
      <c r="BO940" t="s">
        <v>191</v>
      </c>
      <c r="BP940" t="s">
        <v>4248</v>
      </c>
    </row>
    <row r="941" spans="1:69" x14ac:dyDescent="0.25">
      <c r="A941" s="1">
        <v>30450058</v>
      </c>
      <c r="B941" t="s">
        <v>2118</v>
      </c>
      <c r="C941" t="s">
        <v>39</v>
      </c>
      <c r="D941" t="s">
        <v>1616</v>
      </c>
      <c r="E941" t="s">
        <v>175</v>
      </c>
      <c r="L941" t="s">
        <v>52</v>
      </c>
      <c r="M941" s="1">
        <v>0</v>
      </c>
      <c r="N941" s="1">
        <v>0</v>
      </c>
      <c r="O941" t="s">
        <v>1616</v>
      </c>
      <c r="P941" t="s">
        <v>176</v>
      </c>
      <c r="Q941" t="s">
        <v>196</v>
      </c>
      <c r="S941" t="s">
        <v>178</v>
      </c>
      <c r="T941" t="s">
        <v>175</v>
      </c>
      <c r="Y941" t="s">
        <v>224</v>
      </c>
      <c r="AC941" t="s">
        <v>199</v>
      </c>
      <c r="AD941" t="s">
        <v>175</v>
      </c>
      <c r="AE941" t="s">
        <v>200</v>
      </c>
      <c r="AF941" t="s">
        <v>175</v>
      </c>
      <c r="AG941" t="s">
        <v>175</v>
      </c>
      <c r="AH941" t="s">
        <v>200</v>
      </c>
      <c r="AI941" s="1">
        <v>0</v>
      </c>
      <c r="AJ941" t="s">
        <v>175</v>
      </c>
      <c r="AK941" t="s">
        <v>175</v>
      </c>
      <c r="AL941" t="s">
        <v>42</v>
      </c>
      <c r="AM941" t="s">
        <v>202</v>
      </c>
      <c r="AN941" t="s">
        <v>182</v>
      </c>
      <c r="AO941" t="s">
        <v>204</v>
      </c>
      <c r="AP941" t="s">
        <v>185</v>
      </c>
      <c r="AQ941" t="s">
        <v>184</v>
      </c>
      <c r="AR941" t="s">
        <v>203</v>
      </c>
      <c r="AS941" t="s">
        <v>205</v>
      </c>
      <c r="AT941" t="s">
        <v>183</v>
      </c>
      <c r="AU941" t="s">
        <v>201</v>
      </c>
      <c r="AV941" t="s">
        <v>206</v>
      </c>
      <c r="AX941" t="s">
        <v>186</v>
      </c>
      <c r="AY941" t="s">
        <v>187</v>
      </c>
      <c r="AZ941" t="s">
        <v>207</v>
      </c>
      <c r="BB941" t="s">
        <v>208</v>
      </c>
      <c r="BC941" t="s">
        <v>209</v>
      </c>
      <c r="BF941" t="s">
        <v>292</v>
      </c>
      <c r="BG941" t="s">
        <v>301</v>
      </c>
      <c r="BH941" t="s">
        <v>247</v>
      </c>
      <c r="BK941" t="s">
        <v>191</v>
      </c>
      <c r="BL941" t="s">
        <v>2119</v>
      </c>
      <c r="BM941" t="s">
        <v>191</v>
      </c>
      <c r="BN941" t="s">
        <v>2120</v>
      </c>
      <c r="BO941" t="s">
        <v>218</v>
      </c>
      <c r="BP941" t="s">
        <v>2121</v>
      </c>
      <c r="BQ941" t="s">
        <v>2122</v>
      </c>
    </row>
    <row r="942" spans="1:69" x14ac:dyDescent="0.25">
      <c r="A942" s="1">
        <v>30450059</v>
      </c>
      <c r="B942" t="s">
        <v>626</v>
      </c>
      <c r="C942" t="s">
        <v>39</v>
      </c>
      <c r="D942" t="s">
        <v>174</v>
      </c>
      <c r="E942" t="s">
        <v>195</v>
      </c>
      <c r="L942" t="s">
        <v>52</v>
      </c>
      <c r="M942" s="1">
        <v>0</v>
      </c>
      <c r="N942" s="1">
        <v>0</v>
      </c>
      <c r="O942" t="s">
        <v>174</v>
      </c>
      <c r="P942" t="s">
        <v>176</v>
      </c>
      <c r="Q942" t="s">
        <v>196</v>
      </c>
      <c r="S942" t="s">
        <v>178</v>
      </c>
      <c r="T942" t="s">
        <v>297</v>
      </c>
      <c r="U942" t="s">
        <v>627</v>
      </c>
      <c r="X942" t="s">
        <v>179</v>
      </c>
      <c r="AA942" t="s">
        <v>273</v>
      </c>
      <c r="AB942" t="s">
        <v>628</v>
      </c>
      <c r="AC942" t="s">
        <v>199</v>
      </c>
      <c r="AD942" t="s">
        <v>230</v>
      </c>
      <c r="AE942" t="s">
        <v>230</v>
      </c>
      <c r="AF942" t="s">
        <v>230</v>
      </c>
      <c r="AG942" t="s">
        <v>175</v>
      </c>
      <c r="AH942" t="s">
        <v>175</v>
      </c>
      <c r="AI942" t="s">
        <v>181</v>
      </c>
      <c r="AJ942" t="s">
        <v>175</v>
      </c>
      <c r="AK942" t="s">
        <v>230</v>
      </c>
      <c r="AL942" t="s">
        <v>52</v>
      </c>
      <c r="AM942" t="s">
        <v>183</v>
      </c>
      <c r="AN942" t="s">
        <v>201</v>
      </c>
      <c r="AO942" t="s">
        <v>185</v>
      </c>
      <c r="AP942" t="s">
        <v>182</v>
      </c>
      <c r="AQ942" t="s">
        <v>202</v>
      </c>
      <c r="AR942" t="s">
        <v>203</v>
      </c>
      <c r="AS942" t="s">
        <v>184</v>
      </c>
      <c r="AT942" t="s">
        <v>206</v>
      </c>
      <c r="AU942" t="s">
        <v>205</v>
      </c>
      <c r="AV942" t="s">
        <v>204</v>
      </c>
      <c r="AW942" t="s">
        <v>629</v>
      </c>
      <c r="AX942" t="s">
        <v>186</v>
      </c>
      <c r="AY942" t="s">
        <v>187</v>
      </c>
      <c r="AZ942" t="s">
        <v>207</v>
      </c>
      <c r="BA942" t="s">
        <v>188</v>
      </c>
      <c r="BB942" t="s">
        <v>208</v>
      </c>
      <c r="BC942" t="s">
        <v>209</v>
      </c>
      <c r="BF942" t="s">
        <v>189</v>
      </c>
      <c r="BG942" s="1">
        <v>0</v>
      </c>
      <c r="BH942" t="s">
        <v>211</v>
      </c>
      <c r="BK942" t="s">
        <v>191</v>
      </c>
      <c r="BL942" t="s">
        <v>630</v>
      </c>
      <c r="BM942" t="s">
        <v>191</v>
      </c>
      <c r="BO942" t="s">
        <v>191</v>
      </c>
      <c r="BP942" t="s">
        <v>631</v>
      </c>
    </row>
    <row r="943" spans="1:69" x14ac:dyDescent="0.25">
      <c r="A943" s="1">
        <v>30450060</v>
      </c>
      <c r="B943" t="s">
        <v>2123</v>
      </c>
      <c r="C943" t="s">
        <v>39</v>
      </c>
      <c r="D943" t="s">
        <v>1616</v>
      </c>
      <c r="E943" t="s">
        <v>200</v>
      </c>
      <c r="L943" t="s">
        <v>52</v>
      </c>
      <c r="M943" s="1">
        <v>0</v>
      </c>
      <c r="N943" s="1">
        <v>0</v>
      </c>
      <c r="O943" t="s">
        <v>1616</v>
      </c>
      <c r="P943" t="s">
        <v>176</v>
      </c>
      <c r="Q943" t="s">
        <v>196</v>
      </c>
      <c r="S943" t="s">
        <v>315</v>
      </c>
      <c r="T943" t="s">
        <v>200</v>
      </c>
      <c r="Y943" t="s">
        <v>224</v>
      </c>
      <c r="AC943" t="s">
        <v>180</v>
      </c>
      <c r="AD943" t="s">
        <v>175</v>
      </c>
      <c r="AE943" t="s">
        <v>175</v>
      </c>
      <c r="AF943" t="s">
        <v>175</v>
      </c>
      <c r="AG943" t="s">
        <v>175</v>
      </c>
      <c r="AH943" t="s">
        <v>175</v>
      </c>
      <c r="AI943" t="s">
        <v>175</v>
      </c>
      <c r="AJ943" t="s">
        <v>175</v>
      </c>
      <c r="AK943" t="s">
        <v>175</v>
      </c>
      <c r="AL943" t="s">
        <v>52</v>
      </c>
      <c r="AM943" t="s">
        <v>184</v>
      </c>
      <c r="AN943" t="s">
        <v>182</v>
      </c>
      <c r="AO943" t="s">
        <v>185</v>
      </c>
      <c r="AP943" t="s">
        <v>201</v>
      </c>
      <c r="AQ943" t="s">
        <v>202</v>
      </c>
      <c r="AR943" t="s">
        <v>204</v>
      </c>
      <c r="AS943" t="s">
        <v>203</v>
      </c>
      <c r="AT943" t="s">
        <v>183</v>
      </c>
      <c r="AU943" t="s">
        <v>206</v>
      </c>
      <c r="AV943" t="s">
        <v>205</v>
      </c>
      <c r="BF943" s="1">
        <v>0</v>
      </c>
      <c r="BG943" s="1">
        <v>0</v>
      </c>
      <c r="BH943" s="1">
        <v>0</v>
      </c>
      <c r="BK943" s="1">
        <v>0</v>
      </c>
      <c r="BM943" s="1">
        <v>0</v>
      </c>
      <c r="BO943" s="1">
        <v>0</v>
      </c>
    </row>
    <row r="944" spans="1:69" x14ac:dyDescent="0.25">
      <c r="A944" s="1">
        <v>30450061</v>
      </c>
      <c r="B944" t="s">
        <v>4249</v>
      </c>
      <c r="C944" t="s">
        <v>39</v>
      </c>
      <c r="D944" t="s">
        <v>3727</v>
      </c>
      <c r="E944" t="s">
        <v>200</v>
      </c>
      <c r="L944" t="s">
        <v>52</v>
      </c>
      <c r="M944" s="1">
        <v>0</v>
      </c>
      <c r="N944" s="1">
        <v>0</v>
      </c>
      <c r="O944" t="s">
        <v>3728</v>
      </c>
      <c r="P944" t="s">
        <v>176</v>
      </c>
      <c r="Q944" t="s">
        <v>177</v>
      </c>
      <c r="S944" t="s">
        <v>256</v>
      </c>
      <c r="T944" t="s">
        <v>200</v>
      </c>
      <c r="V944" t="s">
        <v>397</v>
      </c>
      <c r="AC944" t="s">
        <v>180</v>
      </c>
      <c r="AD944" t="s">
        <v>200</v>
      </c>
      <c r="AE944" t="s">
        <v>200</v>
      </c>
      <c r="AF944" t="s">
        <v>175</v>
      </c>
      <c r="AG944" t="s">
        <v>175</v>
      </c>
      <c r="AH944" t="s">
        <v>175</v>
      </c>
      <c r="AI944" t="s">
        <v>175</v>
      </c>
      <c r="AJ944" t="s">
        <v>175</v>
      </c>
      <c r="AK944" t="s">
        <v>200</v>
      </c>
      <c r="AL944" t="s">
        <v>52</v>
      </c>
      <c r="AM944" s="1">
        <v>0</v>
      </c>
      <c r="AN944" s="1">
        <v>0</v>
      </c>
      <c r="AO944" t="s">
        <v>183</v>
      </c>
      <c r="AP944" t="s">
        <v>184</v>
      </c>
      <c r="AQ944" s="1">
        <v>0</v>
      </c>
      <c r="AR944" t="s">
        <v>185</v>
      </c>
      <c r="AS944" s="1">
        <v>0</v>
      </c>
      <c r="AT944" t="s">
        <v>182</v>
      </c>
      <c r="AU944" t="s">
        <v>201</v>
      </c>
      <c r="AV944" s="1">
        <v>0</v>
      </c>
      <c r="AZ944" t="s">
        <v>207</v>
      </c>
      <c r="BF944" t="s">
        <v>210</v>
      </c>
      <c r="BG944" s="1">
        <v>0</v>
      </c>
      <c r="BH944" t="s">
        <v>464</v>
      </c>
      <c r="BK944" s="1">
        <v>0</v>
      </c>
      <c r="BM944" s="1">
        <v>0</v>
      </c>
      <c r="BO944" s="1">
        <v>0</v>
      </c>
    </row>
    <row r="945" spans="1:69" x14ac:dyDescent="0.25">
      <c r="A945" s="1">
        <v>30450062</v>
      </c>
      <c r="B945" t="s">
        <v>3476</v>
      </c>
      <c r="C945" t="s">
        <v>39</v>
      </c>
      <c r="D945" t="s">
        <v>3138</v>
      </c>
      <c r="E945" t="s">
        <v>195</v>
      </c>
      <c r="L945" t="s">
        <v>52</v>
      </c>
      <c r="M945" s="1">
        <v>0</v>
      </c>
      <c r="N945" s="1">
        <v>0</v>
      </c>
      <c r="O945" t="s">
        <v>3139</v>
      </c>
      <c r="P945" t="s">
        <v>176</v>
      </c>
      <c r="Q945" t="s">
        <v>196</v>
      </c>
      <c r="S945" t="s">
        <v>178</v>
      </c>
      <c r="T945" t="s">
        <v>197</v>
      </c>
      <c r="U945" t="s">
        <v>3477</v>
      </c>
      <c r="V945" t="s">
        <v>397</v>
      </c>
      <c r="W945" t="s">
        <v>262</v>
      </c>
      <c r="X945" t="s">
        <v>179</v>
      </c>
      <c r="AC945" t="s">
        <v>180</v>
      </c>
      <c r="AD945" t="s">
        <v>181</v>
      </c>
      <c r="AE945" t="s">
        <v>175</v>
      </c>
      <c r="AF945" t="s">
        <v>175</v>
      </c>
      <c r="AG945" t="s">
        <v>181</v>
      </c>
      <c r="AH945" t="s">
        <v>175</v>
      </c>
      <c r="AI945" t="s">
        <v>181</v>
      </c>
      <c r="AJ945" t="s">
        <v>175</v>
      </c>
      <c r="AK945" t="s">
        <v>175</v>
      </c>
      <c r="AL945" t="s">
        <v>42</v>
      </c>
      <c r="AM945" t="s">
        <v>184</v>
      </c>
      <c r="AN945" t="s">
        <v>205</v>
      </c>
      <c r="AO945" t="s">
        <v>185</v>
      </c>
      <c r="AP945" t="s">
        <v>182</v>
      </c>
      <c r="AQ945" t="s">
        <v>201</v>
      </c>
      <c r="AR945" t="s">
        <v>183</v>
      </c>
      <c r="AS945" t="s">
        <v>203</v>
      </c>
      <c r="AT945" t="s">
        <v>204</v>
      </c>
      <c r="AU945" t="s">
        <v>206</v>
      </c>
      <c r="AV945" t="s">
        <v>202</v>
      </c>
      <c r="AW945" t="s">
        <v>3478</v>
      </c>
      <c r="AX945" t="s">
        <v>186</v>
      </c>
      <c r="AY945" t="s">
        <v>187</v>
      </c>
      <c r="AZ945" t="s">
        <v>207</v>
      </c>
      <c r="BA945" t="s">
        <v>188</v>
      </c>
      <c r="BF945" t="s">
        <v>189</v>
      </c>
      <c r="BG945" s="1">
        <v>0</v>
      </c>
      <c r="BH945" t="s">
        <v>302</v>
      </c>
      <c r="BI945" t="s">
        <v>3479</v>
      </c>
      <c r="BK945" t="s">
        <v>191</v>
      </c>
      <c r="BL945" t="s">
        <v>3480</v>
      </c>
      <c r="BM945" t="s">
        <v>191</v>
      </c>
      <c r="BN945" t="s">
        <v>944</v>
      </c>
      <c r="BO945" t="s">
        <v>218</v>
      </c>
      <c r="BP945" t="s">
        <v>3481</v>
      </c>
    </row>
    <row r="946" spans="1:69" x14ac:dyDescent="0.25">
      <c r="A946" s="1">
        <v>30450063</v>
      </c>
      <c r="B946" t="s">
        <v>3482</v>
      </c>
      <c r="C946" t="s">
        <v>39</v>
      </c>
      <c r="D946" t="s">
        <v>3138</v>
      </c>
      <c r="E946" t="s">
        <v>175</v>
      </c>
      <c r="L946" t="s">
        <v>52</v>
      </c>
      <c r="M946" s="1">
        <v>0</v>
      </c>
      <c r="N946" s="1">
        <v>0</v>
      </c>
      <c r="O946" t="s">
        <v>3139</v>
      </c>
      <c r="P946" t="s">
        <v>176</v>
      </c>
      <c r="Q946" t="s">
        <v>177</v>
      </c>
      <c r="S946" t="s">
        <v>178</v>
      </c>
      <c r="T946" t="s">
        <v>175</v>
      </c>
      <c r="Y946" t="s">
        <v>224</v>
      </c>
      <c r="AC946" t="s">
        <v>199</v>
      </c>
      <c r="AD946" t="s">
        <v>175</v>
      </c>
      <c r="AE946" t="s">
        <v>175</v>
      </c>
      <c r="AF946" t="s">
        <v>175</v>
      </c>
      <c r="AG946" t="s">
        <v>175</v>
      </c>
      <c r="AH946" t="s">
        <v>175</v>
      </c>
      <c r="AI946" t="s">
        <v>175</v>
      </c>
      <c r="AJ946" t="s">
        <v>175</v>
      </c>
      <c r="AK946" t="s">
        <v>175</v>
      </c>
      <c r="AL946" t="s">
        <v>52</v>
      </c>
      <c r="AM946" t="s">
        <v>204</v>
      </c>
      <c r="AN946" t="s">
        <v>205</v>
      </c>
      <c r="AO946" t="s">
        <v>185</v>
      </c>
      <c r="AP946" t="s">
        <v>183</v>
      </c>
      <c r="AQ946" t="s">
        <v>184</v>
      </c>
      <c r="AR946" t="s">
        <v>182</v>
      </c>
      <c r="AS946" t="s">
        <v>202</v>
      </c>
      <c r="AT946" t="s">
        <v>206</v>
      </c>
      <c r="AU946" t="s">
        <v>201</v>
      </c>
      <c r="AV946" t="s">
        <v>203</v>
      </c>
      <c r="AX946" t="s">
        <v>186</v>
      </c>
      <c r="AZ946" t="s">
        <v>207</v>
      </c>
      <c r="BC946" t="s">
        <v>209</v>
      </c>
      <c r="BF946" t="s">
        <v>189</v>
      </c>
      <c r="BG946" s="1">
        <v>0</v>
      </c>
      <c r="BH946" t="s">
        <v>211</v>
      </c>
      <c r="BK946" t="s">
        <v>191</v>
      </c>
      <c r="BL946" t="s">
        <v>3483</v>
      </c>
      <c r="BM946" t="s">
        <v>218</v>
      </c>
      <c r="BN946" t="s">
        <v>1619</v>
      </c>
      <c r="BO946" t="s">
        <v>191</v>
      </c>
      <c r="BP946" t="s">
        <v>3484</v>
      </c>
    </row>
    <row r="947" spans="1:69" x14ac:dyDescent="0.25">
      <c r="A947" s="1">
        <v>30450067</v>
      </c>
      <c r="B947" t="s">
        <v>632</v>
      </c>
      <c r="C947" t="s">
        <v>39</v>
      </c>
      <c r="D947" t="s">
        <v>174</v>
      </c>
      <c r="E947" t="s">
        <v>175</v>
      </c>
      <c r="L947" t="s">
        <v>52</v>
      </c>
      <c r="M947" s="1">
        <v>0</v>
      </c>
      <c r="N947" s="1">
        <v>0</v>
      </c>
      <c r="O947" t="s">
        <v>174</v>
      </c>
      <c r="P947" t="s">
        <v>176</v>
      </c>
      <c r="Q947" t="s">
        <v>196</v>
      </c>
      <c r="S947" t="s">
        <v>349</v>
      </c>
      <c r="T947" t="s">
        <v>175</v>
      </c>
      <c r="W947" t="s">
        <v>262</v>
      </c>
      <c r="Y947" t="s">
        <v>224</v>
      </c>
      <c r="AC947" t="s">
        <v>180</v>
      </c>
      <c r="AD947" t="s">
        <v>181</v>
      </c>
      <c r="AE947" t="s">
        <v>181</v>
      </c>
      <c r="AF947" t="s">
        <v>181</v>
      </c>
      <c r="AG947" t="s">
        <v>175</v>
      </c>
      <c r="AH947" t="s">
        <v>175</v>
      </c>
      <c r="AI947" t="s">
        <v>181</v>
      </c>
      <c r="AJ947" t="s">
        <v>181</v>
      </c>
      <c r="AK947" t="s">
        <v>230</v>
      </c>
      <c r="AL947" t="s">
        <v>42</v>
      </c>
      <c r="AM947" t="s">
        <v>206</v>
      </c>
      <c r="AN947" t="s">
        <v>182</v>
      </c>
      <c r="AO947" t="s">
        <v>185</v>
      </c>
      <c r="AP947" t="s">
        <v>184</v>
      </c>
      <c r="AQ947" t="s">
        <v>202</v>
      </c>
      <c r="AR947" t="s">
        <v>203</v>
      </c>
      <c r="AS947" t="s">
        <v>204</v>
      </c>
      <c r="AT947" t="s">
        <v>183</v>
      </c>
      <c r="AU947" t="s">
        <v>201</v>
      </c>
      <c r="AV947" t="s">
        <v>205</v>
      </c>
      <c r="AW947" t="s">
        <v>633</v>
      </c>
      <c r="AX947" t="s">
        <v>186</v>
      </c>
      <c r="AY947" t="s">
        <v>187</v>
      </c>
      <c r="AZ947" t="s">
        <v>207</v>
      </c>
      <c r="BA947" t="s">
        <v>188</v>
      </c>
      <c r="BF947" t="s">
        <v>49</v>
      </c>
      <c r="BG947" s="1">
        <v>0</v>
      </c>
      <c r="BH947" t="s">
        <v>302</v>
      </c>
      <c r="BI947" t="s">
        <v>634</v>
      </c>
      <c r="BK947" t="s">
        <v>191</v>
      </c>
      <c r="BL947" t="s">
        <v>635</v>
      </c>
      <c r="BM947" t="s">
        <v>191</v>
      </c>
      <c r="BN947" t="s">
        <v>636</v>
      </c>
      <c r="BO947" t="s">
        <v>191</v>
      </c>
      <c r="BP947" t="s">
        <v>637</v>
      </c>
    </row>
    <row r="948" spans="1:69" x14ac:dyDescent="0.25">
      <c r="A948" s="1">
        <v>30450068</v>
      </c>
      <c r="B948" t="s">
        <v>638</v>
      </c>
      <c r="C948" t="s">
        <v>39</v>
      </c>
      <c r="D948" t="s">
        <v>174</v>
      </c>
      <c r="E948" t="s">
        <v>175</v>
      </c>
      <c r="L948" t="s">
        <v>52</v>
      </c>
      <c r="M948" s="1">
        <v>0</v>
      </c>
      <c r="N948" s="1">
        <v>0</v>
      </c>
      <c r="O948" t="s">
        <v>174</v>
      </c>
      <c r="P948" t="s">
        <v>176</v>
      </c>
      <c r="Q948" t="s">
        <v>273</v>
      </c>
      <c r="R948" t="s">
        <v>639</v>
      </c>
      <c r="S948" t="s">
        <v>222</v>
      </c>
      <c r="T948" t="s">
        <v>175</v>
      </c>
      <c r="AA948" t="s">
        <v>273</v>
      </c>
      <c r="AB948" t="s">
        <v>640</v>
      </c>
      <c r="AC948" t="s">
        <v>199</v>
      </c>
      <c r="AD948" t="s">
        <v>175</v>
      </c>
      <c r="AE948" t="s">
        <v>175</v>
      </c>
      <c r="AF948" t="s">
        <v>175</v>
      </c>
      <c r="AG948" t="s">
        <v>175</v>
      </c>
      <c r="AH948" t="s">
        <v>175</v>
      </c>
      <c r="AI948" t="s">
        <v>175</v>
      </c>
      <c r="AJ948" t="s">
        <v>175</v>
      </c>
      <c r="AK948" t="s">
        <v>175</v>
      </c>
      <c r="AL948" t="s">
        <v>42</v>
      </c>
      <c r="AM948" t="s">
        <v>202</v>
      </c>
      <c r="AN948" t="s">
        <v>182</v>
      </c>
      <c r="AO948" t="s">
        <v>206</v>
      </c>
      <c r="AP948" t="s">
        <v>183</v>
      </c>
      <c r="AQ948" t="s">
        <v>205</v>
      </c>
      <c r="AR948" t="s">
        <v>204</v>
      </c>
      <c r="AS948" t="s">
        <v>203</v>
      </c>
      <c r="AT948" t="s">
        <v>185</v>
      </c>
      <c r="AU948" t="s">
        <v>184</v>
      </c>
      <c r="AV948" t="s">
        <v>201</v>
      </c>
      <c r="AZ948" t="s">
        <v>207</v>
      </c>
      <c r="BA948" t="s">
        <v>188</v>
      </c>
      <c r="BB948" t="s">
        <v>208</v>
      </c>
      <c r="BF948" t="s">
        <v>210</v>
      </c>
      <c r="BG948" s="1">
        <v>0</v>
      </c>
      <c r="BH948" t="s">
        <v>211</v>
      </c>
      <c r="BK948" t="s">
        <v>218</v>
      </c>
      <c r="BM948" t="s">
        <v>218</v>
      </c>
      <c r="BO948" t="s">
        <v>218</v>
      </c>
    </row>
    <row r="949" spans="1:69" x14ac:dyDescent="0.25">
      <c r="A949" s="1">
        <v>30450070</v>
      </c>
      <c r="B949" t="s">
        <v>107</v>
      </c>
      <c r="C949" t="s">
        <v>39</v>
      </c>
      <c r="L949" s="1">
        <v>0</v>
      </c>
      <c r="M949" s="1">
        <v>0</v>
      </c>
      <c r="N949" s="1">
        <v>0</v>
      </c>
      <c r="O949" s="1">
        <v>0</v>
      </c>
      <c r="P949" s="1">
        <v>0</v>
      </c>
      <c r="Q949" s="1">
        <v>0</v>
      </c>
      <c r="S949" s="1">
        <v>0</v>
      </c>
      <c r="T949" s="1">
        <v>0</v>
      </c>
      <c r="AC949" s="1">
        <v>0</v>
      </c>
      <c r="AD949" s="1">
        <v>0</v>
      </c>
      <c r="AE949" s="1">
        <v>0</v>
      </c>
      <c r="AF949" s="1">
        <v>0</v>
      </c>
      <c r="AG949" s="1">
        <v>0</v>
      </c>
      <c r="AH949" s="1">
        <v>0</v>
      </c>
      <c r="AI949" s="1">
        <v>0</v>
      </c>
      <c r="AJ949" s="1">
        <v>0</v>
      </c>
      <c r="AK949" s="1">
        <v>0</v>
      </c>
      <c r="AL949" s="1">
        <v>0</v>
      </c>
      <c r="AM949" s="1">
        <v>0</v>
      </c>
      <c r="AN949" s="1">
        <v>0</v>
      </c>
      <c r="AO949" s="1">
        <v>0</v>
      </c>
      <c r="AP949" s="1">
        <v>0</v>
      </c>
      <c r="AQ949" s="1">
        <v>0</v>
      </c>
      <c r="AR949" s="1">
        <v>0</v>
      </c>
      <c r="AS949" s="1">
        <v>0</v>
      </c>
      <c r="AT949" s="1">
        <v>0</v>
      </c>
      <c r="AU949" s="1">
        <v>0</v>
      </c>
      <c r="AV949" s="1">
        <v>0</v>
      </c>
      <c r="BF949" s="1">
        <v>0</v>
      </c>
      <c r="BG949" s="1">
        <v>0</v>
      </c>
      <c r="BH949" s="1">
        <v>0</v>
      </c>
      <c r="BK949" s="1">
        <v>0</v>
      </c>
      <c r="BM949" s="1">
        <v>0</v>
      </c>
      <c r="BO949" s="1">
        <v>0</v>
      </c>
    </row>
    <row r="950" spans="1:69" x14ac:dyDescent="0.25">
      <c r="A950" s="1">
        <v>30450071</v>
      </c>
      <c r="B950" t="s">
        <v>2124</v>
      </c>
      <c r="C950" t="s">
        <v>39</v>
      </c>
      <c r="D950" t="s">
        <v>1616</v>
      </c>
      <c r="E950" t="s">
        <v>195</v>
      </c>
      <c r="L950" t="s">
        <v>52</v>
      </c>
      <c r="M950" s="1">
        <v>0</v>
      </c>
      <c r="N950" s="1">
        <v>0</v>
      </c>
      <c r="O950" t="s">
        <v>1616</v>
      </c>
      <c r="P950" t="s">
        <v>176</v>
      </c>
      <c r="Q950" t="s">
        <v>238</v>
      </c>
      <c r="S950" t="s">
        <v>178</v>
      </c>
      <c r="T950" t="s">
        <v>299</v>
      </c>
      <c r="U950" t="s">
        <v>2125</v>
      </c>
      <c r="X950" t="s">
        <v>179</v>
      </c>
      <c r="Y950" t="s">
        <v>224</v>
      </c>
      <c r="AC950" t="s">
        <v>199</v>
      </c>
      <c r="AD950" t="s">
        <v>299</v>
      </c>
      <c r="AE950" t="s">
        <v>299</v>
      </c>
      <c r="AF950" t="s">
        <v>299</v>
      </c>
      <c r="AG950" t="s">
        <v>230</v>
      </c>
      <c r="AH950" t="s">
        <v>230</v>
      </c>
      <c r="AI950" t="s">
        <v>230</v>
      </c>
      <c r="AJ950" t="s">
        <v>175</v>
      </c>
      <c r="AK950" t="s">
        <v>230</v>
      </c>
      <c r="AL950" t="s">
        <v>52</v>
      </c>
      <c r="AM950" t="s">
        <v>184</v>
      </c>
      <c r="AN950" t="s">
        <v>183</v>
      </c>
      <c r="AO950" t="s">
        <v>185</v>
      </c>
      <c r="AP950" t="s">
        <v>205</v>
      </c>
      <c r="AQ950" s="1">
        <v>0</v>
      </c>
      <c r="AR950" s="1">
        <v>0</v>
      </c>
      <c r="AS950" t="s">
        <v>182</v>
      </c>
      <c r="AT950" t="s">
        <v>201</v>
      </c>
      <c r="AU950" t="s">
        <v>206</v>
      </c>
      <c r="AV950" s="1">
        <v>0</v>
      </c>
      <c r="AX950" t="s">
        <v>186</v>
      </c>
      <c r="AY950" t="s">
        <v>187</v>
      </c>
      <c r="AZ950" t="s">
        <v>207</v>
      </c>
      <c r="BA950" t="s">
        <v>188</v>
      </c>
      <c r="BC950" t="s">
        <v>209</v>
      </c>
      <c r="BF950" t="s">
        <v>292</v>
      </c>
      <c r="BG950" s="1">
        <v>0</v>
      </c>
      <c r="BH950" t="s">
        <v>302</v>
      </c>
      <c r="BI950" t="s">
        <v>2126</v>
      </c>
      <c r="BK950" t="s">
        <v>191</v>
      </c>
      <c r="BL950" t="s">
        <v>2127</v>
      </c>
      <c r="BM950" t="s">
        <v>191</v>
      </c>
      <c r="BN950" t="s">
        <v>2127</v>
      </c>
      <c r="BO950" t="s">
        <v>191</v>
      </c>
      <c r="BP950" t="s">
        <v>2128</v>
      </c>
      <c r="BQ950" t="s">
        <v>225</v>
      </c>
    </row>
    <row r="951" spans="1:69" x14ac:dyDescent="0.25">
      <c r="A951" s="1">
        <v>30450072</v>
      </c>
      <c r="B951" t="s">
        <v>3485</v>
      </c>
      <c r="C951" t="s">
        <v>39</v>
      </c>
      <c r="D951" t="s">
        <v>3138</v>
      </c>
      <c r="E951" t="s">
        <v>175</v>
      </c>
      <c r="L951" t="s">
        <v>52</v>
      </c>
      <c r="M951" s="1">
        <v>0</v>
      </c>
      <c r="N951" s="1">
        <v>0</v>
      </c>
      <c r="O951" t="s">
        <v>3139</v>
      </c>
      <c r="P951" t="s">
        <v>176</v>
      </c>
      <c r="Q951" t="s">
        <v>196</v>
      </c>
      <c r="S951" t="s">
        <v>178</v>
      </c>
      <c r="T951" t="s">
        <v>175</v>
      </c>
      <c r="AC951" s="1">
        <v>0</v>
      </c>
      <c r="AD951" s="1">
        <v>0</v>
      </c>
      <c r="AE951" s="1">
        <v>0</v>
      </c>
      <c r="AF951" s="1">
        <v>0</v>
      </c>
      <c r="AG951" s="1">
        <v>0</v>
      </c>
      <c r="AH951" s="1">
        <v>0</v>
      </c>
      <c r="AI951" s="1">
        <v>0</v>
      </c>
      <c r="AJ951" s="1">
        <v>0</v>
      </c>
      <c r="AK951" s="1">
        <v>0</v>
      </c>
      <c r="AL951" s="1">
        <v>0</v>
      </c>
      <c r="AM951" s="1">
        <v>0</v>
      </c>
      <c r="AN951" s="1">
        <v>0</v>
      </c>
      <c r="AO951" s="1">
        <v>0</v>
      </c>
      <c r="AP951" s="1">
        <v>0</v>
      </c>
      <c r="AQ951" s="1">
        <v>0</v>
      </c>
      <c r="AR951" s="1">
        <v>0</v>
      </c>
      <c r="AS951" s="1">
        <v>0</v>
      </c>
      <c r="AT951" s="1">
        <v>0</v>
      </c>
      <c r="AU951" s="1">
        <v>0</v>
      </c>
      <c r="AV951" s="1">
        <v>0</v>
      </c>
      <c r="BF951" s="1">
        <v>0</v>
      </c>
      <c r="BG951" s="1">
        <v>0</v>
      </c>
      <c r="BH951" s="1">
        <v>0</v>
      </c>
      <c r="BK951" s="1">
        <v>0</v>
      </c>
      <c r="BM951" s="1">
        <v>0</v>
      </c>
      <c r="BO951" s="1">
        <v>0</v>
      </c>
    </row>
    <row r="952" spans="1:69" x14ac:dyDescent="0.25">
      <c r="A952" s="1">
        <v>30450074</v>
      </c>
      <c r="B952" t="s">
        <v>4250</v>
      </c>
      <c r="C952" t="s">
        <v>39</v>
      </c>
      <c r="D952" t="s">
        <v>3727</v>
      </c>
      <c r="E952" t="s">
        <v>175</v>
      </c>
      <c r="L952" t="s">
        <v>52</v>
      </c>
      <c r="M952" s="1">
        <v>0</v>
      </c>
      <c r="N952" s="1">
        <v>0</v>
      </c>
      <c r="O952" t="s">
        <v>3728</v>
      </c>
      <c r="P952" t="s">
        <v>216</v>
      </c>
      <c r="Q952" t="s">
        <v>238</v>
      </c>
      <c r="S952" s="1">
        <v>0</v>
      </c>
      <c r="T952" t="s">
        <v>175</v>
      </c>
      <c r="W952" t="s">
        <v>262</v>
      </c>
      <c r="AC952" t="s">
        <v>180</v>
      </c>
      <c r="AD952" t="s">
        <v>175</v>
      </c>
      <c r="AE952" t="s">
        <v>181</v>
      </c>
      <c r="AF952" t="s">
        <v>299</v>
      </c>
      <c r="AG952" t="s">
        <v>181</v>
      </c>
      <c r="AH952" t="s">
        <v>200</v>
      </c>
      <c r="AI952" t="s">
        <v>200</v>
      </c>
      <c r="AJ952" t="s">
        <v>175</v>
      </c>
      <c r="AK952" t="s">
        <v>230</v>
      </c>
      <c r="AL952" t="s">
        <v>52</v>
      </c>
      <c r="AM952" t="s">
        <v>205</v>
      </c>
      <c r="AN952" t="s">
        <v>183</v>
      </c>
      <c r="AO952" t="s">
        <v>204</v>
      </c>
      <c r="AP952" t="s">
        <v>206</v>
      </c>
      <c r="AQ952" t="s">
        <v>184</v>
      </c>
      <c r="AR952" t="s">
        <v>185</v>
      </c>
      <c r="AS952" t="s">
        <v>202</v>
      </c>
      <c r="AT952" t="s">
        <v>182</v>
      </c>
      <c r="AU952" t="s">
        <v>201</v>
      </c>
      <c r="AV952" t="s">
        <v>203</v>
      </c>
      <c r="AX952" t="s">
        <v>186</v>
      </c>
      <c r="AY952" t="s">
        <v>187</v>
      </c>
      <c r="BC952" t="s">
        <v>209</v>
      </c>
      <c r="BF952" t="s">
        <v>189</v>
      </c>
      <c r="BG952" s="1">
        <v>0</v>
      </c>
      <c r="BH952" t="s">
        <v>211</v>
      </c>
      <c r="BK952" t="s">
        <v>191</v>
      </c>
      <c r="BL952" t="s">
        <v>4251</v>
      </c>
      <c r="BM952" t="s">
        <v>191</v>
      </c>
      <c r="BN952" t="s">
        <v>4252</v>
      </c>
      <c r="BO952" t="s">
        <v>191</v>
      </c>
    </row>
    <row r="953" spans="1:69" x14ac:dyDescent="0.25">
      <c r="A953" s="1">
        <v>30450075</v>
      </c>
      <c r="B953" t="s">
        <v>2129</v>
      </c>
      <c r="C953" t="s">
        <v>39</v>
      </c>
      <c r="D953" t="s">
        <v>1616</v>
      </c>
      <c r="E953" t="s">
        <v>175</v>
      </c>
      <c r="L953" t="s">
        <v>52</v>
      </c>
      <c r="M953" s="1">
        <v>0</v>
      </c>
      <c r="N953" s="1">
        <v>0</v>
      </c>
      <c r="O953" t="s">
        <v>1616</v>
      </c>
      <c r="P953" t="s">
        <v>176</v>
      </c>
      <c r="Q953" t="s">
        <v>196</v>
      </c>
      <c r="S953" t="s">
        <v>178</v>
      </c>
      <c r="T953" t="s">
        <v>175</v>
      </c>
      <c r="X953" t="s">
        <v>179</v>
      </c>
      <c r="AC953" s="1">
        <v>0</v>
      </c>
      <c r="AD953" s="1">
        <v>0</v>
      </c>
      <c r="AE953" s="1">
        <v>0</v>
      </c>
      <c r="AF953" s="1">
        <v>0</v>
      </c>
      <c r="AG953" s="1">
        <v>0</v>
      </c>
      <c r="AH953" s="1">
        <v>0</v>
      </c>
      <c r="AI953" s="1">
        <v>0</v>
      </c>
      <c r="AJ953" s="1">
        <v>0</v>
      </c>
      <c r="AK953" s="1">
        <v>0</v>
      </c>
      <c r="AL953" s="1">
        <v>0</v>
      </c>
      <c r="AM953" s="1">
        <v>0</v>
      </c>
      <c r="AN953" s="1">
        <v>0</v>
      </c>
      <c r="AO953" s="1">
        <v>0</v>
      </c>
      <c r="AP953" s="1">
        <v>0</v>
      </c>
      <c r="AQ953" s="1">
        <v>0</v>
      </c>
      <c r="AR953" s="1">
        <v>0</v>
      </c>
      <c r="AS953" s="1">
        <v>0</v>
      </c>
      <c r="AT953" s="1">
        <v>0</v>
      </c>
      <c r="AU953" s="1">
        <v>0</v>
      </c>
      <c r="AV953" s="1">
        <v>0</v>
      </c>
      <c r="BF953" s="1">
        <v>0</v>
      </c>
      <c r="BG953" s="1">
        <v>0</v>
      </c>
      <c r="BH953" s="1">
        <v>0</v>
      </c>
      <c r="BK953" s="1">
        <v>0</v>
      </c>
      <c r="BM953" s="1">
        <v>0</v>
      </c>
      <c r="BO953" s="1">
        <v>0</v>
      </c>
    </row>
    <row r="954" spans="1:69" x14ac:dyDescent="0.25">
      <c r="A954" s="1">
        <v>30450077</v>
      </c>
      <c r="B954" t="s">
        <v>2880</v>
      </c>
      <c r="C954" t="s">
        <v>39</v>
      </c>
      <c r="D954" t="s">
        <v>2512</v>
      </c>
      <c r="E954" t="s">
        <v>200</v>
      </c>
      <c r="L954" t="s">
        <v>52</v>
      </c>
      <c r="M954" s="1">
        <v>0</v>
      </c>
      <c r="N954" s="1">
        <v>0</v>
      </c>
      <c r="O954" t="s">
        <v>2512</v>
      </c>
      <c r="P954" t="s">
        <v>216</v>
      </c>
      <c r="Q954" t="s">
        <v>196</v>
      </c>
      <c r="S954" s="1">
        <v>0</v>
      </c>
      <c r="T954" t="s">
        <v>200</v>
      </c>
      <c r="W954" t="s">
        <v>262</v>
      </c>
      <c r="X954" t="s">
        <v>179</v>
      </c>
      <c r="AC954" t="s">
        <v>266</v>
      </c>
      <c r="AD954" t="s">
        <v>299</v>
      </c>
      <c r="AE954" t="s">
        <v>299</v>
      </c>
      <c r="AF954" t="s">
        <v>299</v>
      </c>
      <c r="AG954" t="s">
        <v>299</v>
      </c>
      <c r="AH954" t="s">
        <v>299</v>
      </c>
      <c r="AI954" t="s">
        <v>299</v>
      </c>
      <c r="AJ954" t="s">
        <v>299</v>
      </c>
      <c r="AK954" t="s">
        <v>299</v>
      </c>
      <c r="AL954" t="s">
        <v>42</v>
      </c>
      <c r="AM954" t="s">
        <v>182</v>
      </c>
      <c r="AN954" t="s">
        <v>206</v>
      </c>
      <c r="AO954" t="s">
        <v>184</v>
      </c>
      <c r="AP954" t="s">
        <v>202</v>
      </c>
      <c r="AQ954" t="s">
        <v>204</v>
      </c>
      <c r="AR954" t="s">
        <v>205</v>
      </c>
      <c r="AS954" t="s">
        <v>203</v>
      </c>
      <c r="AT954" t="s">
        <v>201</v>
      </c>
      <c r="AU954" t="s">
        <v>185</v>
      </c>
      <c r="AV954" t="s">
        <v>183</v>
      </c>
      <c r="AX954" t="s">
        <v>186</v>
      </c>
      <c r="AY954" t="s">
        <v>187</v>
      </c>
      <c r="AZ954" t="s">
        <v>207</v>
      </c>
      <c r="BB954" t="s">
        <v>208</v>
      </c>
      <c r="BF954" t="s">
        <v>189</v>
      </c>
      <c r="BG954" s="1">
        <v>0</v>
      </c>
      <c r="BH954" t="s">
        <v>211</v>
      </c>
      <c r="BK954" t="s">
        <v>191</v>
      </c>
      <c r="BL954" t="s">
        <v>602</v>
      </c>
      <c r="BM954" t="s">
        <v>218</v>
      </c>
      <c r="BN954" t="s">
        <v>317</v>
      </c>
      <c r="BO954" t="s">
        <v>218</v>
      </c>
    </row>
    <row r="955" spans="1:69" x14ac:dyDescent="0.25">
      <c r="A955" s="1">
        <v>30450078</v>
      </c>
      <c r="B955" t="s">
        <v>3486</v>
      </c>
      <c r="C955" t="s">
        <v>39</v>
      </c>
      <c r="D955" t="s">
        <v>3138</v>
      </c>
      <c r="E955" t="s">
        <v>200</v>
      </c>
      <c r="L955" t="s">
        <v>52</v>
      </c>
      <c r="M955" s="1">
        <v>0</v>
      </c>
      <c r="N955" s="1">
        <v>0</v>
      </c>
      <c r="O955" t="s">
        <v>3139</v>
      </c>
      <c r="P955" t="s">
        <v>216</v>
      </c>
      <c r="Q955" t="s">
        <v>196</v>
      </c>
      <c r="S955" s="1">
        <v>0</v>
      </c>
      <c r="T955" t="s">
        <v>200</v>
      </c>
      <c r="Y955" t="s">
        <v>224</v>
      </c>
      <c r="AC955" t="s">
        <v>199</v>
      </c>
      <c r="AD955" t="s">
        <v>175</v>
      </c>
      <c r="AE955" t="s">
        <v>175</v>
      </c>
      <c r="AF955" t="s">
        <v>175</v>
      </c>
      <c r="AG955" t="s">
        <v>200</v>
      </c>
      <c r="AH955" t="s">
        <v>175</v>
      </c>
      <c r="AI955" t="s">
        <v>175</v>
      </c>
      <c r="AJ955" t="s">
        <v>181</v>
      </c>
      <c r="AK955" t="s">
        <v>175</v>
      </c>
      <c r="AL955" t="s">
        <v>52</v>
      </c>
      <c r="AM955" t="s">
        <v>185</v>
      </c>
      <c r="AN955" t="s">
        <v>184</v>
      </c>
      <c r="AO955" t="s">
        <v>206</v>
      </c>
      <c r="AP955" t="s">
        <v>182</v>
      </c>
      <c r="AQ955" t="s">
        <v>204</v>
      </c>
      <c r="AR955" t="s">
        <v>202</v>
      </c>
      <c r="AS955" t="s">
        <v>205</v>
      </c>
      <c r="AT955" t="s">
        <v>183</v>
      </c>
      <c r="AU955" t="s">
        <v>201</v>
      </c>
      <c r="AV955" t="s">
        <v>203</v>
      </c>
      <c r="AW955" t="s">
        <v>3487</v>
      </c>
      <c r="AX955" t="s">
        <v>186</v>
      </c>
      <c r="AY955" t="s">
        <v>187</v>
      </c>
      <c r="BC955" t="s">
        <v>209</v>
      </c>
      <c r="BF955" t="s">
        <v>292</v>
      </c>
      <c r="BG955" t="s">
        <v>301</v>
      </c>
      <c r="BH955" t="s">
        <v>211</v>
      </c>
      <c r="BK955" t="s">
        <v>191</v>
      </c>
      <c r="BL955" t="s">
        <v>3488</v>
      </c>
      <c r="BM955" t="s">
        <v>191</v>
      </c>
      <c r="BN955" t="s">
        <v>3489</v>
      </c>
      <c r="BO955" t="s">
        <v>191</v>
      </c>
      <c r="BP955" t="s">
        <v>3490</v>
      </c>
      <c r="BQ955" t="s">
        <v>3491</v>
      </c>
    </row>
    <row r="956" spans="1:69" x14ac:dyDescent="0.25">
      <c r="A956" s="1">
        <v>30450083</v>
      </c>
      <c r="B956" t="s">
        <v>108</v>
      </c>
      <c r="C956" t="s">
        <v>39</v>
      </c>
      <c r="L956" s="1">
        <v>0</v>
      </c>
      <c r="M956" s="1">
        <v>0</v>
      </c>
      <c r="N956" s="1">
        <v>0</v>
      </c>
      <c r="O956" s="1">
        <v>0</v>
      </c>
      <c r="P956" s="1">
        <v>0</v>
      </c>
      <c r="Q956" s="1">
        <v>0</v>
      </c>
      <c r="S956" s="1">
        <v>0</v>
      </c>
      <c r="T956" s="1">
        <v>0</v>
      </c>
      <c r="AC956" s="1">
        <v>0</v>
      </c>
      <c r="AD956" s="1">
        <v>0</v>
      </c>
      <c r="AE956" s="1">
        <v>0</v>
      </c>
      <c r="AF956" s="1">
        <v>0</v>
      </c>
      <c r="AG956" s="1">
        <v>0</v>
      </c>
      <c r="AH956" s="1">
        <v>0</v>
      </c>
      <c r="AI956" s="1">
        <v>0</v>
      </c>
      <c r="AJ956" s="1">
        <v>0</v>
      </c>
      <c r="AK956" s="1">
        <v>0</v>
      </c>
      <c r="AL956" s="1">
        <v>0</v>
      </c>
      <c r="AM956" s="1">
        <v>0</v>
      </c>
      <c r="AN956" s="1">
        <v>0</v>
      </c>
      <c r="AO956" s="1">
        <v>0</v>
      </c>
      <c r="AP956" s="1">
        <v>0</v>
      </c>
      <c r="AQ956" s="1">
        <v>0</v>
      </c>
      <c r="AR956" s="1">
        <v>0</v>
      </c>
      <c r="AS956" s="1">
        <v>0</v>
      </c>
      <c r="AT956" s="1">
        <v>0</v>
      </c>
      <c r="AU956" s="1">
        <v>0</v>
      </c>
      <c r="AV956" s="1">
        <v>0</v>
      </c>
      <c r="BF956" s="1">
        <v>0</v>
      </c>
      <c r="BG956" s="1">
        <v>0</v>
      </c>
      <c r="BH956" s="1">
        <v>0</v>
      </c>
      <c r="BK956" s="1">
        <v>0</v>
      </c>
      <c r="BM956" s="1">
        <v>0</v>
      </c>
      <c r="BO956" s="1">
        <v>0</v>
      </c>
    </row>
    <row r="957" spans="1:69" x14ac:dyDescent="0.25">
      <c r="A957" s="1">
        <v>30450084</v>
      </c>
      <c r="B957" t="s">
        <v>109</v>
      </c>
      <c r="C957" t="s">
        <v>39</v>
      </c>
      <c r="L957" s="1">
        <v>0</v>
      </c>
      <c r="M957" s="1">
        <v>0</v>
      </c>
      <c r="N957" s="1">
        <v>0</v>
      </c>
      <c r="O957" s="1">
        <v>0</v>
      </c>
      <c r="P957" s="1">
        <v>0</v>
      </c>
      <c r="Q957" s="1">
        <v>0</v>
      </c>
      <c r="S957" s="1">
        <v>0</v>
      </c>
      <c r="T957" s="1">
        <v>0</v>
      </c>
      <c r="AC957" s="1">
        <v>0</v>
      </c>
      <c r="AD957" s="1">
        <v>0</v>
      </c>
      <c r="AE957" s="1">
        <v>0</v>
      </c>
      <c r="AF957" s="1">
        <v>0</v>
      </c>
      <c r="AG957" s="1">
        <v>0</v>
      </c>
      <c r="AH957" s="1">
        <v>0</v>
      </c>
      <c r="AI957" s="1">
        <v>0</v>
      </c>
      <c r="AJ957" s="1">
        <v>0</v>
      </c>
      <c r="AK957" s="1">
        <v>0</v>
      </c>
      <c r="AL957" s="1">
        <v>0</v>
      </c>
      <c r="AM957" s="1">
        <v>0</v>
      </c>
      <c r="AN957" s="1">
        <v>0</v>
      </c>
      <c r="AO957" s="1">
        <v>0</v>
      </c>
      <c r="AP957" s="1">
        <v>0</v>
      </c>
      <c r="AQ957" s="1">
        <v>0</v>
      </c>
      <c r="AR957" s="1">
        <v>0</v>
      </c>
      <c r="AS957" s="1">
        <v>0</v>
      </c>
      <c r="AT957" s="1">
        <v>0</v>
      </c>
      <c r="AU957" s="1">
        <v>0</v>
      </c>
      <c r="AV957" s="1">
        <v>0</v>
      </c>
      <c r="BF957" s="1">
        <v>0</v>
      </c>
      <c r="BG957" s="1">
        <v>0</v>
      </c>
      <c r="BH957" s="1">
        <v>0</v>
      </c>
      <c r="BK957" s="1">
        <v>0</v>
      </c>
      <c r="BM957" s="1">
        <v>0</v>
      </c>
      <c r="BO957" s="1">
        <v>0</v>
      </c>
    </row>
    <row r="958" spans="1:69" x14ac:dyDescent="0.25">
      <c r="A958" s="1">
        <v>30450085</v>
      </c>
      <c r="B958" t="s">
        <v>110</v>
      </c>
      <c r="C958" t="s">
        <v>39</v>
      </c>
      <c r="L958" s="1">
        <v>0</v>
      </c>
      <c r="M958" s="1">
        <v>0</v>
      </c>
      <c r="N958" s="1">
        <v>0</v>
      </c>
      <c r="O958" s="1">
        <v>0</v>
      </c>
      <c r="P958" s="1">
        <v>0</v>
      </c>
      <c r="Q958" s="1">
        <v>0</v>
      </c>
      <c r="S958" s="1">
        <v>0</v>
      </c>
      <c r="T958" s="1">
        <v>0</v>
      </c>
      <c r="AC958" s="1">
        <v>0</v>
      </c>
      <c r="AD958" s="1">
        <v>0</v>
      </c>
      <c r="AE958" s="1">
        <v>0</v>
      </c>
      <c r="AF958" s="1">
        <v>0</v>
      </c>
      <c r="AG958" s="1">
        <v>0</v>
      </c>
      <c r="AH958" s="1">
        <v>0</v>
      </c>
      <c r="AI958" s="1">
        <v>0</v>
      </c>
      <c r="AJ958" s="1">
        <v>0</v>
      </c>
      <c r="AK958" s="1">
        <v>0</v>
      </c>
      <c r="AL958" s="1">
        <v>0</v>
      </c>
      <c r="AM958" s="1">
        <v>0</v>
      </c>
      <c r="AN958" s="1">
        <v>0</v>
      </c>
      <c r="AO958" s="1">
        <v>0</v>
      </c>
      <c r="AP958" s="1">
        <v>0</v>
      </c>
      <c r="AQ958" s="1">
        <v>0</v>
      </c>
      <c r="AR958" s="1">
        <v>0</v>
      </c>
      <c r="AS958" s="1">
        <v>0</v>
      </c>
      <c r="AT958" s="1">
        <v>0</v>
      </c>
      <c r="AU958" s="1">
        <v>0</v>
      </c>
      <c r="AV958" s="1">
        <v>0</v>
      </c>
      <c r="BF958" s="1">
        <v>0</v>
      </c>
      <c r="BG958" s="1">
        <v>0</v>
      </c>
      <c r="BH958" s="1">
        <v>0</v>
      </c>
      <c r="BK958" s="1">
        <v>0</v>
      </c>
      <c r="BM958" s="1">
        <v>0</v>
      </c>
      <c r="BO958" s="1">
        <v>0</v>
      </c>
    </row>
    <row r="959" spans="1:69" x14ac:dyDescent="0.25">
      <c r="A959" s="1">
        <v>30450086</v>
      </c>
      <c r="B959" t="s">
        <v>111</v>
      </c>
      <c r="C959" t="s">
        <v>39</v>
      </c>
      <c r="L959" s="1">
        <v>0</v>
      </c>
      <c r="M959" s="1">
        <v>0</v>
      </c>
      <c r="N959" s="1">
        <v>0</v>
      </c>
      <c r="O959" s="1">
        <v>0</v>
      </c>
      <c r="P959" s="1">
        <v>0</v>
      </c>
      <c r="Q959" s="1">
        <v>0</v>
      </c>
      <c r="S959" s="1">
        <v>0</v>
      </c>
      <c r="T959" s="1">
        <v>0</v>
      </c>
      <c r="AC959" s="1">
        <v>0</v>
      </c>
      <c r="AD959" s="1">
        <v>0</v>
      </c>
      <c r="AE959" s="1">
        <v>0</v>
      </c>
      <c r="AF959" s="1">
        <v>0</v>
      </c>
      <c r="AG959" s="1">
        <v>0</v>
      </c>
      <c r="AH959" s="1">
        <v>0</v>
      </c>
      <c r="AI959" s="1">
        <v>0</v>
      </c>
      <c r="AJ959" s="1">
        <v>0</v>
      </c>
      <c r="AK959" s="1">
        <v>0</v>
      </c>
      <c r="AL959" s="1">
        <v>0</v>
      </c>
      <c r="AM959" s="1">
        <v>0</v>
      </c>
      <c r="AN959" s="1">
        <v>0</v>
      </c>
      <c r="AO959" s="1">
        <v>0</v>
      </c>
      <c r="AP959" s="1">
        <v>0</v>
      </c>
      <c r="AQ959" s="1">
        <v>0</v>
      </c>
      <c r="AR959" s="1">
        <v>0</v>
      </c>
      <c r="AS959" s="1">
        <v>0</v>
      </c>
      <c r="AT959" s="1">
        <v>0</v>
      </c>
      <c r="AU959" s="1">
        <v>0</v>
      </c>
      <c r="AV959" s="1">
        <v>0</v>
      </c>
      <c r="BF959" s="1">
        <v>0</v>
      </c>
      <c r="BG959" s="1">
        <v>0</v>
      </c>
      <c r="BH959" s="1">
        <v>0</v>
      </c>
      <c r="BK959" s="1">
        <v>0</v>
      </c>
      <c r="BM959" s="1">
        <v>0</v>
      </c>
      <c r="BO959" s="1">
        <v>0</v>
      </c>
    </row>
    <row r="960" spans="1:69" x14ac:dyDescent="0.25">
      <c r="A960" s="1">
        <v>30450087</v>
      </c>
      <c r="B960" t="s">
        <v>112</v>
      </c>
      <c r="C960" t="s">
        <v>39</v>
      </c>
      <c r="L960" s="1">
        <v>0</v>
      </c>
      <c r="M960" s="1">
        <v>0</v>
      </c>
      <c r="N960" s="1">
        <v>0</v>
      </c>
      <c r="O960" s="1">
        <v>0</v>
      </c>
      <c r="P960" s="1">
        <v>0</v>
      </c>
      <c r="Q960" s="1">
        <v>0</v>
      </c>
      <c r="S960" s="1">
        <v>0</v>
      </c>
      <c r="T960" s="1">
        <v>0</v>
      </c>
      <c r="AC960" s="1">
        <v>0</v>
      </c>
      <c r="AD960" s="1">
        <v>0</v>
      </c>
      <c r="AE960" s="1">
        <v>0</v>
      </c>
      <c r="AF960" s="1">
        <v>0</v>
      </c>
      <c r="AG960" s="1">
        <v>0</v>
      </c>
      <c r="AH960" s="1">
        <v>0</v>
      </c>
      <c r="AI960" s="1">
        <v>0</v>
      </c>
      <c r="AJ960" s="1">
        <v>0</v>
      </c>
      <c r="AK960" s="1">
        <v>0</v>
      </c>
      <c r="AL960" s="1">
        <v>0</v>
      </c>
      <c r="AM960" s="1">
        <v>0</v>
      </c>
      <c r="AN960" s="1">
        <v>0</v>
      </c>
      <c r="AO960" s="1">
        <v>0</v>
      </c>
      <c r="AP960" s="1">
        <v>0</v>
      </c>
      <c r="AQ960" s="1">
        <v>0</v>
      </c>
      <c r="AR960" s="1">
        <v>0</v>
      </c>
      <c r="AS960" s="1">
        <v>0</v>
      </c>
      <c r="AT960" s="1">
        <v>0</v>
      </c>
      <c r="AU960" s="1">
        <v>0</v>
      </c>
      <c r="AV960" s="1">
        <v>0</v>
      </c>
      <c r="BF960" s="1">
        <v>0</v>
      </c>
      <c r="BG960" s="1">
        <v>0</v>
      </c>
      <c r="BH960" s="1">
        <v>0</v>
      </c>
      <c r="BK960" s="1">
        <v>0</v>
      </c>
      <c r="BM960" s="1">
        <v>0</v>
      </c>
      <c r="BO960" s="1">
        <v>0</v>
      </c>
    </row>
    <row r="961" spans="1:69" x14ac:dyDescent="0.25">
      <c r="A961" s="1">
        <v>30450088</v>
      </c>
      <c r="B961" t="s">
        <v>113</v>
      </c>
      <c r="C961" t="s">
        <v>39</v>
      </c>
      <c r="L961" s="1">
        <v>0</v>
      </c>
      <c r="M961" s="1">
        <v>0</v>
      </c>
      <c r="N961" s="1">
        <v>0</v>
      </c>
      <c r="O961" s="1">
        <v>0</v>
      </c>
      <c r="P961" s="1">
        <v>0</v>
      </c>
      <c r="Q961" s="1">
        <v>0</v>
      </c>
      <c r="S961" s="1">
        <v>0</v>
      </c>
      <c r="T961" s="1">
        <v>0</v>
      </c>
      <c r="AC961" s="1">
        <v>0</v>
      </c>
      <c r="AD961" s="1">
        <v>0</v>
      </c>
      <c r="AE961" s="1">
        <v>0</v>
      </c>
      <c r="AF961" s="1">
        <v>0</v>
      </c>
      <c r="AG961" s="1">
        <v>0</v>
      </c>
      <c r="AH961" s="1">
        <v>0</v>
      </c>
      <c r="AI961" s="1">
        <v>0</v>
      </c>
      <c r="AJ961" s="1">
        <v>0</v>
      </c>
      <c r="AK961" s="1">
        <v>0</v>
      </c>
      <c r="AL961" s="1">
        <v>0</v>
      </c>
      <c r="AM961" s="1">
        <v>0</v>
      </c>
      <c r="AN961" s="1">
        <v>0</v>
      </c>
      <c r="AO961" s="1">
        <v>0</v>
      </c>
      <c r="AP961" s="1">
        <v>0</v>
      </c>
      <c r="AQ961" s="1">
        <v>0</v>
      </c>
      <c r="AR961" s="1">
        <v>0</v>
      </c>
      <c r="AS961" s="1">
        <v>0</v>
      </c>
      <c r="AT961" s="1">
        <v>0</v>
      </c>
      <c r="AU961" s="1">
        <v>0</v>
      </c>
      <c r="AV961" s="1">
        <v>0</v>
      </c>
      <c r="BF961" s="1">
        <v>0</v>
      </c>
      <c r="BG961" s="1">
        <v>0</v>
      </c>
      <c r="BH961" s="1">
        <v>0</v>
      </c>
      <c r="BK961" s="1">
        <v>0</v>
      </c>
      <c r="BM961" s="1">
        <v>0</v>
      </c>
      <c r="BO961" s="1">
        <v>0</v>
      </c>
    </row>
    <row r="962" spans="1:69" x14ac:dyDescent="0.25">
      <c r="A962" s="1">
        <v>30450089</v>
      </c>
      <c r="B962" t="s">
        <v>114</v>
      </c>
      <c r="C962" t="s">
        <v>39</v>
      </c>
      <c r="L962" s="1">
        <v>0</v>
      </c>
      <c r="M962" s="1">
        <v>0</v>
      </c>
      <c r="N962" s="1">
        <v>0</v>
      </c>
      <c r="O962" s="1">
        <v>0</v>
      </c>
      <c r="P962" s="1">
        <v>0</v>
      </c>
      <c r="Q962" s="1">
        <v>0</v>
      </c>
      <c r="S962" s="1">
        <v>0</v>
      </c>
      <c r="T962" s="1">
        <v>0</v>
      </c>
      <c r="AC962" s="1">
        <v>0</v>
      </c>
      <c r="AD962" s="1">
        <v>0</v>
      </c>
      <c r="AE962" s="1">
        <v>0</v>
      </c>
      <c r="AF962" s="1">
        <v>0</v>
      </c>
      <c r="AG962" s="1">
        <v>0</v>
      </c>
      <c r="AH962" s="1">
        <v>0</v>
      </c>
      <c r="AI962" s="1">
        <v>0</v>
      </c>
      <c r="AJ962" s="1">
        <v>0</v>
      </c>
      <c r="AK962" s="1">
        <v>0</v>
      </c>
      <c r="AL962" s="1">
        <v>0</v>
      </c>
      <c r="AM962" s="1">
        <v>0</v>
      </c>
      <c r="AN962" s="1">
        <v>0</v>
      </c>
      <c r="AO962" s="1">
        <v>0</v>
      </c>
      <c r="AP962" s="1">
        <v>0</v>
      </c>
      <c r="AQ962" s="1">
        <v>0</v>
      </c>
      <c r="AR962" s="1">
        <v>0</v>
      </c>
      <c r="AS962" s="1">
        <v>0</v>
      </c>
      <c r="AT962" s="1">
        <v>0</v>
      </c>
      <c r="AU962" s="1">
        <v>0</v>
      </c>
      <c r="AV962" s="1">
        <v>0</v>
      </c>
      <c r="BF962" s="1">
        <v>0</v>
      </c>
      <c r="BG962" s="1">
        <v>0</v>
      </c>
      <c r="BH962" s="1">
        <v>0</v>
      </c>
      <c r="BK962" s="1">
        <v>0</v>
      </c>
      <c r="BM962" s="1">
        <v>0</v>
      </c>
      <c r="BO962" s="1">
        <v>0</v>
      </c>
    </row>
    <row r="963" spans="1:69" x14ac:dyDescent="0.25">
      <c r="A963" s="1">
        <v>30450090</v>
      </c>
      <c r="B963" t="s">
        <v>115</v>
      </c>
      <c r="C963" t="s">
        <v>39</v>
      </c>
      <c r="L963" s="1">
        <v>0</v>
      </c>
      <c r="M963" s="1">
        <v>0</v>
      </c>
      <c r="N963" s="1">
        <v>0</v>
      </c>
      <c r="O963" s="1">
        <v>0</v>
      </c>
      <c r="P963" s="1">
        <v>0</v>
      </c>
      <c r="Q963" s="1">
        <v>0</v>
      </c>
      <c r="S963" s="1">
        <v>0</v>
      </c>
      <c r="T963" s="1">
        <v>0</v>
      </c>
      <c r="AC963" s="1">
        <v>0</v>
      </c>
      <c r="AD963" s="1">
        <v>0</v>
      </c>
      <c r="AE963" s="1">
        <v>0</v>
      </c>
      <c r="AF963" s="1">
        <v>0</v>
      </c>
      <c r="AG963" s="1">
        <v>0</v>
      </c>
      <c r="AH963" s="1">
        <v>0</v>
      </c>
      <c r="AI963" s="1">
        <v>0</v>
      </c>
      <c r="AJ963" s="1">
        <v>0</v>
      </c>
      <c r="AK963" s="1">
        <v>0</v>
      </c>
      <c r="AL963" s="1">
        <v>0</v>
      </c>
      <c r="AM963" s="1">
        <v>0</v>
      </c>
      <c r="AN963" s="1">
        <v>0</v>
      </c>
      <c r="AO963" s="1">
        <v>0</v>
      </c>
      <c r="AP963" s="1">
        <v>0</v>
      </c>
      <c r="AQ963" s="1">
        <v>0</v>
      </c>
      <c r="AR963" s="1">
        <v>0</v>
      </c>
      <c r="AS963" s="1">
        <v>0</v>
      </c>
      <c r="AT963" s="1">
        <v>0</v>
      </c>
      <c r="AU963" s="1">
        <v>0</v>
      </c>
      <c r="AV963" s="1">
        <v>0</v>
      </c>
      <c r="BF963" s="1">
        <v>0</v>
      </c>
      <c r="BG963" s="1">
        <v>0</v>
      </c>
      <c r="BH963" s="1">
        <v>0</v>
      </c>
      <c r="BK963" s="1">
        <v>0</v>
      </c>
      <c r="BM963" s="1">
        <v>0</v>
      </c>
      <c r="BO963" s="1">
        <v>0</v>
      </c>
    </row>
    <row r="964" spans="1:69" x14ac:dyDescent="0.25">
      <c r="A964" s="1">
        <v>30450092</v>
      </c>
      <c r="B964" t="s">
        <v>116</v>
      </c>
      <c r="C964" t="s">
        <v>39</v>
      </c>
      <c r="L964" s="1">
        <v>0</v>
      </c>
      <c r="M964" s="1">
        <v>0</v>
      </c>
      <c r="N964" s="1">
        <v>0</v>
      </c>
      <c r="O964" s="1">
        <v>0</v>
      </c>
      <c r="P964" s="1">
        <v>0</v>
      </c>
      <c r="Q964" s="1">
        <v>0</v>
      </c>
      <c r="S964" s="1">
        <v>0</v>
      </c>
      <c r="T964" s="1">
        <v>0</v>
      </c>
      <c r="AC964" s="1">
        <v>0</v>
      </c>
      <c r="AD964" s="1">
        <v>0</v>
      </c>
      <c r="AE964" s="1">
        <v>0</v>
      </c>
      <c r="AF964" s="1">
        <v>0</v>
      </c>
      <c r="AG964" s="1">
        <v>0</v>
      </c>
      <c r="AH964" s="1">
        <v>0</v>
      </c>
      <c r="AI964" s="1">
        <v>0</v>
      </c>
      <c r="AJ964" s="1">
        <v>0</v>
      </c>
      <c r="AK964" s="1">
        <v>0</v>
      </c>
      <c r="AL964" s="1">
        <v>0</v>
      </c>
      <c r="AM964" s="1">
        <v>0</v>
      </c>
      <c r="AN964" s="1">
        <v>0</v>
      </c>
      <c r="AO964" s="1">
        <v>0</v>
      </c>
      <c r="AP964" s="1">
        <v>0</v>
      </c>
      <c r="AQ964" s="1">
        <v>0</v>
      </c>
      <c r="AR964" s="1">
        <v>0</v>
      </c>
      <c r="AS964" s="1">
        <v>0</v>
      </c>
      <c r="AT964" s="1">
        <v>0</v>
      </c>
      <c r="AU964" s="1">
        <v>0</v>
      </c>
      <c r="AV964" s="1">
        <v>0</v>
      </c>
      <c r="BF964" s="1">
        <v>0</v>
      </c>
      <c r="BG964" s="1">
        <v>0</v>
      </c>
      <c r="BH964" s="1">
        <v>0</v>
      </c>
      <c r="BK964" s="1">
        <v>0</v>
      </c>
      <c r="BM964" s="1">
        <v>0</v>
      </c>
      <c r="BO964" s="1">
        <v>0</v>
      </c>
    </row>
    <row r="965" spans="1:69" x14ac:dyDescent="0.25">
      <c r="A965" s="1">
        <v>30450093</v>
      </c>
      <c r="B965" t="s">
        <v>117</v>
      </c>
      <c r="C965" t="s">
        <v>39</v>
      </c>
      <c r="L965" s="1">
        <v>0</v>
      </c>
      <c r="M965" s="1">
        <v>0</v>
      </c>
      <c r="N965" s="1">
        <v>0</v>
      </c>
      <c r="O965" s="1">
        <v>0</v>
      </c>
      <c r="P965" s="1">
        <v>0</v>
      </c>
      <c r="Q965" s="1">
        <v>0</v>
      </c>
      <c r="S965" s="1">
        <v>0</v>
      </c>
      <c r="T965" s="1">
        <v>0</v>
      </c>
      <c r="AC965" s="1">
        <v>0</v>
      </c>
      <c r="AD965" s="1">
        <v>0</v>
      </c>
      <c r="AE965" s="1">
        <v>0</v>
      </c>
      <c r="AF965" s="1">
        <v>0</v>
      </c>
      <c r="AG965" s="1">
        <v>0</v>
      </c>
      <c r="AH965" s="1">
        <v>0</v>
      </c>
      <c r="AI965" s="1">
        <v>0</v>
      </c>
      <c r="AJ965" s="1">
        <v>0</v>
      </c>
      <c r="AK965" s="1">
        <v>0</v>
      </c>
      <c r="AL965" s="1">
        <v>0</v>
      </c>
      <c r="AM965" s="1">
        <v>0</v>
      </c>
      <c r="AN965" s="1">
        <v>0</v>
      </c>
      <c r="AO965" s="1">
        <v>0</v>
      </c>
      <c r="AP965" s="1">
        <v>0</v>
      </c>
      <c r="AQ965" s="1">
        <v>0</v>
      </c>
      <c r="AR965" s="1">
        <v>0</v>
      </c>
      <c r="AS965" s="1">
        <v>0</v>
      </c>
      <c r="AT965" s="1">
        <v>0</v>
      </c>
      <c r="AU965" s="1">
        <v>0</v>
      </c>
      <c r="AV965" s="1">
        <v>0</v>
      </c>
      <c r="BF965" s="1">
        <v>0</v>
      </c>
      <c r="BG965" s="1">
        <v>0</v>
      </c>
      <c r="BH965" s="1">
        <v>0</v>
      </c>
      <c r="BK965" s="1">
        <v>0</v>
      </c>
      <c r="BM965" s="1">
        <v>0</v>
      </c>
      <c r="BO965" s="1">
        <v>0</v>
      </c>
    </row>
    <row r="966" spans="1:69" x14ac:dyDescent="0.25">
      <c r="A966" s="1">
        <v>30450094</v>
      </c>
      <c r="B966" t="s">
        <v>118</v>
      </c>
      <c r="C966" t="s">
        <v>39</v>
      </c>
      <c r="L966" s="1">
        <v>0</v>
      </c>
      <c r="M966" s="1">
        <v>0</v>
      </c>
      <c r="N966" s="1">
        <v>0</v>
      </c>
      <c r="O966" s="1">
        <v>0</v>
      </c>
      <c r="P966" s="1">
        <v>0</v>
      </c>
      <c r="Q966" s="1">
        <v>0</v>
      </c>
      <c r="S966" s="1">
        <v>0</v>
      </c>
      <c r="T966" s="1">
        <v>0</v>
      </c>
      <c r="AC966" s="1">
        <v>0</v>
      </c>
      <c r="AD966" s="1">
        <v>0</v>
      </c>
      <c r="AE966" s="1">
        <v>0</v>
      </c>
      <c r="AF966" s="1">
        <v>0</v>
      </c>
      <c r="AG966" s="1">
        <v>0</v>
      </c>
      <c r="AH966" s="1">
        <v>0</v>
      </c>
      <c r="AI966" s="1">
        <v>0</v>
      </c>
      <c r="AJ966" s="1">
        <v>0</v>
      </c>
      <c r="AK966" s="1">
        <v>0</v>
      </c>
      <c r="AL966" s="1">
        <v>0</v>
      </c>
      <c r="AM966" s="1">
        <v>0</v>
      </c>
      <c r="AN966" s="1">
        <v>0</v>
      </c>
      <c r="AO966" s="1">
        <v>0</v>
      </c>
      <c r="AP966" s="1">
        <v>0</v>
      </c>
      <c r="AQ966" s="1">
        <v>0</v>
      </c>
      <c r="AR966" s="1">
        <v>0</v>
      </c>
      <c r="AS966" s="1">
        <v>0</v>
      </c>
      <c r="AT966" s="1">
        <v>0</v>
      </c>
      <c r="AU966" s="1">
        <v>0</v>
      </c>
      <c r="AV966" s="1">
        <v>0</v>
      </c>
      <c r="BF966" s="1">
        <v>0</v>
      </c>
      <c r="BG966" s="1">
        <v>0</v>
      </c>
      <c r="BH966" s="1">
        <v>0</v>
      </c>
      <c r="BK966" s="1">
        <v>0</v>
      </c>
      <c r="BM966" s="1">
        <v>0</v>
      </c>
      <c r="BO966" s="1">
        <v>0</v>
      </c>
    </row>
    <row r="967" spans="1:69" x14ac:dyDescent="0.25">
      <c r="A967" s="1">
        <v>30450095</v>
      </c>
      <c r="B967" t="s">
        <v>641</v>
      </c>
      <c r="C967" t="s">
        <v>39</v>
      </c>
      <c r="D967" t="s">
        <v>174</v>
      </c>
      <c r="E967" t="s">
        <v>200</v>
      </c>
      <c r="L967" t="s">
        <v>52</v>
      </c>
      <c r="M967" s="1">
        <v>0</v>
      </c>
      <c r="N967" s="1">
        <v>0</v>
      </c>
      <c r="O967" t="s">
        <v>174</v>
      </c>
      <c r="P967" t="s">
        <v>216</v>
      </c>
      <c r="Q967" t="s">
        <v>322</v>
      </c>
      <c r="S967" s="1">
        <v>0</v>
      </c>
      <c r="T967" t="s">
        <v>200</v>
      </c>
      <c r="Z967" t="s">
        <v>244</v>
      </c>
      <c r="AC967" t="s">
        <v>180</v>
      </c>
      <c r="AD967" t="s">
        <v>175</v>
      </c>
      <c r="AE967" t="s">
        <v>175</v>
      </c>
      <c r="AF967" t="s">
        <v>175</v>
      </c>
      <c r="AG967" s="1">
        <v>0</v>
      </c>
      <c r="AH967" t="s">
        <v>175</v>
      </c>
      <c r="AI967" t="s">
        <v>175</v>
      </c>
      <c r="AJ967" t="s">
        <v>175</v>
      </c>
      <c r="AK967" t="s">
        <v>175</v>
      </c>
      <c r="AL967" t="s">
        <v>52</v>
      </c>
      <c r="AM967" t="s">
        <v>206</v>
      </c>
      <c r="AN967" t="s">
        <v>202</v>
      </c>
      <c r="AO967" t="s">
        <v>185</v>
      </c>
      <c r="AP967" t="s">
        <v>184</v>
      </c>
      <c r="AQ967" t="s">
        <v>183</v>
      </c>
      <c r="AR967" t="s">
        <v>203</v>
      </c>
      <c r="AS967" t="s">
        <v>182</v>
      </c>
      <c r="AT967" t="s">
        <v>201</v>
      </c>
      <c r="AU967" t="s">
        <v>204</v>
      </c>
      <c r="AV967" t="s">
        <v>205</v>
      </c>
      <c r="AX967" t="s">
        <v>186</v>
      </c>
      <c r="AY967" t="s">
        <v>187</v>
      </c>
      <c r="AZ967" t="s">
        <v>207</v>
      </c>
      <c r="BA967" t="s">
        <v>188</v>
      </c>
      <c r="BB967" t="s">
        <v>208</v>
      </c>
      <c r="BC967" t="s">
        <v>209</v>
      </c>
      <c r="BF967" t="s">
        <v>210</v>
      </c>
      <c r="BG967" s="1">
        <v>0</v>
      </c>
      <c r="BH967" t="s">
        <v>211</v>
      </c>
      <c r="BK967" t="s">
        <v>191</v>
      </c>
      <c r="BL967" t="s">
        <v>642</v>
      </c>
      <c r="BM967" t="s">
        <v>191</v>
      </c>
      <c r="BN967" t="s">
        <v>643</v>
      </c>
      <c r="BO967" t="s">
        <v>191</v>
      </c>
      <c r="BP967" t="s">
        <v>644</v>
      </c>
      <c r="BQ967" t="s">
        <v>645</v>
      </c>
    </row>
    <row r="968" spans="1:69" x14ac:dyDescent="0.25">
      <c r="A968" s="1">
        <v>30450096</v>
      </c>
      <c r="B968" t="s">
        <v>119</v>
      </c>
      <c r="C968" t="s">
        <v>39</v>
      </c>
      <c r="L968" s="1">
        <v>0</v>
      </c>
      <c r="M968" s="1">
        <v>0</v>
      </c>
      <c r="N968" s="1">
        <v>0</v>
      </c>
      <c r="O968" s="1">
        <v>0</v>
      </c>
      <c r="P968" s="1">
        <v>0</v>
      </c>
      <c r="Q968" s="1">
        <v>0</v>
      </c>
      <c r="S968" s="1">
        <v>0</v>
      </c>
      <c r="T968" s="1">
        <v>0</v>
      </c>
      <c r="AC968" s="1">
        <v>0</v>
      </c>
      <c r="AD968" s="1">
        <v>0</v>
      </c>
      <c r="AE968" s="1">
        <v>0</v>
      </c>
      <c r="AF968" s="1">
        <v>0</v>
      </c>
      <c r="AG968" s="1">
        <v>0</v>
      </c>
      <c r="AH968" s="1">
        <v>0</v>
      </c>
      <c r="AI968" s="1">
        <v>0</v>
      </c>
      <c r="AJ968" s="1">
        <v>0</v>
      </c>
      <c r="AK968" s="1">
        <v>0</v>
      </c>
      <c r="AL968" s="1">
        <v>0</v>
      </c>
      <c r="AM968" s="1">
        <v>0</v>
      </c>
      <c r="AN968" s="1">
        <v>0</v>
      </c>
      <c r="AO968" s="1">
        <v>0</v>
      </c>
      <c r="AP968" s="1">
        <v>0</v>
      </c>
      <c r="AQ968" s="1">
        <v>0</v>
      </c>
      <c r="AR968" s="1">
        <v>0</v>
      </c>
      <c r="AS968" s="1">
        <v>0</v>
      </c>
      <c r="AT968" s="1">
        <v>0</v>
      </c>
      <c r="AU968" s="1">
        <v>0</v>
      </c>
      <c r="AV968" s="1">
        <v>0</v>
      </c>
      <c r="BF968" s="1">
        <v>0</v>
      </c>
      <c r="BG968" s="1">
        <v>0</v>
      </c>
      <c r="BH968" s="1">
        <v>0</v>
      </c>
      <c r="BK968" s="1">
        <v>0</v>
      </c>
      <c r="BM968" s="1">
        <v>0</v>
      </c>
      <c r="BO968" s="1">
        <v>0</v>
      </c>
    </row>
    <row r="969" spans="1:69" x14ac:dyDescent="0.25">
      <c r="A969" s="1">
        <v>30450097</v>
      </c>
      <c r="B969" t="s">
        <v>120</v>
      </c>
      <c r="C969" t="s">
        <v>39</v>
      </c>
      <c r="L969" s="1">
        <v>0</v>
      </c>
      <c r="M969" s="1">
        <v>0</v>
      </c>
      <c r="N969" s="1">
        <v>0</v>
      </c>
      <c r="O969" s="1">
        <v>0</v>
      </c>
      <c r="P969" s="1">
        <v>0</v>
      </c>
      <c r="Q969" s="1">
        <v>0</v>
      </c>
      <c r="S969" s="1">
        <v>0</v>
      </c>
      <c r="T969" s="1">
        <v>0</v>
      </c>
      <c r="AC969" s="1">
        <v>0</v>
      </c>
      <c r="AD969" s="1">
        <v>0</v>
      </c>
      <c r="AE969" s="1">
        <v>0</v>
      </c>
      <c r="AF969" s="1">
        <v>0</v>
      </c>
      <c r="AG969" s="1">
        <v>0</v>
      </c>
      <c r="AH969" s="1">
        <v>0</v>
      </c>
      <c r="AI969" s="1">
        <v>0</v>
      </c>
      <c r="AJ969" s="1">
        <v>0</v>
      </c>
      <c r="AK969" s="1">
        <v>0</v>
      </c>
      <c r="AL969" s="1">
        <v>0</v>
      </c>
      <c r="AM969" s="1">
        <v>0</v>
      </c>
      <c r="AN969" s="1">
        <v>0</v>
      </c>
      <c r="AO969" s="1">
        <v>0</v>
      </c>
      <c r="AP969" s="1">
        <v>0</v>
      </c>
      <c r="AQ969" s="1">
        <v>0</v>
      </c>
      <c r="AR969" s="1">
        <v>0</v>
      </c>
      <c r="AS969" s="1">
        <v>0</v>
      </c>
      <c r="AT969" s="1">
        <v>0</v>
      </c>
      <c r="AU969" s="1">
        <v>0</v>
      </c>
      <c r="AV969" s="1">
        <v>0</v>
      </c>
      <c r="BF969" s="1">
        <v>0</v>
      </c>
      <c r="BG969" s="1">
        <v>0</v>
      </c>
      <c r="BH969" s="1">
        <v>0</v>
      </c>
      <c r="BK969" s="1">
        <v>0</v>
      </c>
      <c r="BM969" s="1">
        <v>0</v>
      </c>
      <c r="BO969" s="1">
        <v>0</v>
      </c>
    </row>
    <row r="970" spans="1:69" x14ac:dyDescent="0.25">
      <c r="A970" s="1">
        <v>30450099</v>
      </c>
      <c r="B970" t="s">
        <v>2881</v>
      </c>
      <c r="C970" t="s">
        <v>39</v>
      </c>
      <c r="D970" t="s">
        <v>2512</v>
      </c>
      <c r="E970" t="s">
        <v>175</v>
      </c>
      <c r="L970" t="s">
        <v>52</v>
      </c>
      <c r="M970" s="1">
        <v>0</v>
      </c>
      <c r="N970" s="1">
        <v>0</v>
      </c>
      <c r="O970" t="s">
        <v>2512</v>
      </c>
      <c r="P970" t="s">
        <v>176</v>
      </c>
      <c r="Q970" t="s">
        <v>196</v>
      </c>
      <c r="S970" t="s">
        <v>178</v>
      </c>
      <c r="T970" t="s">
        <v>175</v>
      </c>
      <c r="Z970" t="s">
        <v>244</v>
      </c>
      <c r="AC970" t="s">
        <v>180</v>
      </c>
      <c r="AD970" t="s">
        <v>175</v>
      </c>
      <c r="AE970" t="s">
        <v>175</v>
      </c>
      <c r="AF970" t="s">
        <v>181</v>
      </c>
      <c r="AG970" t="s">
        <v>181</v>
      </c>
      <c r="AH970" t="s">
        <v>175</v>
      </c>
      <c r="AI970" t="s">
        <v>175</v>
      </c>
      <c r="AJ970" t="s">
        <v>181</v>
      </c>
      <c r="AK970" t="s">
        <v>175</v>
      </c>
      <c r="AL970" t="s">
        <v>42</v>
      </c>
      <c r="AM970" t="s">
        <v>184</v>
      </c>
      <c r="AN970" t="s">
        <v>185</v>
      </c>
      <c r="AO970" t="s">
        <v>201</v>
      </c>
      <c r="AP970" t="s">
        <v>183</v>
      </c>
      <c r="AQ970" t="s">
        <v>202</v>
      </c>
      <c r="AR970" t="s">
        <v>203</v>
      </c>
      <c r="AS970" t="s">
        <v>182</v>
      </c>
      <c r="AT970" t="s">
        <v>205</v>
      </c>
      <c r="AU970" t="s">
        <v>204</v>
      </c>
      <c r="AV970" t="s">
        <v>206</v>
      </c>
      <c r="AX970" t="s">
        <v>186</v>
      </c>
      <c r="AY970" t="s">
        <v>187</v>
      </c>
      <c r="AZ970" t="s">
        <v>207</v>
      </c>
      <c r="BA970" t="s">
        <v>188</v>
      </c>
      <c r="BC970" t="s">
        <v>209</v>
      </c>
      <c r="BF970" t="s">
        <v>210</v>
      </c>
      <c r="BG970" s="1">
        <v>0</v>
      </c>
      <c r="BH970" t="s">
        <v>211</v>
      </c>
      <c r="BK970" t="s">
        <v>191</v>
      </c>
      <c r="BL970" t="s">
        <v>2882</v>
      </c>
      <c r="BM970" t="s">
        <v>191</v>
      </c>
      <c r="BO970" t="s">
        <v>218</v>
      </c>
      <c r="BP970" t="s">
        <v>2883</v>
      </c>
    </row>
    <row r="971" spans="1:69" x14ac:dyDescent="0.25">
      <c r="A971" s="1">
        <v>30450101</v>
      </c>
      <c r="B971" t="s">
        <v>2884</v>
      </c>
      <c r="C971" t="s">
        <v>39</v>
      </c>
      <c r="D971" t="s">
        <v>2512</v>
      </c>
      <c r="E971" t="s">
        <v>195</v>
      </c>
      <c r="L971" t="s">
        <v>52</v>
      </c>
      <c r="M971" s="1">
        <v>0</v>
      </c>
      <c r="N971" s="1">
        <v>0</v>
      </c>
      <c r="O971" t="s">
        <v>2512</v>
      </c>
      <c r="P971" t="s">
        <v>176</v>
      </c>
      <c r="Q971" t="s">
        <v>177</v>
      </c>
      <c r="S971" t="s">
        <v>178</v>
      </c>
      <c r="T971" t="s">
        <v>197</v>
      </c>
      <c r="U971" t="s">
        <v>2885</v>
      </c>
      <c r="Y971" t="s">
        <v>224</v>
      </c>
      <c r="AC971" t="s">
        <v>180</v>
      </c>
      <c r="AD971" t="s">
        <v>181</v>
      </c>
      <c r="AE971" t="s">
        <v>181</v>
      </c>
      <c r="AF971" t="s">
        <v>181</v>
      </c>
      <c r="AG971" t="s">
        <v>181</v>
      </c>
      <c r="AH971" t="s">
        <v>181</v>
      </c>
      <c r="AI971" t="s">
        <v>181</v>
      </c>
      <c r="AJ971" t="s">
        <v>181</v>
      </c>
      <c r="AK971" t="s">
        <v>181</v>
      </c>
      <c r="AL971" t="s">
        <v>42</v>
      </c>
      <c r="AM971" t="s">
        <v>205</v>
      </c>
      <c r="AN971" t="s">
        <v>184</v>
      </c>
      <c r="AO971" t="s">
        <v>185</v>
      </c>
      <c r="AP971" t="s">
        <v>202</v>
      </c>
      <c r="AQ971" t="s">
        <v>204</v>
      </c>
      <c r="AR971" t="s">
        <v>206</v>
      </c>
      <c r="AS971" t="s">
        <v>203</v>
      </c>
      <c r="AT971" t="s">
        <v>182</v>
      </c>
      <c r="AU971" t="s">
        <v>201</v>
      </c>
      <c r="AV971" t="s">
        <v>183</v>
      </c>
      <c r="AZ971" t="s">
        <v>207</v>
      </c>
      <c r="BF971" t="s">
        <v>49</v>
      </c>
      <c r="BG971" s="1">
        <v>0</v>
      </c>
      <c r="BH971" t="s">
        <v>211</v>
      </c>
      <c r="BK971" t="s">
        <v>191</v>
      </c>
      <c r="BM971" t="s">
        <v>218</v>
      </c>
      <c r="BO971" t="s">
        <v>218</v>
      </c>
    </row>
    <row r="972" spans="1:69" x14ac:dyDescent="0.25">
      <c r="A972" s="1">
        <v>30450102</v>
      </c>
      <c r="B972" t="s">
        <v>3492</v>
      </c>
      <c r="C972" t="s">
        <v>39</v>
      </c>
      <c r="D972" t="s">
        <v>3138</v>
      </c>
      <c r="E972" t="s">
        <v>200</v>
      </c>
      <c r="L972" t="s">
        <v>52</v>
      </c>
      <c r="M972" s="1">
        <v>0</v>
      </c>
      <c r="N972" s="1">
        <v>0</v>
      </c>
      <c r="O972" t="s">
        <v>3139</v>
      </c>
      <c r="P972" t="s">
        <v>176</v>
      </c>
      <c r="Q972" t="s">
        <v>177</v>
      </c>
      <c r="S972" t="s">
        <v>178</v>
      </c>
      <c r="T972" t="s">
        <v>200</v>
      </c>
      <c r="W972" t="s">
        <v>262</v>
      </c>
      <c r="AC972" t="s">
        <v>180</v>
      </c>
      <c r="AD972" t="s">
        <v>175</v>
      </c>
      <c r="AE972" t="s">
        <v>175</v>
      </c>
      <c r="AF972" t="s">
        <v>175</v>
      </c>
      <c r="AG972" t="s">
        <v>175</v>
      </c>
      <c r="AH972" t="s">
        <v>175</v>
      </c>
      <c r="AI972" t="s">
        <v>175</v>
      </c>
      <c r="AJ972" t="s">
        <v>175</v>
      </c>
      <c r="AK972" t="s">
        <v>175</v>
      </c>
      <c r="AL972" t="s">
        <v>42</v>
      </c>
      <c r="AM972" t="s">
        <v>183</v>
      </c>
      <c r="AN972" t="s">
        <v>182</v>
      </c>
      <c r="AO972" t="s">
        <v>203</v>
      </c>
      <c r="AP972" t="s">
        <v>206</v>
      </c>
      <c r="AQ972" t="s">
        <v>185</v>
      </c>
      <c r="AR972" t="s">
        <v>202</v>
      </c>
      <c r="AS972" t="s">
        <v>201</v>
      </c>
      <c r="AT972" t="s">
        <v>184</v>
      </c>
      <c r="AU972" t="s">
        <v>205</v>
      </c>
      <c r="AV972" t="s">
        <v>204</v>
      </c>
      <c r="AZ972" t="s">
        <v>207</v>
      </c>
      <c r="BF972" t="s">
        <v>49</v>
      </c>
      <c r="BG972" s="1">
        <v>0</v>
      </c>
      <c r="BH972" t="s">
        <v>211</v>
      </c>
      <c r="BK972" t="s">
        <v>191</v>
      </c>
      <c r="BM972" t="s">
        <v>191</v>
      </c>
      <c r="BO972" t="s">
        <v>191</v>
      </c>
    </row>
    <row r="973" spans="1:69" x14ac:dyDescent="0.25">
      <c r="A973" s="1">
        <v>30450106</v>
      </c>
      <c r="B973" t="s">
        <v>1353</v>
      </c>
      <c r="C973" t="s">
        <v>39</v>
      </c>
      <c r="D973" t="s">
        <v>942</v>
      </c>
      <c r="E973" t="s">
        <v>175</v>
      </c>
      <c r="L973" t="s">
        <v>52</v>
      </c>
      <c r="M973" s="1">
        <v>0</v>
      </c>
      <c r="N973" s="1">
        <v>0</v>
      </c>
      <c r="O973" t="s">
        <v>942</v>
      </c>
      <c r="P973" t="s">
        <v>176</v>
      </c>
      <c r="Q973" t="s">
        <v>177</v>
      </c>
      <c r="S973" t="s">
        <v>315</v>
      </c>
      <c r="T973" t="s">
        <v>175</v>
      </c>
      <c r="X973" t="s">
        <v>179</v>
      </c>
      <c r="AC973" t="s">
        <v>225</v>
      </c>
      <c r="AD973" t="s">
        <v>181</v>
      </c>
      <c r="AE973" t="s">
        <v>175</v>
      </c>
      <c r="AF973" t="s">
        <v>175</v>
      </c>
      <c r="AG973" t="s">
        <v>181</v>
      </c>
      <c r="AH973" t="s">
        <v>175</v>
      </c>
      <c r="AI973" t="s">
        <v>175</v>
      </c>
      <c r="AJ973" t="s">
        <v>181</v>
      </c>
      <c r="AK973" t="s">
        <v>181</v>
      </c>
      <c r="AL973" t="s">
        <v>42</v>
      </c>
      <c r="AM973" t="s">
        <v>201</v>
      </c>
      <c r="AN973" t="s">
        <v>184</v>
      </c>
      <c r="AO973" t="s">
        <v>205</v>
      </c>
      <c r="AP973" t="s">
        <v>182</v>
      </c>
      <c r="AQ973" t="s">
        <v>204</v>
      </c>
      <c r="AR973" t="s">
        <v>202</v>
      </c>
      <c r="AS973" t="s">
        <v>206</v>
      </c>
      <c r="AT973" t="s">
        <v>185</v>
      </c>
      <c r="AU973" t="s">
        <v>203</v>
      </c>
      <c r="AV973" t="s">
        <v>183</v>
      </c>
      <c r="BF973" t="s">
        <v>210</v>
      </c>
      <c r="BG973" s="1">
        <v>0</v>
      </c>
      <c r="BH973" t="s">
        <v>247</v>
      </c>
      <c r="BK973" t="s">
        <v>191</v>
      </c>
      <c r="BM973" t="s">
        <v>191</v>
      </c>
      <c r="BO973" t="s">
        <v>191</v>
      </c>
    </row>
    <row r="974" spans="1:69" x14ac:dyDescent="0.25">
      <c r="A974" s="1">
        <v>30450107</v>
      </c>
      <c r="B974" t="s">
        <v>4253</v>
      </c>
      <c r="C974" t="s">
        <v>39</v>
      </c>
      <c r="D974" t="s">
        <v>3727</v>
      </c>
      <c r="E974" t="s">
        <v>175</v>
      </c>
      <c r="L974" t="s">
        <v>52</v>
      </c>
      <c r="M974" s="1">
        <v>0</v>
      </c>
      <c r="N974" s="1">
        <v>0</v>
      </c>
      <c r="O974" t="s">
        <v>3728</v>
      </c>
      <c r="P974" t="s">
        <v>176</v>
      </c>
      <c r="Q974" t="s">
        <v>238</v>
      </c>
      <c r="S974" t="s">
        <v>349</v>
      </c>
      <c r="T974" t="s">
        <v>175</v>
      </c>
      <c r="X974" t="s">
        <v>179</v>
      </c>
      <c r="Y974" t="s">
        <v>224</v>
      </c>
      <c r="AC974" t="s">
        <v>225</v>
      </c>
      <c r="AD974" t="s">
        <v>175</v>
      </c>
      <c r="AE974" t="s">
        <v>175</v>
      </c>
      <c r="AF974" t="s">
        <v>175</v>
      </c>
      <c r="AG974" t="s">
        <v>200</v>
      </c>
      <c r="AH974" t="s">
        <v>200</v>
      </c>
      <c r="AI974" t="s">
        <v>200</v>
      </c>
      <c r="AJ974" t="s">
        <v>175</v>
      </c>
      <c r="AK974" t="s">
        <v>175</v>
      </c>
      <c r="AL974" t="s">
        <v>52</v>
      </c>
      <c r="AM974" t="s">
        <v>184</v>
      </c>
      <c r="AN974" t="s">
        <v>201</v>
      </c>
      <c r="AO974" t="s">
        <v>182</v>
      </c>
      <c r="AP974" t="s">
        <v>183</v>
      </c>
      <c r="AQ974" t="s">
        <v>202</v>
      </c>
      <c r="AR974" t="s">
        <v>203</v>
      </c>
      <c r="AS974" t="s">
        <v>185</v>
      </c>
      <c r="AT974" t="s">
        <v>206</v>
      </c>
      <c r="AU974" t="s">
        <v>205</v>
      </c>
      <c r="AV974" t="s">
        <v>204</v>
      </c>
      <c r="AX974" t="s">
        <v>186</v>
      </c>
      <c r="AY974" t="s">
        <v>187</v>
      </c>
      <c r="AZ974" t="s">
        <v>207</v>
      </c>
      <c r="BA974" t="s">
        <v>188</v>
      </c>
      <c r="BB974" t="s">
        <v>208</v>
      </c>
      <c r="BC974" t="s">
        <v>209</v>
      </c>
      <c r="BF974" t="s">
        <v>49</v>
      </c>
      <c r="BG974" s="1">
        <v>0</v>
      </c>
      <c r="BH974" t="s">
        <v>211</v>
      </c>
      <c r="BK974" t="s">
        <v>191</v>
      </c>
      <c r="BL974" t="s">
        <v>4254</v>
      </c>
      <c r="BM974" t="s">
        <v>191</v>
      </c>
      <c r="BN974" t="s">
        <v>4000</v>
      </c>
      <c r="BO974" t="s">
        <v>191</v>
      </c>
      <c r="BP974" t="s">
        <v>4255</v>
      </c>
    </row>
    <row r="975" spans="1:69" x14ac:dyDescent="0.25">
      <c r="A975" s="1">
        <v>30450111</v>
      </c>
      <c r="B975" t="s">
        <v>121</v>
      </c>
      <c r="C975" t="s">
        <v>39</v>
      </c>
      <c r="L975" s="1">
        <v>0</v>
      </c>
      <c r="M975" s="1">
        <v>0</v>
      </c>
      <c r="N975" s="1">
        <v>0</v>
      </c>
      <c r="O975" s="1">
        <v>0</v>
      </c>
      <c r="P975" s="1">
        <v>0</v>
      </c>
      <c r="Q975" s="1">
        <v>0</v>
      </c>
      <c r="S975" s="1">
        <v>0</v>
      </c>
      <c r="T975" s="1">
        <v>0</v>
      </c>
      <c r="AC975" s="1">
        <v>0</v>
      </c>
      <c r="AD975" s="1">
        <v>0</v>
      </c>
      <c r="AE975" s="1">
        <v>0</v>
      </c>
      <c r="AF975" s="1">
        <v>0</v>
      </c>
      <c r="AG975" s="1">
        <v>0</v>
      </c>
      <c r="AH975" s="1">
        <v>0</v>
      </c>
      <c r="AI975" s="1">
        <v>0</v>
      </c>
      <c r="AJ975" s="1">
        <v>0</v>
      </c>
      <c r="AK975" s="1">
        <v>0</v>
      </c>
      <c r="AL975" s="1">
        <v>0</v>
      </c>
      <c r="AM975" s="1">
        <v>0</v>
      </c>
      <c r="AN975" s="1">
        <v>0</v>
      </c>
      <c r="AO975" s="1">
        <v>0</v>
      </c>
      <c r="AP975" s="1">
        <v>0</v>
      </c>
      <c r="AQ975" s="1">
        <v>0</v>
      </c>
      <c r="AR975" s="1">
        <v>0</v>
      </c>
      <c r="AS975" s="1">
        <v>0</v>
      </c>
      <c r="AT975" s="1">
        <v>0</v>
      </c>
      <c r="AU975" s="1">
        <v>0</v>
      </c>
      <c r="AV975" s="1">
        <v>0</v>
      </c>
      <c r="BF975" s="1">
        <v>0</v>
      </c>
      <c r="BG975" s="1">
        <v>0</v>
      </c>
      <c r="BH975" s="1">
        <v>0</v>
      </c>
      <c r="BK975" s="1">
        <v>0</v>
      </c>
      <c r="BM975" s="1">
        <v>0</v>
      </c>
      <c r="BO975" s="1">
        <v>0</v>
      </c>
    </row>
    <row r="976" spans="1:69" x14ac:dyDescent="0.25">
      <c r="A976" s="1">
        <v>30450112</v>
      </c>
      <c r="B976" t="s">
        <v>122</v>
      </c>
      <c r="C976" t="s">
        <v>39</v>
      </c>
      <c r="L976" s="1">
        <v>0</v>
      </c>
      <c r="M976" s="1">
        <v>0</v>
      </c>
      <c r="N976" s="1">
        <v>0</v>
      </c>
      <c r="O976" s="1">
        <v>0</v>
      </c>
      <c r="P976" s="1">
        <v>0</v>
      </c>
      <c r="Q976" s="1">
        <v>0</v>
      </c>
      <c r="S976" s="1">
        <v>0</v>
      </c>
      <c r="T976" s="1">
        <v>0</v>
      </c>
      <c r="AC976" s="1">
        <v>0</v>
      </c>
      <c r="AD976" s="1">
        <v>0</v>
      </c>
      <c r="AE976" s="1">
        <v>0</v>
      </c>
      <c r="AF976" s="1">
        <v>0</v>
      </c>
      <c r="AG976" s="1">
        <v>0</v>
      </c>
      <c r="AH976" s="1">
        <v>0</v>
      </c>
      <c r="AI976" s="1">
        <v>0</v>
      </c>
      <c r="AJ976" s="1">
        <v>0</v>
      </c>
      <c r="AK976" s="1">
        <v>0</v>
      </c>
      <c r="AL976" s="1">
        <v>0</v>
      </c>
      <c r="AM976" s="1">
        <v>0</v>
      </c>
      <c r="AN976" s="1">
        <v>0</v>
      </c>
      <c r="AO976" s="1">
        <v>0</v>
      </c>
      <c r="AP976" s="1">
        <v>0</v>
      </c>
      <c r="AQ976" s="1">
        <v>0</v>
      </c>
      <c r="AR976" s="1">
        <v>0</v>
      </c>
      <c r="AS976" s="1">
        <v>0</v>
      </c>
      <c r="AT976" s="1">
        <v>0</v>
      </c>
      <c r="AU976" s="1">
        <v>0</v>
      </c>
      <c r="AV976" s="1">
        <v>0</v>
      </c>
      <c r="BF976" s="1">
        <v>0</v>
      </c>
      <c r="BG976" s="1">
        <v>0</v>
      </c>
      <c r="BH976" s="1">
        <v>0</v>
      </c>
      <c r="BK976" s="1">
        <v>0</v>
      </c>
      <c r="BM976" s="1">
        <v>0</v>
      </c>
      <c r="BO976" s="1">
        <v>0</v>
      </c>
    </row>
    <row r="977" spans="1:69" x14ac:dyDescent="0.25">
      <c r="A977" s="1">
        <v>30450114</v>
      </c>
      <c r="B977" t="s">
        <v>4256</v>
      </c>
      <c r="C977" t="s">
        <v>39</v>
      </c>
      <c r="D977" t="s">
        <v>3727</v>
      </c>
      <c r="E977" t="s">
        <v>175</v>
      </c>
      <c r="L977" t="s">
        <v>52</v>
      </c>
      <c r="M977" s="1">
        <v>0</v>
      </c>
      <c r="N977" s="1">
        <v>0</v>
      </c>
      <c r="O977" t="s">
        <v>3728</v>
      </c>
      <c r="P977" t="s">
        <v>216</v>
      </c>
      <c r="Q977" t="s">
        <v>328</v>
      </c>
      <c r="S977" s="1">
        <v>0</v>
      </c>
      <c r="T977" t="s">
        <v>175</v>
      </c>
      <c r="AA977" t="s">
        <v>273</v>
      </c>
      <c r="AB977" t="s">
        <v>4257</v>
      </c>
      <c r="AC977" t="s">
        <v>199</v>
      </c>
      <c r="AD977" t="s">
        <v>175</v>
      </c>
      <c r="AE977" t="s">
        <v>175</v>
      </c>
      <c r="AF977" t="s">
        <v>181</v>
      </c>
      <c r="AG977" t="s">
        <v>181</v>
      </c>
      <c r="AH977" t="s">
        <v>200</v>
      </c>
      <c r="AI977" t="s">
        <v>181</v>
      </c>
      <c r="AJ977" t="s">
        <v>175</v>
      </c>
      <c r="AK977" t="s">
        <v>181</v>
      </c>
      <c r="AL977" t="s">
        <v>42</v>
      </c>
      <c r="AM977" s="1">
        <v>0</v>
      </c>
      <c r="AN977" s="1">
        <v>0</v>
      </c>
      <c r="AO977" s="1">
        <v>0</v>
      </c>
      <c r="AP977" s="1">
        <v>0</v>
      </c>
      <c r="AQ977" s="1">
        <v>0</v>
      </c>
      <c r="AR977" s="1">
        <v>0</v>
      </c>
      <c r="AS977" s="1">
        <v>0</v>
      </c>
      <c r="AT977" s="1">
        <v>0</v>
      </c>
      <c r="AU977" s="1">
        <v>0</v>
      </c>
      <c r="AV977" s="1">
        <v>0</v>
      </c>
      <c r="BF977" s="1">
        <v>0</v>
      </c>
      <c r="BG977" s="1">
        <v>0</v>
      </c>
      <c r="BH977" s="1">
        <v>0</v>
      </c>
      <c r="BK977" s="1">
        <v>0</v>
      </c>
      <c r="BM977" s="1">
        <v>0</v>
      </c>
      <c r="BO977" s="1">
        <v>0</v>
      </c>
    </row>
    <row r="978" spans="1:69" x14ac:dyDescent="0.25">
      <c r="A978" s="1">
        <v>30450118</v>
      </c>
      <c r="B978" t="s">
        <v>1354</v>
      </c>
      <c r="C978" t="s">
        <v>39</v>
      </c>
      <c r="D978" t="s">
        <v>942</v>
      </c>
      <c r="E978" t="s">
        <v>195</v>
      </c>
      <c r="L978" t="s">
        <v>52</v>
      </c>
      <c r="M978" s="1">
        <v>0</v>
      </c>
      <c r="N978" s="1">
        <v>0</v>
      </c>
      <c r="O978" t="s">
        <v>942</v>
      </c>
      <c r="P978" t="s">
        <v>176</v>
      </c>
      <c r="Q978" t="s">
        <v>177</v>
      </c>
      <c r="S978" t="s">
        <v>178</v>
      </c>
      <c r="T978" s="1">
        <v>0</v>
      </c>
      <c r="AC978" s="1">
        <v>0</v>
      </c>
      <c r="AD978" s="1">
        <v>0</v>
      </c>
      <c r="AE978" s="1">
        <v>0</v>
      </c>
      <c r="AF978" s="1">
        <v>0</v>
      </c>
      <c r="AG978" s="1">
        <v>0</v>
      </c>
      <c r="AH978" s="1">
        <v>0</v>
      </c>
      <c r="AI978" s="1">
        <v>0</v>
      </c>
      <c r="AJ978" s="1">
        <v>0</v>
      </c>
      <c r="AK978" s="1">
        <v>0</v>
      </c>
      <c r="AL978" s="1">
        <v>0</v>
      </c>
      <c r="AM978" s="1">
        <v>0</v>
      </c>
      <c r="AN978" s="1">
        <v>0</v>
      </c>
      <c r="AO978" s="1">
        <v>0</v>
      </c>
      <c r="AP978" s="1">
        <v>0</v>
      </c>
      <c r="AQ978" s="1">
        <v>0</v>
      </c>
      <c r="AR978" s="1">
        <v>0</v>
      </c>
      <c r="AS978" s="1">
        <v>0</v>
      </c>
      <c r="AT978" s="1">
        <v>0</v>
      </c>
      <c r="AU978" s="1">
        <v>0</v>
      </c>
      <c r="AV978" s="1">
        <v>0</v>
      </c>
      <c r="BF978" s="1">
        <v>0</v>
      </c>
      <c r="BG978" s="1">
        <v>0</v>
      </c>
      <c r="BH978" s="1">
        <v>0</v>
      </c>
      <c r="BK978" s="1">
        <v>0</v>
      </c>
      <c r="BM978" s="1">
        <v>0</v>
      </c>
      <c r="BO978" s="1">
        <v>0</v>
      </c>
    </row>
    <row r="979" spans="1:69" x14ac:dyDescent="0.25">
      <c r="A979" s="1">
        <v>30450123</v>
      </c>
      <c r="B979" t="s">
        <v>4258</v>
      </c>
      <c r="C979" t="s">
        <v>39</v>
      </c>
      <c r="D979" t="s">
        <v>3727</v>
      </c>
      <c r="E979" t="s">
        <v>175</v>
      </c>
      <c r="L979" t="s">
        <v>52</v>
      </c>
      <c r="M979" s="1">
        <v>0</v>
      </c>
      <c r="N979" s="1">
        <v>0</v>
      </c>
      <c r="O979" t="s">
        <v>3728</v>
      </c>
      <c r="P979" t="s">
        <v>176</v>
      </c>
      <c r="Q979" t="s">
        <v>196</v>
      </c>
      <c r="S979" t="s">
        <v>178</v>
      </c>
      <c r="T979" t="s">
        <v>175</v>
      </c>
      <c r="X979" t="s">
        <v>179</v>
      </c>
      <c r="AA979" t="s">
        <v>273</v>
      </c>
      <c r="AB979" t="s">
        <v>4259</v>
      </c>
      <c r="AC979" t="s">
        <v>180</v>
      </c>
      <c r="AD979" t="s">
        <v>200</v>
      </c>
      <c r="AE979" t="s">
        <v>200</v>
      </c>
      <c r="AF979" t="s">
        <v>200</v>
      </c>
      <c r="AG979" t="s">
        <v>200</v>
      </c>
      <c r="AH979" t="s">
        <v>200</v>
      </c>
      <c r="AI979" t="s">
        <v>200</v>
      </c>
      <c r="AJ979" t="s">
        <v>200</v>
      </c>
      <c r="AK979" t="s">
        <v>200</v>
      </c>
      <c r="AL979" t="s">
        <v>42</v>
      </c>
      <c r="AM979" s="1">
        <v>0</v>
      </c>
      <c r="AN979" s="1">
        <v>0</v>
      </c>
      <c r="AO979" s="1">
        <v>0</v>
      </c>
      <c r="AP979" t="s">
        <v>185</v>
      </c>
      <c r="AQ979" s="1">
        <v>0</v>
      </c>
      <c r="AR979" s="1">
        <v>0</v>
      </c>
      <c r="AS979" s="1">
        <v>0</v>
      </c>
      <c r="AT979" s="1">
        <v>0</v>
      </c>
      <c r="AU979" s="1">
        <v>0</v>
      </c>
      <c r="AV979" s="1">
        <v>0</v>
      </c>
      <c r="AW979" t="s">
        <v>4260</v>
      </c>
      <c r="AY979" t="s">
        <v>187</v>
      </c>
      <c r="AZ979" t="s">
        <v>207</v>
      </c>
      <c r="BD979" t="s">
        <v>273</v>
      </c>
      <c r="BE979" t="s">
        <v>4261</v>
      </c>
      <c r="BF979" t="s">
        <v>210</v>
      </c>
      <c r="BG979" s="1">
        <v>0</v>
      </c>
      <c r="BH979" t="s">
        <v>247</v>
      </c>
      <c r="BK979" t="s">
        <v>191</v>
      </c>
      <c r="BL979" t="s">
        <v>4262</v>
      </c>
      <c r="BM979" t="s">
        <v>191</v>
      </c>
      <c r="BN979" t="s">
        <v>4262</v>
      </c>
      <c r="BO979" t="s">
        <v>218</v>
      </c>
      <c r="BP979" t="s">
        <v>4263</v>
      </c>
    </row>
    <row r="980" spans="1:69" x14ac:dyDescent="0.25">
      <c r="A980" s="1">
        <v>30450126</v>
      </c>
      <c r="B980" t="s">
        <v>2886</v>
      </c>
      <c r="C980" t="s">
        <v>39</v>
      </c>
      <c r="D980" t="s">
        <v>2512</v>
      </c>
      <c r="E980" t="s">
        <v>200</v>
      </c>
      <c r="L980" t="s">
        <v>52</v>
      </c>
      <c r="M980" s="1">
        <v>0</v>
      </c>
      <c r="N980" s="1">
        <v>0</v>
      </c>
      <c r="O980" t="s">
        <v>2512</v>
      </c>
      <c r="P980" t="s">
        <v>216</v>
      </c>
      <c r="Q980" t="s">
        <v>322</v>
      </c>
      <c r="S980" s="1">
        <v>0</v>
      </c>
      <c r="T980" t="s">
        <v>200</v>
      </c>
      <c r="Y980" t="s">
        <v>224</v>
      </c>
      <c r="Z980" t="s">
        <v>244</v>
      </c>
      <c r="AC980" t="s">
        <v>180</v>
      </c>
      <c r="AD980" t="s">
        <v>175</v>
      </c>
      <c r="AE980" t="s">
        <v>175</v>
      </c>
      <c r="AF980" t="s">
        <v>175</v>
      </c>
      <c r="AG980" t="s">
        <v>175</v>
      </c>
      <c r="AH980" t="s">
        <v>200</v>
      </c>
      <c r="AI980" t="s">
        <v>200</v>
      </c>
      <c r="AJ980" t="s">
        <v>175</v>
      </c>
      <c r="AK980" t="s">
        <v>175</v>
      </c>
      <c r="AL980" t="s">
        <v>52</v>
      </c>
      <c r="AM980" s="1">
        <v>0</v>
      </c>
      <c r="AN980" s="1">
        <v>0</v>
      </c>
      <c r="AO980" s="1">
        <v>0</v>
      </c>
      <c r="AP980" t="s">
        <v>182</v>
      </c>
      <c r="AQ980" t="s">
        <v>184</v>
      </c>
      <c r="AR980" s="1">
        <v>0</v>
      </c>
      <c r="AS980" t="s">
        <v>185</v>
      </c>
      <c r="AT980" s="1">
        <v>0</v>
      </c>
      <c r="AU980" s="1">
        <v>0</v>
      </c>
      <c r="AV980" s="1">
        <v>0</v>
      </c>
      <c r="AX980" t="s">
        <v>186</v>
      </c>
      <c r="BA980" t="s">
        <v>188</v>
      </c>
      <c r="BB980" t="s">
        <v>208</v>
      </c>
      <c r="BC980" t="s">
        <v>209</v>
      </c>
      <c r="BF980" t="s">
        <v>292</v>
      </c>
      <c r="BG980" t="s">
        <v>301</v>
      </c>
      <c r="BH980" t="s">
        <v>211</v>
      </c>
      <c r="BK980" t="s">
        <v>191</v>
      </c>
      <c r="BL980" t="s">
        <v>2887</v>
      </c>
      <c r="BM980" t="s">
        <v>218</v>
      </c>
      <c r="BO980" t="s">
        <v>191</v>
      </c>
    </row>
    <row r="981" spans="1:69" x14ac:dyDescent="0.25">
      <c r="A981" s="1">
        <v>30450128</v>
      </c>
      <c r="B981" t="s">
        <v>4264</v>
      </c>
      <c r="C981" t="s">
        <v>39</v>
      </c>
      <c r="D981" t="s">
        <v>3727</v>
      </c>
      <c r="E981" t="s">
        <v>175</v>
      </c>
      <c r="L981" t="s">
        <v>52</v>
      </c>
      <c r="M981" s="1">
        <v>0</v>
      </c>
      <c r="N981" s="1">
        <v>0</v>
      </c>
      <c r="O981" t="s">
        <v>3728</v>
      </c>
      <c r="P981" t="s">
        <v>176</v>
      </c>
      <c r="Q981" t="s">
        <v>177</v>
      </c>
      <c r="S981" t="s">
        <v>178</v>
      </c>
      <c r="T981" t="s">
        <v>175</v>
      </c>
      <c r="X981" t="s">
        <v>179</v>
      </c>
      <c r="AC981" t="s">
        <v>180</v>
      </c>
      <c r="AD981" t="s">
        <v>175</v>
      </c>
      <c r="AE981" t="s">
        <v>175</v>
      </c>
      <c r="AF981" t="s">
        <v>175</v>
      </c>
      <c r="AG981" t="s">
        <v>175</v>
      </c>
      <c r="AH981" t="s">
        <v>175</v>
      </c>
      <c r="AI981" t="s">
        <v>175</v>
      </c>
      <c r="AJ981" t="s">
        <v>181</v>
      </c>
      <c r="AK981" t="s">
        <v>181</v>
      </c>
      <c r="AL981" t="s">
        <v>42</v>
      </c>
      <c r="AM981" t="s">
        <v>201</v>
      </c>
      <c r="AN981" s="1">
        <v>0</v>
      </c>
      <c r="AO981" t="s">
        <v>183</v>
      </c>
      <c r="AP981" t="s">
        <v>182</v>
      </c>
      <c r="AQ981" t="s">
        <v>205</v>
      </c>
      <c r="AR981" t="s">
        <v>204</v>
      </c>
      <c r="AS981" t="s">
        <v>185</v>
      </c>
      <c r="AT981" s="1">
        <v>0</v>
      </c>
      <c r="AU981" t="s">
        <v>206</v>
      </c>
      <c r="AV981" t="s">
        <v>184</v>
      </c>
      <c r="AW981" t="s">
        <v>4265</v>
      </c>
      <c r="AX981" t="s">
        <v>186</v>
      </c>
      <c r="AY981" t="s">
        <v>187</v>
      </c>
      <c r="AZ981" t="s">
        <v>207</v>
      </c>
      <c r="BA981" t="s">
        <v>188</v>
      </c>
      <c r="BC981" t="s">
        <v>209</v>
      </c>
      <c r="BF981" t="s">
        <v>210</v>
      </c>
      <c r="BG981" s="1">
        <v>0</v>
      </c>
      <c r="BH981" t="s">
        <v>211</v>
      </c>
      <c r="BK981" t="s">
        <v>191</v>
      </c>
      <c r="BM981" t="s">
        <v>191</v>
      </c>
      <c r="BO981" t="s">
        <v>191</v>
      </c>
      <c r="BQ981" t="s">
        <v>4266</v>
      </c>
    </row>
    <row r="982" spans="1:69" x14ac:dyDescent="0.25">
      <c r="A982" s="1">
        <v>30450129</v>
      </c>
      <c r="B982" t="s">
        <v>3493</v>
      </c>
      <c r="C982" t="s">
        <v>39</v>
      </c>
      <c r="D982" t="s">
        <v>3138</v>
      </c>
      <c r="E982" t="s">
        <v>200</v>
      </c>
      <c r="L982" t="s">
        <v>52</v>
      </c>
      <c r="M982" s="1">
        <v>0</v>
      </c>
      <c r="N982" s="1">
        <v>0</v>
      </c>
      <c r="O982" t="s">
        <v>3139</v>
      </c>
      <c r="P982" t="s">
        <v>216</v>
      </c>
      <c r="Q982" t="s">
        <v>322</v>
      </c>
      <c r="S982" s="1">
        <v>0</v>
      </c>
      <c r="T982" t="s">
        <v>200</v>
      </c>
      <c r="W982" t="s">
        <v>262</v>
      </c>
      <c r="Z982" t="s">
        <v>244</v>
      </c>
      <c r="AC982" t="s">
        <v>180</v>
      </c>
      <c r="AD982" t="s">
        <v>200</v>
      </c>
      <c r="AE982" t="s">
        <v>200</v>
      </c>
      <c r="AF982" t="s">
        <v>200</v>
      </c>
      <c r="AG982" t="s">
        <v>200</v>
      </c>
      <c r="AH982" t="s">
        <v>200</v>
      </c>
      <c r="AI982" t="s">
        <v>200</v>
      </c>
      <c r="AJ982" t="s">
        <v>200</v>
      </c>
      <c r="AK982" t="s">
        <v>200</v>
      </c>
      <c r="AL982" t="s">
        <v>42</v>
      </c>
      <c r="AM982" t="s">
        <v>183</v>
      </c>
      <c r="AN982" t="s">
        <v>201</v>
      </c>
      <c r="AO982" t="s">
        <v>204</v>
      </c>
      <c r="AP982" t="s">
        <v>185</v>
      </c>
      <c r="AQ982" t="s">
        <v>182</v>
      </c>
      <c r="AR982" t="s">
        <v>202</v>
      </c>
      <c r="AS982" t="s">
        <v>203</v>
      </c>
      <c r="AT982" t="s">
        <v>206</v>
      </c>
      <c r="AU982" t="s">
        <v>205</v>
      </c>
      <c r="AV982" t="s">
        <v>184</v>
      </c>
      <c r="AW982" t="s">
        <v>3494</v>
      </c>
      <c r="AX982" t="s">
        <v>186</v>
      </c>
      <c r="BF982" t="s">
        <v>210</v>
      </c>
      <c r="BG982" s="1">
        <v>0</v>
      </c>
      <c r="BH982" t="s">
        <v>211</v>
      </c>
      <c r="BK982" t="s">
        <v>191</v>
      </c>
      <c r="BL982" t="s">
        <v>3495</v>
      </c>
      <c r="BM982" t="s">
        <v>191</v>
      </c>
      <c r="BN982" t="s">
        <v>3496</v>
      </c>
      <c r="BO982" t="s">
        <v>218</v>
      </c>
      <c r="BP982" t="s">
        <v>3497</v>
      </c>
      <c r="BQ982" t="s">
        <v>3498</v>
      </c>
    </row>
    <row r="983" spans="1:69" x14ac:dyDescent="0.25">
      <c r="A983" s="1">
        <v>30450130</v>
      </c>
      <c r="B983" t="s">
        <v>123</v>
      </c>
      <c r="C983" t="s">
        <v>39</v>
      </c>
      <c r="L983" s="1">
        <v>0</v>
      </c>
      <c r="M983" s="1">
        <v>0</v>
      </c>
      <c r="N983" s="1">
        <v>0</v>
      </c>
      <c r="O983" s="1">
        <v>0</v>
      </c>
      <c r="P983" s="1">
        <v>0</v>
      </c>
      <c r="Q983" s="1">
        <v>0</v>
      </c>
      <c r="S983" s="1">
        <v>0</v>
      </c>
      <c r="T983" s="1">
        <v>0</v>
      </c>
      <c r="AC983" s="1">
        <v>0</v>
      </c>
      <c r="AD983" s="1">
        <v>0</v>
      </c>
      <c r="AE983" s="1">
        <v>0</v>
      </c>
      <c r="AF983" s="1">
        <v>0</v>
      </c>
      <c r="AG983" s="1">
        <v>0</v>
      </c>
      <c r="AH983" s="1">
        <v>0</v>
      </c>
      <c r="AI983" s="1">
        <v>0</v>
      </c>
      <c r="AJ983" s="1">
        <v>0</v>
      </c>
      <c r="AK983" s="1">
        <v>0</v>
      </c>
      <c r="AL983" s="1">
        <v>0</v>
      </c>
      <c r="AM983" s="1">
        <v>0</v>
      </c>
      <c r="AN983" s="1">
        <v>0</v>
      </c>
      <c r="AO983" s="1">
        <v>0</v>
      </c>
      <c r="AP983" s="1">
        <v>0</v>
      </c>
      <c r="AQ983" s="1">
        <v>0</v>
      </c>
      <c r="AR983" s="1">
        <v>0</v>
      </c>
      <c r="AS983" s="1">
        <v>0</v>
      </c>
      <c r="AT983" s="1">
        <v>0</v>
      </c>
      <c r="AU983" s="1">
        <v>0</v>
      </c>
      <c r="AV983" s="1">
        <v>0</v>
      </c>
      <c r="BF983" s="1">
        <v>0</v>
      </c>
      <c r="BG983" s="1">
        <v>0</v>
      </c>
      <c r="BH983" s="1">
        <v>0</v>
      </c>
      <c r="BK983" s="1">
        <v>0</v>
      </c>
      <c r="BM983" s="1">
        <v>0</v>
      </c>
      <c r="BO983" s="1">
        <v>0</v>
      </c>
    </row>
    <row r="984" spans="1:69" x14ac:dyDescent="0.25">
      <c r="A984" s="1">
        <v>30450131</v>
      </c>
      <c r="B984" t="s">
        <v>2888</v>
      </c>
      <c r="C984" t="s">
        <v>39</v>
      </c>
      <c r="D984" t="s">
        <v>2512</v>
      </c>
      <c r="E984" t="s">
        <v>175</v>
      </c>
      <c r="L984" t="s">
        <v>52</v>
      </c>
      <c r="M984" s="1">
        <v>0</v>
      </c>
      <c r="N984" s="1">
        <v>0</v>
      </c>
      <c r="O984" t="s">
        <v>2512</v>
      </c>
      <c r="P984" t="s">
        <v>176</v>
      </c>
      <c r="Q984" t="s">
        <v>238</v>
      </c>
      <c r="S984" t="s">
        <v>178</v>
      </c>
      <c r="T984" t="s">
        <v>175</v>
      </c>
      <c r="W984" t="s">
        <v>262</v>
      </c>
      <c r="AC984" t="s">
        <v>180</v>
      </c>
      <c r="AD984" t="s">
        <v>175</v>
      </c>
      <c r="AE984" t="s">
        <v>175</v>
      </c>
      <c r="AF984" t="s">
        <v>175</v>
      </c>
      <c r="AG984" t="s">
        <v>175</v>
      </c>
      <c r="AH984" t="s">
        <v>175</v>
      </c>
      <c r="AI984" t="s">
        <v>175</v>
      </c>
      <c r="AJ984" t="s">
        <v>175</v>
      </c>
      <c r="AK984" t="s">
        <v>175</v>
      </c>
      <c r="AL984" t="s">
        <v>42</v>
      </c>
      <c r="AM984" s="1">
        <v>0</v>
      </c>
      <c r="AN984" t="s">
        <v>183</v>
      </c>
      <c r="AO984" t="s">
        <v>184</v>
      </c>
      <c r="AP984" t="s">
        <v>185</v>
      </c>
      <c r="AQ984" s="1">
        <v>0</v>
      </c>
      <c r="AR984" s="1">
        <v>0</v>
      </c>
      <c r="AS984" s="1">
        <v>0</v>
      </c>
      <c r="AT984" s="1">
        <v>0</v>
      </c>
      <c r="AU984" t="s">
        <v>182</v>
      </c>
      <c r="AV984" t="s">
        <v>201</v>
      </c>
      <c r="AW984" t="s">
        <v>2889</v>
      </c>
      <c r="AX984" t="s">
        <v>186</v>
      </c>
      <c r="AY984" t="s">
        <v>187</v>
      </c>
      <c r="AZ984" t="s">
        <v>207</v>
      </c>
      <c r="BA984" t="s">
        <v>188</v>
      </c>
      <c r="BC984" t="s">
        <v>209</v>
      </c>
      <c r="BF984" t="s">
        <v>210</v>
      </c>
      <c r="BG984" s="1">
        <v>0</v>
      </c>
      <c r="BH984" t="s">
        <v>247</v>
      </c>
      <c r="BK984" t="s">
        <v>191</v>
      </c>
      <c r="BL984" t="s">
        <v>2890</v>
      </c>
      <c r="BM984" t="s">
        <v>191</v>
      </c>
      <c r="BN984" t="s">
        <v>2891</v>
      </c>
      <c r="BO984" t="s">
        <v>218</v>
      </c>
      <c r="BP984" t="s">
        <v>2892</v>
      </c>
    </row>
    <row r="985" spans="1:69" x14ac:dyDescent="0.25">
      <c r="A985" s="1">
        <v>30450132</v>
      </c>
      <c r="B985" t="s">
        <v>4267</v>
      </c>
      <c r="C985" t="s">
        <v>39</v>
      </c>
      <c r="D985" t="s">
        <v>3727</v>
      </c>
      <c r="E985" t="s">
        <v>200</v>
      </c>
      <c r="L985" t="s">
        <v>52</v>
      </c>
      <c r="M985" s="1">
        <v>0</v>
      </c>
      <c r="N985" s="1">
        <v>0</v>
      </c>
      <c r="O985" t="s">
        <v>3728</v>
      </c>
      <c r="P985" t="s">
        <v>176</v>
      </c>
      <c r="Q985" t="s">
        <v>196</v>
      </c>
      <c r="S985" t="s">
        <v>256</v>
      </c>
      <c r="T985" t="s">
        <v>200</v>
      </c>
      <c r="W985" t="s">
        <v>262</v>
      </c>
      <c r="X985" t="s">
        <v>179</v>
      </c>
      <c r="Z985" t="s">
        <v>244</v>
      </c>
      <c r="AC985" t="s">
        <v>180</v>
      </c>
      <c r="AD985" t="s">
        <v>200</v>
      </c>
      <c r="AE985" t="s">
        <v>200</v>
      </c>
      <c r="AF985" t="s">
        <v>175</v>
      </c>
      <c r="AG985" t="s">
        <v>200</v>
      </c>
      <c r="AH985" t="s">
        <v>200</v>
      </c>
      <c r="AI985" t="s">
        <v>200</v>
      </c>
      <c r="AJ985" t="s">
        <v>200</v>
      </c>
      <c r="AK985" t="s">
        <v>200</v>
      </c>
      <c r="AL985" t="s">
        <v>52</v>
      </c>
      <c r="AM985" t="s">
        <v>182</v>
      </c>
      <c r="AN985" t="s">
        <v>183</v>
      </c>
      <c r="AO985" t="s">
        <v>185</v>
      </c>
      <c r="AP985" t="s">
        <v>184</v>
      </c>
      <c r="AQ985" t="s">
        <v>202</v>
      </c>
      <c r="AR985" t="s">
        <v>203</v>
      </c>
      <c r="AS985" t="s">
        <v>204</v>
      </c>
      <c r="AT985" t="s">
        <v>201</v>
      </c>
      <c r="AU985" t="s">
        <v>206</v>
      </c>
      <c r="AV985" t="s">
        <v>205</v>
      </c>
      <c r="AX985" t="s">
        <v>186</v>
      </c>
      <c r="AZ985" t="s">
        <v>207</v>
      </c>
      <c r="BA985" t="s">
        <v>188</v>
      </c>
      <c r="BF985" t="s">
        <v>210</v>
      </c>
      <c r="BG985" s="1">
        <v>0</v>
      </c>
      <c r="BH985" t="s">
        <v>464</v>
      </c>
      <c r="BK985" t="s">
        <v>191</v>
      </c>
      <c r="BM985" t="s">
        <v>218</v>
      </c>
      <c r="BO985" t="s">
        <v>218</v>
      </c>
    </row>
    <row r="986" spans="1:69" x14ac:dyDescent="0.25">
      <c r="A986" s="1">
        <v>30450133</v>
      </c>
      <c r="B986" t="s">
        <v>2893</v>
      </c>
      <c r="C986" t="s">
        <v>39</v>
      </c>
      <c r="D986" t="s">
        <v>2512</v>
      </c>
      <c r="E986" t="s">
        <v>200</v>
      </c>
      <c r="L986" t="s">
        <v>52</v>
      </c>
      <c r="M986" s="1">
        <v>0</v>
      </c>
      <c r="N986" s="1">
        <v>0</v>
      </c>
      <c r="O986" t="s">
        <v>2512</v>
      </c>
      <c r="P986" t="s">
        <v>176</v>
      </c>
      <c r="Q986" t="s">
        <v>238</v>
      </c>
      <c r="S986" t="s">
        <v>178</v>
      </c>
      <c r="T986" t="s">
        <v>200</v>
      </c>
      <c r="W986" t="s">
        <v>262</v>
      </c>
      <c r="AC986" t="s">
        <v>180</v>
      </c>
      <c r="AD986" t="s">
        <v>181</v>
      </c>
      <c r="AE986" t="s">
        <v>181</v>
      </c>
      <c r="AF986" t="s">
        <v>181</v>
      </c>
      <c r="AG986" t="s">
        <v>175</v>
      </c>
      <c r="AH986" t="s">
        <v>200</v>
      </c>
      <c r="AI986" t="s">
        <v>200</v>
      </c>
      <c r="AJ986" t="s">
        <v>175</v>
      </c>
      <c r="AK986" t="s">
        <v>175</v>
      </c>
      <c r="AL986" t="s">
        <v>52</v>
      </c>
      <c r="AM986" t="s">
        <v>202</v>
      </c>
      <c r="AN986" t="s">
        <v>184</v>
      </c>
      <c r="AO986" t="s">
        <v>206</v>
      </c>
      <c r="AP986" t="s">
        <v>201</v>
      </c>
      <c r="AQ986" t="s">
        <v>204</v>
      </c>
      <c r="AR986" t="s">
        <v>205</v>
      </c>
      <c r="AS986" t="s">
        <v>185</v>
      </c>
      <c r="AT986" t="s">
        <v>183</v>
      </c>
      <c r="AU986" t="s">
        <v>182</v>
      </c>
      <c r="AV986" t="s">
        <v>203</v>
      </c>
      <c r="BA986" t="s">
        <v>188</v>
      </c>
      <c r="BB986" t="s">
        <v>208</v>
      </c>
      <c r="BC986" t="s">
        <v>209</v>
      </c>
      <c r="BF986" t="s">
        <v>210</v>
      </c>
      <c r="BG986" s="1">
        <v>0</v>
      </c>
      <c r="BH986" t="s">
        <v>211</v>
      </c>
      <c r="BK986" t="s">
        <v>191</v>
      </c>
      <c r="BL986" t="s">
        <v>401</v>
      </c>
      <c r="BM986" t="s">
        <v>191</v>
      </c>
      <c r="BN986" t="s">
        <v>2894</v>
      </c>
      <c r="BO986" t="s">
        <v>191</v>
      </c>
      <c r="BP986" t="s">
        <v>2895</v>
      </c>
    </row>
    <row r="987" spans="1:69" x14ac:dyDescent="0.25">
      <c r="A987" s="1">
        <v>30450137</v>
      </c>
      <c r="B987" t="s">
        <v>2130</v>
      </c>
      <c r="C987" t="s">
        <v>39</v>
      </c>
      <c r="D987" t="s">
        <v>1616</v>
      </c>
      <c r="E987" t="s">
        <v>200</v>
      </c>
      <c r="L987" t="s">
        <v>52</v>
      </c>
      <c r="M987" s="1">
        <v>0</v>
      </c>
      <c r="N987" s="1">
        <v>0</v>
      </c>
      <c r="O987" t="s">
        <v>1616</v>
      </c>
      <c r="P987" t="s">
        <v>216</v>
      </c>
      <c r="Q987" t="s">
        <v>322</v>
      </c>
      <c r="S987" s="1">
        <v>0</v>
      </c>
      <c r="T987" t="s">
        <v>200</v>
      </c>
      <c r="Y987" t="s">
        <v>224</v>
      </c>
      <c r="AC987" t="s">
        <v>180</v>
      </c>
      <c r="AD987" t="s">
        <v>200</v>
      </c>
      <c r="AE987" t="s">
        <v>200</v>
      </c>
      <c r="AF987" t="s">
        <v>200</v>
      </c>
      <c r="AG987" t="s">
        <v>200</v>
      </c>
      <c r="AH987" t="s">
        <v>200</v>
      </c>
      <c r="AI987" t="s">
        <v>200</v>
      </c>
      <c r="AJ987" t="s">
        <v>200</v>
      </c>
      <c r="AK987" t="s">
        <v>200</v>
      </c>
      <c r="AL987" t="s">
        <v>42</v>
      </c>
      <c r="AM987" t="s">
        <v>185</v>
      </c>
      <c r="AN987" t="s">
        <v>201</v>
      </c>
      <c r="AO987" t="s">
        <v>182</v>
      </c>
      <c r="AP987" t="s">
        <v>184</v>
      </c>
      <c r="AQ987" t="s">
        <v>202</v>
      </c>
      <c r="AR987" t="s">
        <v>203</v>
      </c>
      <c r="AS987" t="s">
        <v>204</v>
      </c>
      <c r="AT987" t="s">
        <v>206</v>
      </c>
      <c r="AU987" t="s">
        <v>205</v>
      </c>
      <c r="AV987" t="s">
        <v>183</v>
      </c>
      <c r="AY987" t="s">
        <v>187</v>
      </c>
      <c r="AZ987" t="s">
        <v>207</v>
      </c>
      <c r="BA987" t="s">
        <v>188</v>
      </c>
      <c r="BF987" t="s">
        <v>210</v>
      </c>
      <c r="BG987" s="1">
        <v>0</v>
      </c>
      <c r="BH987" t="s">
        <v>190</v>
      </c>
      <c r="BK987" t="s">
        <v>191</v>
      </c>
      <c r="BL987" t="s">
        <v>2131</v>
      </c>
      <c r="BM987" t="s">
        <v>218</v>
      </c>
      <c r="BN987" t="s">
        <v>2132</v>
      </c>
      <c r="BO987" t="s">
        <v>218</v>
      </c>
      <c r="BP987" t="s">
        <v>2133</v>
      </c>
      <c r="BQ987" t="s">
        <v>2134</v>
      </c>
    </row>
    <row r="988" spans="1:69" x14ac:dyDescent="0.25">
      <c r="A988" s="1">
        <v>30450138</v>
      </c>
      <c r="B988" t="s">
        <v>2896</v>
      </c>
      <c r="C988" t="s">
        <v>39</v>
      </c>
      <c r="D988" t="s">
        <v>2512</v>
      </c>
      <c r="E988" t="s">
        <v>175</v>
      </c>
      <c r="L988" t="s">
        <v>52</v>
      </c>
      <c r="M988" s="1">
        <v>0</v>
      </c>
      <c r="N988" s="1">
        <v>0</v>
      </c>
      <c r="O988" t="s">
        <v>2512</v>
      </c>
      <c r="P988" t="s">
        <v>176</v>
      </c>
      <c r="Q988" t="s">
        <v>238</v>
      </c>
      <c r="S988" t="s">
        <v>178</v>
      </c>
      <c r="T988" t="s">
        <v>175</v>
      </c>
      <c r="Y988" t="s">
        <v>224</v>
      </c>
      <c r="AC988" t="s">
        <v>266</v>
      </c>
      <c r="AD988" t="s">
        <v>175</v>
      </c>
      <c r="AE988" t="s">
        <v>175</v>
      </c>
      <c r="AF988" t="s">
        <v>175</v>
      </c>
      <c r="AG988" t="s">
        <v>175</v>
      </c>
      <c r="AH988" t="s">
        <v>175</v>
      </c>
      <c r="AI988" t="s">
        <v>175</v>
      </c>
      <c r="AJ988" t="s">
        <v>230</v>
      </c>
      <c r="AK988" t="s">
        <v>175</v>
      </c>
      <c r="AL988" t="s">
        <v>42</v>
      </c>
      <c r="AM988" s="1">
        <v>0</v>
      </c>
      <c r="AN988" s="1">
        <v>0</v>
      </c>
      <c r="AO988" s="1">
        <v>0</v>
      </c>
      <c r="AP988" s="1">
        <v>0</v>
      </c>
      <c r="AQ988" s="1">
        <v>0</v>
      </c>
      <c r="AR988" s="1">
        <v>0</v>
      </c>
      <c r="AS988" s="1">
        <v>0</v>
      </c>
      <c r="AT988" s="1">
        <v>0</v>
      </c>
      <c r="AU988" s="1">
        <v>0</v>
      </c>
      <c r="AV988" s="1">
        <v>0</v>
      </c>
      <c r="AY988" t="s">
        <v>187</v>
      </c>
      <c r="BA988" t="s">
        <v>188</v>
      </c>
      <c r="BF988" t="s">
        <v>210</v>
      </c>
      <c r="BG988" s="1">
        <v>0</v>
      </c>
      <c r="BH988" t="s">
        <v>211</v>
      </c>
      <c r="BK988" t="s">
        <v>191</v>
      </c>
      <c r="BM988" t="s">
        <v>191</v>
      </c>
      <c r="BO988" t="s">
        <v>191</v>
      </c>
    </row>
    <row r="989" spans="1:69" x14ac:dyDescent="0.25">
      <c r="A989" s="1">
        <v>30450139</v>
      </c>
      <c r="B989" t="s">
        <v>646</v>
      </c>
      <c r="C989" t="s">
        <v>39</v>
      </c>
      <c r="D989" t="s">
        <v>174</v>
      </c>
      <c r="E989" t="s">
        <v>195</v>
      </c>
      <c r="L989" t="s">
        <v>52</v>
      </c>
      <c r="M989" s="1">
        <v>0</v>
      </c>
      <c r="N989" s="1">
        <v>0</v>
      </c>
      <c r="O989" t="s">
        <v>174</v>
      </c>
      <c r="P989" t="s">
        <v>176</v>
      </c>
      <c r="Q989" t="s">
        <v>177</v>
      </c>
      <c r="S989" t="s">
        <v>178</v>
      </c>
      <c r="T989" t="s">
        <v>297</v>
      </c>
      <c r="U989" t="s">
        <v>647</v>
      </c>
      <c r="X989" t="s">
        <v>179</v>
      </c>
      <c r="AC989" t="s">
        <v>199</v>
      </c>
      <c r="AD989" t="s">
        <v>175</v>
      </c>
      <c r="AE989" t="s">
        <v>299</v>
      </c>
      <c r="AF989" t="s">
        <v>299</v>
      </c>
      <c r="AG989" t="s">
        <v>181</v>
      </c>
      <c r="AH989" t="s">
        <v>299</v>
      </c>
      <c r="AI989" t="s">
        <v>175</v>
      </c>
      <c r="AJ989" t="s">
        <v>181</v>
      </c>
      <c r="AK989" t="s">
        <v>181</v>
      </c>
      <c r="AL989" t="s">
        <v>52</v>
      </c>
      <c r="AM989" s="1">
        <v>0</v>
      </c>
      <c r="AN989" t="s">
        <v>184</v>
      </c>
      <c r="AO989" s="1">
        <v>0</v>
      </c>
      <c r="AP989" s="1">
        <v>0</v>
      </c>
      <c r="AQ989" s="1">
        <v>0</v>
      </c>
      <c r="AR989" s="1">
        <v>0</v>
      </c>
      <c r="AS989" t="s">
        <v>185</v>
      </c>
      <c r="AT989" s="1">
        <v>0</v>
      </c>
      <c r="AU989" s="1">
        <v>0</v>
      </c>
      <c r="AV989" s="1">
        <v>0</v>
      </c>
      <c r="AY989" t="s">
        <v>187</v>
      </c>
      <c r="BC989" t="s">
        <v>209</v>
      </c>
      <c r="BF989" t="s">
        <v>49</v>
      </c>
      <c r="BG989" s="1">
        <v>0</v>
      </c>
      <c r="BH989" t="s">
        <v>190</v>
      </c>
      <c r="BK989" t="s">
        <v>191</v>
      </c>
      <c r="BM989" t="s">
        <v>218</v>
      </c>
      <c r="BO989" t="s">
        <v>218</v>
      </c>
    </row>
    <row r="990" spans="1:69" x14ac:dyDescent="0.25">
      <c r="A990" s="1">
        <v>30450142</v>
      </c>
      <c r="B990" t="s">
        <v>4268</v>
      </c>
      <c r="C990" t="s">
        <v>39</v>
      </c>
      <c r="D990" t="s">
        <v>3727</v>
      </c>
      <c r="E990" t="s">
        <v>195</v>
      </c>
      <c r="L990" t="s">
        <v>52</v>
      </c>
      <c r="M990" s="1">
        <v>0</v>
      </c>
      <c r="N990" s="1">
        <v>0</v>
      </c>
      <c r="O990" t="s">
        <v>3728</v>
      </c>
      <c r="P990" t="s">
        <v>176</v>
      </c>
      <c r="Q990" t="s">
        <v>238</v>
      </c>
      <c r="S990" t="s">
        <v>349</v>
      </c>
      <c r="T990" t="s">
        <v>197</v>
      </c>
      <c r="U990" t="s">
        <v>4269</v>
      </c>
      <c r="Y990" t="s">
        <v>224</v>
      </c>
      <c r="AC990" t="s">
        <v>199</v>
      </c>
      <c r="AD990" t="s">
        <v>175</v>
      </c>
      <c r="AE990" t="s">
        <v>175</v>
      </c>
      <c r="AF990" t="s">
        <v>175</v>
      </c>
      <c r="AG990" t="s">
        <v>175</v>
      </c>
      <c r="AH990" t="s">
        <v>175</v>
      </c>
      <c r="AI990" t="s">
        <v>175</v>
      </c>
      <c r="AJ990" t="s">
        <v>181</v>
      </c>
      <c r="AK990" t="s">
        <v>181</v>
      </c>
      <c r="AL990" t="s">
        <v>42</v>
      </c>
      <c r="AM990" t="s">
        <v>183</v>
      </c>
      <c r="AN990" t="s">
        <v>201</v>
      </c>
      <c r="AO990" t="s">
        <v>185</v>
      </c>
      <c r="AP990" t="s">
        <v>182</v>
      </c>
      <c r="AQ990" t="s">
        <v>202</v>
      </c>
      <c r="AR990" t="s">
        <v>203</v>
      </c>
      <c r="AS990" t="s">
        <v>204</v>
      </c>
      <c r="AT990" t="s">
        <v>206</v>
      </c>
      <c r="AU990" t="s">
        <v>205</v>
      </c>
      <c r="AV990" t="s">
        <v>184</v>
      </c>
      <c r="AW990" t="s">
        <v>4270</v>
      </c>
      <c r="AX990" t="s">
        <v>186</v>
      </c>
      <c r="AY990" t="s">
        <v>187</v>
      </c>
      <c r="AZ990" t="s">
        <v>207</v>
      </c>
      <c r="BA990" t="s">
        <v>188</v>
      </c>
      <c r="BF990" t="s">
        <v>232</v>
      </c>
      <c r="BG990" t="s">
        <v>276</v>
      </c>
      <c r="BH990" t="s">
        <v>211</v>
      </c>
      <c r="BK990" t="s">
        <v>191</v>
      </c>
      <c r="BL990" t="s">
        <v>4271</v>
      </c>
      <c r="BM990" t="s">
        <v>191</v>
      </c>
      <c r="BN990" t="s">
        <v>4272</v>
      </c>
      <c r="BO990" t="s">
        <v>191</v>
      </c>
      <c r="BP990" t="s">
        <v>4273</v>
      </c>
      <c r="BQ990" t="s">
        <v>4274</v>
      </c>
    </row>
    <row r="991" spans="1:69" x14ac:dyDescent="0.25">
      <c r="A991" s="1">
        <v>30450145</v>
      </c>
      <c r="B991" t="s">
        <v>2897</v>
      </c>
      <c r="C991" t="s">
        <v>39</v>
      </c>
      <c r="D991" t="s">
        <v>2512</v>
      </c>
      <c r="E991" t="s">
        <v>200</v>
      </c>
      <c r="L991" t="s">
        <v>52</v>
      </c>
      <c r="M991" s="1">
        <v>0</v>
      </c>
      <c r="N991" s="1">
        <v>0</v>
      </c>
      <c r="O991" t="s">
        <v>2512</v>
      </c>
      <c r="P991" t="s">
        <v>176</v>
      </c>
      <c r="Q991" t="s">
        <v>258</v>
      </c>
      <c r="S991" t="s">
        <v>178</v>
      </c>
      <c r="T991" t="s">
        <v>200</v>
      </c>
      <c r="X991" t="s">
        <v>179</v>
      </c>
      <c r="AC991" t="s">
        <v>199</v>
      </c>
      <c r="AD991" t="s">
        <v>200</v>
      </c>
      <c r="AE991" t="s">
        <v>200</v>
      </c>
      <c r="AF991" t="s">
        <v>200</v>
      </c>
      <c r="AG991" t="s">
        <v>200</v>
      </c>
      <c r="AH991" t="s">
        <v>200</v>
      </c>
      <c r="AI991" t="s">
        <v>200</v>
      </c>
      <c r="AJ991" t="s">
        <v>200</v>
      </c>
      <c r="AK991" t="s">
        <v>200</v>
      </c>
      <c r="AL991" t="s">
        <v>42</v>
      </c>
      <c r="AM991" t="s">
        <v>205</v>
      </c>
      <c r="AN991" t="s">
        <v>203</v>
      </c>
      <c r="AO991" t="s">
        <v>206</v>
      </c>
      <c r="AP991" t="s">
        <v>204</v>
      </c>
      <c r="AQ991" t="s">
        <v>185</v>
      </c>
      <c r="AR991" t="s">
        <v>184</v>
      </c>
      <c r="AS991" t="s">
        <v>201</v>
      </c>
      <c r="AT991" t="s">
        <v>202</v>
      </c>
      <c r="AU991" t="s">
        <v>182</v>
      </c>
      <c r="AV991" t="s">
        <v>183</v>
      </c>
      <c r="AY991" t="s">
        <v>187</v>
      </c>
      <c r="AZ991" t="s">
        <v>207</v>
      </c>
      <c r="BA991" t="s">
        <v>188</v>
      </c>
      <c r="BB991" t="s">
        <v>208</v>
      </c>
      <c r="BC991" t="s">
        <v>209</v>
      </c>
      <c r="BF991" t="s">
        <v>232</v>
      </c>
      <c r="BG991" t="s">
        <v>301</v>
      </c>
      <c r="BH991" t="s">
        <v>211</v>
      </c>
      <c r="BK991" t="s">
        <v>191</v>
      </c>
      <c r="BM991" t="s">
        <v>218</v>
      </c>
      <c r="BO991" t="s">
        <v>218</v>
      </c>
    </row>
    <row r="992" spans="1:69" x14ac:dyDescent="0.25">
      <c r="A992" s="1">
        <v>30450146</v>
      </c>
      <c r="B992" t="s">
        <v>2135</v>
      </c>
      <c r="C992" t="s">
        <v>39</v>
      </c>
      <c r="D992" t="s">
        <v>1616</v>
      </c>
      <c r="E992" t="s">
        <v>195</v>
      </c>
      <c r="L992" t="s">
        <v>52</v>
      </c>
      <c r="M992" s="1">
        <v>0</v>
      </c>
      <c r="N992" s="1">
        <v>0</v>
      </c>
      <c r="O992" t="s">
        <v>1616</v>
      </c>
      <c r="P992" t="s">
        <v>176</v>
      </c>
      <c r="Q992" t="s">
        <v>258</v>
      </c>
      <c r="S992" t="s">
        <v>222</v>
      </c>
      <c r="T992" t="s">
        <v>197</v>
      </c>
      <c r="U992" t="s">
        <v>2136</v>
      </c>
      <c r="X992" t="s">
        <v>179</v>
      </c>
      <c r="AC992" t="s">
        <v>180</v>
      </c>
      <c r="AD992" t="s">
        <v>299</v>
      </c>
      <c r="AE992" t="s">
        <v>299</v>
      </c>
      <c r="AF992" t="s">
        <v>181</v>
      </c>
      <c r="AG992" s="1">
        <v>0</v>
      </c>
      <c r="AH992" t="s">
        <v>299</v>
      </c>
      <c r="AI992" t="s">
        <v>299</v>
      </c>
      <c r="AJ992" t="s">
        <v>299</v>
      </c>
      <c r="AK992" t="s">
        <v>299</v>
      </c>
      <c r="AL992" t="s">
        <v>42</v>
      </c>
      <c r="AM992" t="s">
        <v>183</v>
      </c>
      <c r="AN992" t="s">
        <v>205</v>
      </c>
      <c r="AO992" t="s">
        <v>201</v>
      </c>
      <c r="AP992" t="s">
        <v>202</v>
      </c>
      <c r="AQ992" t="s">
        <v>184</v>
      </c>
      <c r="AR992" t="s">
        <v>185</v>
      </c>
      <c r="AS992" t="s">
        <v>182</v>
      </c>
      <c r="AT992" t="s">
        <v>206</v>
      </c>
      <c r="AU992" t="s">
        <v>204</v>
      </c>
      <c r="AV992" t="s">
        <v>203</v>
      </c>
      <c r="AX992" t="s">
        <v>186</v>
      </c>
      <c r="AZ992" t="s">
        <v>207</v>
      </c>
      <c r="BA992" t="s">
        <v>188</v>
      </c>
      <c r="BC992" t="s">
        <v>209</v>
      </c>
      <c r="BF992" t="s">
        <v>189</v>
      </c>
      <c r="BG992" s="1">
        <v>0</v>
      </c>
      <c r="BH992" t="s">
        <v>211</v>
      </c>
      <c r="BK992" t="s">
        <v>191</v>
      </c>
      <c r="BL992" t="s">
        <v>2137</v>
      </c>
      <c r="BM992" t="s">
        <v>191</v>
      </c>
      <c r="BN992" t="s">
        <v>2138</v>
      </c>
      <c r="BO992" t="s">
        <v>191</v>
      </c>
      <c r="BP992" t="s">
        <v>2139</v>
      </c>
      <c r="BQ992" t="s">
        <v>2140</v>
      </c>
    </row>
    <row r="993" spans="1:69" x14ac:dyDescent="0.25">
      <c r="A993" s="1">
        <v>30450148</v>
      </c>
      <c r="B993" t="s">
        <v>4275</v>
      </c>
      <c r="C993" t="s">
        <v>39</v>
      </c>
      <c r="D993" t="s">
        <v>3727</v>
      </c>
      <c r="E993" t="s">
        <v>200</v>
      </c>
      <c r="L993" t="s">
        <v>52</v>
      </c>
      <c r="M993" s="1">
        <v>0</v>
      </c>
      <c r="N993" s="1">
        <v>0</v>
      </c>
      <c r="O993" t="s">
        <v>3728</v>
      </c>
      <c r="P993" t="s">
        <v>176</v>
      </c>
      <c r="Q993" t="s">
        <v>238</v>
      </c>
      <c r="S993" t="s">
        <v>178</v>
      </c>
      <c r="T993" t="s">
        <v>200</v>
      </c>
      <c r="W993" t="s">
        <v>262</v>
      </c>
      <c r="X993" t="s">
        <v>179</v>
      </c>
      <c r="Y993" t="s">
        <v>224</v>
      </c>
      <c r="Z993" t="s">
        <v>244</v>
      </c>
      <c r="AC993" t="s">
        <v>199</v>
      </c>
      <c r="AD993" t="s">
        <v>175</v>
      </c>
      <c r="AE993" t="s">
        <v>175</v>
      </c>
      <c r="AF993" t="s">
        <v>175</v>
      </c>
      <c r="AG993" t="s">
        <v>175</v>
      </c>
      <c r="AH993" t="s">
        <v>175</v>
      </c>
      <c r="AI993" t="s">
        <v>175</v>
      </c>
      <c r="AJ993" t="s">
        <v>175</v>
      </c>
      <c r="AK993" t="s">
        <v>175</v>
      </c>
      <c r="AL993" t="s">
        <v>42</v>
      </c>
      <c r="AM993" t="s">
        <v>182</v>
      </c>
      <c r="AN993" t="s">
        <v>183</v>
      </c>
      <c r="AO993" t="s">
        <v>184</v>
      </c>
      <c r="AP993" t="s">
        <v>202</v>
      </c>
      <c r="AQ993" t="s">
        <v>185</v>
      </c>
      <c r="AR993" t="s">
        <v>203</v>
      </c>
      <c r="AS993" t="s">
        <v>204</v>
      </c>
      <c r="AT993" t="s">
        <v>201</v>
      </c>
      <c r="AU993" t="s">
        <v>206</v>
      </c>
      <c r="AV993" t="s">
        <v>205</v>
      </c>
      <c r="AX993" t="s">
        <v>186</v>
      </c>
      <c r="AZ993" t="s">
        <v>207</v>
      </c>
      <c r="BA993" t="s">
        <v>188</v>
      </c>
      <c r="BC993" t="s">
        <v>209</v>
      </c>
      <c r="BF993" t="s">
        <v>189</v>
      </c>
      <c r="BG993" s="1">
        <v>0</v>
      </c>
      <c r="BH993" t="s">
        <v>211</v>
      </c>
      <c r="BK993" t="s">
        <v>191</v>
      </c>
      <c r="BM993" t="s">
        <v>191</v>
      </c>
      <c r="BO993" t="s">
        <v>191</v>
      </c>
    </row>
    <row r="994" spans="1:69" x14ac:dyDescent="0.25">
      <c r="A994" s="1">
        <v>30450151</v>
      </c>
      <c r="B994" t="s">
        <v>2898</v>
      </c>
      <c r="C994" t="s">
        <v>39</v>
      </c>
      <c r="D994" t="s">
        <v>2512</v>
      </c>
      <c r="E994" t="s">
        <v>175</v>
      </c>
      <c r="L994" t="s">
        <v>52</v>
      </c>
      <c r="M994" s="1">
        <v>0</v>
      </c>
      <c r="N994" s="1">
        <v>0</v>
      </c>
      <c r="O994" t="s">
        <v>2512</v>
      </c>
      <c r="P994" t="s">
        <v>216</v>
      </c>
      <c r="Q994" t="s">
        <v>328</v>
      </c>
      <c r="S994" s="1">
        <v>0</v>
      </c>
      <c r="T994" t="s">
        <v>175</v>
      </c>
      <c r="X994" t="s">
        <v>179</v>
      </c>
      <c r="AC994" t="s">
        <v>180</v>
      </c>
      <c r="AD994" t="s">
        <v>200</v>
      </c>
      <c r="AE994" t="s">
        <v>175</v>
      </c>
      <c r="AF994" t="s">
        <v>175</v>
      </c>
      <c r="AG994" t="s">
        <v>200</v>
      </c>
      <c r="AH994" t="s">
        <v>200</v>
      </c>
      <c r="AI994" t="s">
        <v>200</v>
      </c>
      <c r="AJ994" t="s">
        <v>200</v>
      </c>
      <c r="AK994" t="s">
        <v>181</v>
      </c>
      <c r="AL994" t="s">
        <v>42</v>
      </c>
      <c r="AM994" t="s">
        <v>203</v>
      </c>
      <c r="AN994" t="s">
        <v>206</v>
      </c>
      <c r="AO994" t="s">
        <v>183</v>
      </c>
      <c r="AP994" t="s">
        <v>182</v>
      </c>
      <c r="AQ994" t="s">
        <v>185</v>
      </c>
      <c r="AR994" t="s">
        <v>184</v>
      </c>
      <c r="AS994" t="s">
        <v>202</v>
      </c>
      <c r="AT994" t="s">
        <v>205</v>
      </c>
      <c r="AU994" t="s">
        <v>204</v>
      </c>
      <c r="AV994" t="s">
        <v>201</v>
      </c>
      <c r="AZ994" t="s">
        <v>207</v>
      </c>
      <c r="BA994" t="s">
        <v>188</v>
      </c>
      <c r="BC994" t="s">
        <v>209</v>
      </c>
      <c r="BF994" t="s">
        <v>49</v>
      </c>
      <c r="BG994" s="1">
        <v>0</v>
      </c>
      <c r="BH994" t="s">
        <v>247</v>
      </c>
      <c r="BK994" t="s">
        <v>191</v>
      </c>
      <c r="BL994" t="s">
        <v>2899</v>
      </c>
      <c r="BM994" t="s">
        <v>191</v>
      </c>
      <c r="BN994" t="s">
        <v>2900</v>
      </c>
      <c r="BO994" t="s">
        <v>191</v>
      </c>
      <c r="BP994" t="s">
        <v>2901</v>
      </c>
      <c r="BQ994" t="s">
        <v>2902</v>
      </c>
    </row>
    <row r="995" spans="1:69" x14ac:dyDescent="0.25">
      <c r="A995" s="1">
        <v>30450152</v>
      </c>
      <c r="B995" t="s">
        <v>2903</v>
      </c>
      <c r="C995" t="s">
        <v>39</v>
      </c>
      <c r="D995" t="s">
        <v>2512</v>
      </c>
      <c r="E995" t="s">
        <v>216</v>
      </c>
      <c r="L995" t="s">
        <v>52</v>
      </c>
      <c r="M995" s="1">
        <v>0</v>
      </c>
      <c r="N995" s="1">
        <v>0</v>
      </c>
      <c r="O995" t="s">
        <v>2512</v>
      </c>
      <c r="P995" t="s">
        <v>216</v>
      </c>
      <c r="Q995" t="s">
        <v>258</v>
      </c>
      <c r="S995" s="1">
        <v>0</v>
      </c>
      <c r="T995" t="s">
        <v>197</v>
      </c>
      <c r="U995" t="s">
        <v>2904</v>
      </c>
      <c r="Z995" t="s">
        <v>244</v>
      </c>
      <c r="AC995" t="s">
        <v>199</v>
      </c>
      <c r="AD995" t="s">
        <v>181</v>
      </c>
      <c r="AE995" t="s">
        <v>299</v>
      </c>
      <c r="AF995" t="s">
        <v>299</v>
      </c>
      <c r="AG995" t="s">
        <v>299</v>
      </c>
      <c r="AH995" t="s">
        <v>181</v>
      </c>
      <c r="AI995" t="s">
        <v>299</v>
      </c>
      <c r="AJ995" t="s">
        <v>181</v>
      </c>
      <c r="AK995" t="s">
        <v>181</v>
      </c>
      <c r="AL995" t="s">
        <v>42</v>
      </c>
      <c r="AM995" t="s">
        <v>204</v>
      </c>
      <c r="AN995" t="s">
        <v>182</v>
      </c>
      <c r="AO995" t="s">
        <v>201</v>
      </c>
      <c r="AP995" t="s">
        <v>205</v>
      </c>
      <c r="AQ995" t="s">
        <v>184</v>
      </c>
      <c r="AR995" t="s">
        <v>185</v>
      </c>
      <c r="AS995" t="s">
        <v>202</v>
      </c>
      <c r="AT995" t="s">
        <v>206</v>
      </c>
      <c r="AU995" t="s">
        <v>183</v>
      </c>
      <c r="AV995" t="s">
        <v>203</v>
      </c>
      <c r="AW995" t="s">
        <v>2905</v>
      </c>
      <c r="BA995" t="s">
        <v>188</v>
      </c>
      <c r="BC995" t="s">
        <v>209</v>
      </c>
      <c r="BF995" t="s">
        <v>232</v>
      </c>
      <c r="BG995" t="s">
        <v>233</v>
      </c>
      <c r="BH995" t="s">
        <v>412</v>
      </c>
      <c r="BI995" t="s">
        <v>2906</v>
      </c>
      <c r="BK995" t="s">
        <v>191</v>
      </c>
      <c r="BL995" t="s">
        <v>192</v>
      </c>
      <c r="BM995" t="s">
        <v>191</v>
      </c>
      <c r="BO995" t="s">
        <v>191</v>
      </c>
      <c r="BP995" t="s">
        <v>562</v>
      </c>
      <c r="BQ995" t="s">
        <v>2907</v>
      </c>
    </row>
    <row r="996" spans="1:69" x14ac:dyDescent="0.25">
      <c r="A996" s="1">
        <v>30450153</v>
      </c>
      <c r="B996" t="s">
        <v>4276</v>
      </c>
      <c r="C996" t="s">
        <v>39</v>
      </c>
      <c r="D996" t="s">
        <v>3727</v>
      </c>
      <c r="E996" t="s">
        <v>175</v>
      </c>
      <c r="L996" t="s">
        <v>52</v>
      </c>
      <c r="M996" s="1">
        <v>0</v>
      </c>
      <c r="N996" s="1">
        <v>0</v>
      </c>
      <c r="O996" t="s">
        <v>3728</v>
      </c>
      <c r="P996" t="s">
        <v>176</v>
      </c>
      <c r="Q996" t="s">
        <v>238</v>
      </c>
      <c r="S996" t="s">
        <v>178</v>
      </c>
      <c r="T996" t="s">
        <v>175</v>
      </c>
      <c r="V996" t="s">
        <v>397</v>
      </c>
      <c r="X996" t="s">
        <v>179</v>
      </c>
      <c r="Z996" t="s">
        <v>244</v>
      </c>
      <c r="AC996" t="s">
        <v>199</v>
      </c>
      <c r="AD996" t="s">
        <v>181</v>
      </c>
      <c r="AE996" t="s">
        <v>175</v>
      </c>
      <c r="AF996" t="s">
        <v>181</v>
      </c>
      <c r="AG996" t="s">
        <v>175</v>
      </c>
      <c r="AH996" t="s">
        <v>181</v>
      </c>
      <c r="AI996" t="s">
        <v>175</v>
      </c>
      <c r="AJ996" t="s">
        <v>175</v>
      </c>
      <c r="AK996" t="s">
        <v>175</v>
      </c>
      <c r="AL996" t="s">
        <v>49</v>
      </c>
      <c r="AM996" t="s">
        <v>204</v>
      </c>
      <c r="AN996" t="s">
        <v>201</v>
      </c>
      <c r="AO996" t="s">
        <v>182</v>
      </c>
      <c r="AP996" t="s">
        <v>202</v>
      </c>
      <c r="AQ996" t="s">
        <v>185</v>
      </c>
      <c r="AR996" t="s">
        <v>184</v>
      </c>
      <c r="AS996" t="s">
        <v>203</v>
      </c>
      <c r="AT996" t="s">
        <v>206</v>
      </c>
      <c r="AU996" t="s">
        <v>205</v>
      </c>
      <c r="AV996" t="s">
        <v>183</v>
      </c>
      <c r="AW996" t="s">
        <v>4277</v>
      </c>
      <c r="AX996" t="s">
        <v>186</v>
      </c>
      <c r="AY996" t="s">
        <v>187</v>
      </c>
      <c r="AZ996" t="s">
        <v>207</v>
      </c>
      <c r="BA996" t="s">
        <v>188</v>
      </c>
      <c r="BB996" t="s">
        <v>208</v>
      </c>
      <c r="BC996" t="s">
        <v>209</v>
      </c>
      <c r="BD996" t="s">
        <v>273</v>
      </c>
      <c r="BE996" t="s">
        <v>4278</v>
      </c>
      <c r="BF996" t="s">
        <v>232</v>
      </c>
      <c r="BG996" t="s">
        <v>276</v>
      </c>
      <c r="BH996" t="s">
        <v>211</v>
      </c>
      <c r="BK996" t="s">
        <v>191</v>
      </c>
      <c r="BL996" t="s">
        <v>4279</v>
      </c>
      <c r="BM996" t="s">
        <v>191</v>
      </c>
      <c r="BN996" t="s">
        <v>4280</v>
      </c>
      <c r="BO996" t="s">
        <v>191</v>
      </c>
      <c r="BP996" t="s">
        <v>4281</v>
      </c>
      <c r="BQ996" t="s">
        <v>4282</v>
      </c>
    </row>
    <row r="997" spans="1:69" x14ac:dyDescent="0.25">
      <c r="A997" s="1">
        <v>30450154</v>
      </c>
      <c r="B997" t="s">
        <v>4283</v>
      </c>
      <c r="C997" t="s">
        <v>39</v>
      </c>
      <c r="D997" t="s">
        <v>3727</v>
      </c>
      <c r="E997" t="s">
        <v>195</v>
      </c>
      <c r="L997" t="s">
        <v>52</v>
      </c>
      <c r="M997" s="1">
        <v>0</v>
      </c>
      <c r="N997" s="1">
        <v>0</v>
      </c>
      <c r="O997" t="s">
        <v>3728</v>
      </c>
      <c r="P997" t="s">
        <v>176</v>
      </c>
      <c r="Q997" t="s">
        <v>238</v>
      </c>
      <c r="S997" t="s">
        <v>349</v>
      </c>
      <c r="T997" t="s">
        <v>197</v>
      </c>
      <c r="U997" t="s">
        <v>4284</v>
      </c>
      <c r="AA997" t="s">
        <v>273</v>
      </c>
      <c r="AB997" t="s">
        <v>4285</v>
      </c>
      <c r="AC997" t="s">
        <v>225</v>
      </c>
      <c r="AD997" s="1">
        <v>0</v>
      </c>
      <c r="AE997" s="1">
        <v>0</v>
      </c>
      <c r="AF997" s="1">
        <v>0</v>
      </c>
      <c r="AG997" s="1">
        <v>0</v>
      </c>
      <c r="AH997" s="1">
        <v>0</v>
      </c>
      <c r="AI997" s="1">
        <v>0</v>
      </c>
      <c r="AJ997" s="1">
        <v>0</v>
      </c>
      <c r="AK997" s="1">
        <v>0</v>
      </c>
      <c r="AL997" s="1">
        <v>0</v>
      </c>
      <c r="AM997" s="1">
        <v>0</v>
      </c>
      <c r="AN997" s="1">
        <v>0</v>
      </c>
      <c r="AO997" s="1">
        <v>0</v>
      </c>
      <c r="AP997" s="1">
        <v>0</v>
      </c>
      <c r="AQ997" s="1">
        <v>0</v>
      </c>
      <c r="AR997" s="1">
        <v>0</v>
      </c>
      <c r="AS997" s="1">
        <v>0</v>
      </c>
      <c r="AT997" s="1">
        <v>0</v>
      </c>
      <c r="AU997" s="1">
        <v>0</v>
      </c>
      <c r="AV997" s="1">
        <v>0</v>
      </c>
      <c r="BF997" s="1">
        <v>0</v>
      </c>
      <c r="BG997" s="1">
        <v>0</v>
      </c>
      <c r="BH997" s="1">
        <v>0</v>
      </c>
      <c r="BK997" s="1">
        <v>0</v>
      </c>
      <c r="BM997" s="1">
        <v>0</v>
      </c>
      <c r="BO997" s="1">
        <v>0</v>
      </c>
    </row>
    <row r="998" spans="1:69" x14ac:dyDescent="0.25">
      <c r="A998" s="1">
        <v>30450156</v>
      </c>
      <c r="B998" t="s">
        <v>124</v>
      </c>
      <c r="C998" t="s">
        <v>39</v>
      </c>
      <c r="L998" t="s">
        <v>52</v>
      </c>
      <c r="M998" s="1">
        <v>0</v>
      </c>
      <c r="N998" s="1">
        <v>0</v>
      </c>
      <c r="O998" s="1">
        <v>0</v>
      </c>
      <c r="P998" s="1">
        <v>0</v>
      </c>
      <c r="Q998" s="1">
        <v>0</v>
      </c>
      <c r="S998" s="1">
        <v>0</v>
      </c>
      <c r="T998" s="1">
        <v>0</v>
      </c>
      <c r="AC998" s="1">
        <v>0</v>
      </c>
      <c r="AD998" s="1">
        <v>0</v>
      </c>
      <c r="AE998" s="1">
        <v>0</v>
      </c>
      <c r="AF998" s="1">
        <v>0</v>
      </c>
      <c r="AG998" s="1">
        <v>0</v>
      </c>
      <c r="AH998" s="1">
        <v>0</v>
      </c>
      <c r="AI998" s="1">
        <v>0</v>
      </c>
      <c r="AJ998" s="1">
        <v>0</v>
      </c>
      <c r="AK998" s="1">
        <v>0</v>
      </c>
      <c r="AL998" s="1">
        <v>0</v>
      </c>
      <c r="AM998" s="1">
        <v>0</v>
      </c>
      <c r="AN998" s="1">
        <v>0</v>
      </c>
      <c r="AO998" s="1">
        <v>0</v>
      </c>
      <c r="AP998" s="1">
        <v>0</v>
      </c>
      <c r="AQ998" s="1">
        <v>0</v>
      </c>
      <c r="AR998" s="1">
        <v>0</v>
      </c>
      <c r="AS998" s="1">
        <v>0</v>
      </c>
      <c r="AT998" s="1">
        <v>0</v>
      </c>
      <c r="AU998" s="1">
        <v>0</v>
      </c>
      <c r="AV998" s="1">
        <v>0</v>
      </c>
      <c r="BF998" s="1">
        <v>0</v>
      </c>
      <c r="BG998" s="1">
        <v>0</v>
      </c>
      <c r="BH998" s="1">
        <v>0</v>
      </c>
      <c r="BK998" s="1">
        <v>0</v>
      </c>
      <c r="BM998" s="1">
        <v>0</v>
      </c>
      <c r="BO998" s="1">
        <v>0</v>
      </c>
    </row>
    <row r="999" spans="1:69" x14ac:dyDescent="0.25">
      <c r="A999" s="1">
        <v>30450157</v>
      </c>
      <c r="B999" t="s">
        <v>648</v>
      </c>
      <c r="C999" t="s">
        <v>39</v>
      </c>
      <c r="D999" t="s">
        <v>174</v>
      </c>
      <c r="E999" t="s">
        <v>216</v>
      </c>
      <c r="L999" t="s">
        <v>52</v>
      </c>
      <c r="M999" s="1">
        <v>0</v>
      </c>
      <c r="N999" s="1">
        <v>0</v>
      </c>
      <c r="O999" t="s">
        <v>174</v>
      </c>
      <c r="P999" t="s">
        <v>216</v>
      </c>
      <c r="Q999" t="s">
        <v>328</v>
      </c>
      <c r="S999" s="1">
        <v>0</v>
      </c>
      <c r="T999" t="s">
        <v>197</v>
      </c>
      <c r="U999" t="s">
        <v>649</v>
      </c>
      <c r="X999" t="s">
        <v>179</v>
      </c>
      <c r="AA999" t="s">
        <v>273</v>
      </c>
      <c r="AB999" t="s">
        <v>650</v>
      </c>
      <c r="AC999" t="s">
        <v>609</v>
      </c>
      <c r="AD999" t="s">
        <v>175</v>
      </c>
      <c r="AE999" t="s">
        <v>175</v>
      </c>
      <c r="AF999" t="s">
        <v>299</v>
      </c>
      <c r="AG999" t="s">
        <v>230</v>
      </c>
      <c r="AH999" t="s">
        <v>175</v>
      </c>
      <c r="AI999" t="s">
        <v>175</v>
      </c>
      <c r="AJ999" t="s">
        <v>175</v>
      </c>
      <c r="AK999" t="s">
        <v>181</v>
      </c>
      <c r="AL999" t="s">
        <v>42</v>
      </c>
      <c r="AM999" t="s">
        <v>183</v>
      </c>
      <c r="AN999" t="s">
        <v>205</v>
      </c>
      <c r="AO999" t="s">
        <v>185</v>
      </c>
      <c r="AP999" t="s">
        <v>182</v>
      </c>
      <c r="AQ999" s="1">
        <v>0</v>
      </c>
      <c r="AR999" s="1">
        <v>0</v>
      </c>
      <c r="AS999" t="s">
        <v>201</v>
      </c>
      <c r="AT999" t="s">
        <v>206</v>
      </c>
      <c r="AU999" t="s">
        <v>204</v>
      </c>
      <c r="AV999" t="s">
        <v>184</v>
      </c>
      <c r="AW999" t="s">
        <v>651</v>
      </c>
      <c r="AX999" t="s">
        <v>186</v>
      </c>
      <c r="AY999" t="s">
        <v>187</v>
      </c>
      <c r="AZ999" t="s">
        <v>207</v>
      </c>
      <c r="BA999" t="s">
        <v>188</v>
      </c>
      <c r="BB999" t="s">
        <v>208</v>
      </c>
      <c r="BC999" t="s">
        <v>209</v>
      </c>
      <c r="BF999" t="s">
        <v>210</v>
      </c>
      <c r="BG999" s="1">
        <v>0</v>
      </c>
      <c r="BH999" t="s">
        <v>190</v>
      </c>
      <c r="BK999" t="s">
        <v>218</v>
      </c>
      <c r="BL999" t="s">
        <v>652</v>
      </c>
      <c r="BM999" t="s">
        <v>218</v>
      </c>
      <c r="BN999" t="s">
        <v>653</v>
      </c>
      <c r="BO999" t="s">
        <v>218</v>
      </c>
      <c r="BP999" t="s">
        <v>654</v>
      </c>
      <c r="BQ999" t="s">
        <v>655</v>
      </c>
    </row>
    <row r="1000" spans="1:69" x14ac:dyDescent="0.25">
      <c r="A1000" s="1">
        <v>30450158</v>
      </c>
      <c r="B1000" t="s">
        <v>2141</v>
      </c>
      <c r="C1000" t="s">
        <v>39</v>
      </c>
      <c r="D1000" t="s">
        <v>1616</v>
      </c>
      <c r="E1000" t="s">
        <v>175</v>
      </c>
      <c r="L1000" t="s">
        <v>52</v>
      </c>
      <c r="M1000" s="1">
        <v>0</v>
      </c>
      <c r="N1000" s="1">
        <v>0</v>
      </c>
      <c r="O1000" t="s">
        <v>1616</v>
      </c>
      <c r="P1000" t="s">
        <v>176</v>
      </c>
      <c r="Q1000" t="s">
        <v>177</v>
      </c>
      <c r="S1000" t="s">
        <v>178</v>
      </c>
      <c r="T1000" t="s">
        <v>175</v>
      </c>
      <c r="X1000" t="s">
        <v>179</v>
      </c>
      <c r="Y1000" t="s">
        <v>224</v>
      </c>
      <c r="AC1000" t="s">
        <v>199</v>
      </c>
      <c r="AD1000" t="s">
        <v>175</v>
      </c>
      <c r="AE1000" t="s">
        <v>175</v>
      </c>
      <c r="AF1000" t="s">
        <v>181</v>
      </c>
      <c r="AG1000" t="s">
        <v>181</v>
      </c>
      <c r="AH1000" t="s">
        <v>175</v>
      </c>
      <c r="AI1000" t="s">
        <v>175</v>
      </c>
      <c r="AJ1000" t="s">
        <v>175</v>
      </c>
      <c r="AK1000" t="s">
        <v>175</v>
      </c>
      <c r="AL1000" t="s">
        <v>42</v>
      </c>
      <c r="AM1000" t="s">
        <v>206</v>
      </c>
      <c r="AN1000" t="s">
        <v>203</v>
      </c>
      <c r="AO1000" t="s">
        <v>185</v>
      </c>
      <c r="AP1000" t="s">
        <v>201</v>
      </c>
      <c r="AQ1000" t="s">
        <v>204</v>
      </c>
      <c r="AR1000" t="s">
        <v>202</v>
      </c>
      <c r="AS1000" t="s">
        <v>183</v>
      </c>
      <c r="AT1000" t="s">
        <v>184</v>
      </c>
      <c r="AU1000" t="s">
        <v>182</v>
      </c>
      <c r="AV1000" t="s">
        <v>205</v>
      </c>
      <c r="AX1000" t="s">
        <v>186</v>
      </c>
      <c r="AZ1000" t="s">
        <v>207</v>
      </c>
      <c r="BA1000" t="s">
        <v>188</v>
      </c>
      <c r="BC1000" t="s">
        <v>209</v>
      </c>
      <c r="BF1000" t="s">
        <v>292</v>
      </c>
      <c r="BG1000" t="s">
        <v>301</v>
      </c>
      <c r="BH1000" t="s">
        <v>211</v>
      </c>
      <c r="BK1000" t="s">
        <v>191</v>
      </c>
      <c r="BM1000" t="s">
        <v>191</v>
      </c>
      <c r="BO1000" t="s">
        <v>191</v>
      </c>
    </row>
    <row r="1001" spans="1:69" x14ac:dyDescent="0.25">
      <c r="A1001" s="1">
        <v>30450159</v>
      </c>
      <c r="B1001" t="s">
        <v>2142</v>
      </c>
      <c r="C1001" t="s">
        <v>39</v>
      </c>
      <c r="D1001" t="s">
        <v>1616</v>
      </c>
      <c r="E1001" t="s">
        <v>175</v>
      </c>
      <c r="L1001" t="s">
        <v>52</v>
      </c>
      <c r="M1001" s="1">
        <v>0</v>
      </c>
      <c r="N1001" s="1">
        <v>0</v>
      </c>
      <c r="O1001" t="s">
        <v>1616</v>
      </c>
      <c r="P1001" t="s">
        <v>216</v>
      </c>
      <c r="Q1001" t="s">
        <v>196</v>
      </c>
      <c r="S1001" s="1">
        <v>0</v>
      </c>
      <c r="T1001" t="s">
        <v>175</v>
      </c>
      <c r="Y1001" t="s">
        <v>224</v>
      </c>
      <c r="AC1001" t="s">
        <v>180</v>
      </c>
      <c r="AD1001" t="s">
        <v>181</v>
      </c>
      <c r="AE1001" t="s">
        <v>181</v>
      </c>
      <c r="AF1001" t="s">
        <v>181</v>
      </c>
      <c r="AG1001" t="s">
        <v>181</v>
      </c>
      <c r="AH1001" t="s">
        <v>200</v>
      </c>
      <c r="AI1001" t="s">
        <v>230</v>
      </c>
      <c r="AJ1001" t="s">
        <v>181</v>
      </c>
      <c r="AK1001" t="s">
        <v>181</v>
      </c>
      <c r="AL1001" t="s">
        <v>52</v>
      </c>
      <c r="AM1001" s="1">
        <v>0</v>
      </c>
      <c r="AN1001" s="1">
        <v>0</v>
      </c>
      <c r="AO1001" s="1">
        <v>0</v>
      </c>
      <c r="AP1001" s="1">
        <v>0</v>
      </c>
      <c r="AQ1001" s="1">
        <v>0</v>
      </c>
      <c r="AR1001" s="1">
        <v>0</v>
      </c>
      <c r="AS1001" s="1">
        <v>0</v>
      </c>
      <c r="AT1001" s="1">
        <v>0</v>
      </c>
      <c r="AU1001" s="1">
        <v>0</v>
      </c>
      <c r="AV1001" s="1">
        <v>0</v>
      </c>
      <c r="BF1001" t="s">
        <v>210</v>
      </c>
      <c r="BG1001" s="1">
        <v>0</v>
      </c>
      <c r="BH1001" t="s">
        <v>211</v>
      </c>
      <c r="BK1001" t="s">
        <v>191</v>
      </c>
      <c r="BL1001" t="s">
        <v>2143</v>
      </c>
      <c r="BM1001" t="s">
        <v>218</v>
      </c>
      <c r="BN1001" t="s">
        <v>2144</v>
      </c>
      <c r="BO1001" t="s">
        <v>218</v>
      </c>
    </row>
    <row r="1002" spans="1:69" x14ac:dyDescent="0.25">
      <c r="A1002" s="1">
        <v>30450165</v>
      </c>
      <c r="B1002" t="s">
        <v>4286</v>
      </c>
      <c r="C1002" t="s">
        <v>39</v>
      </c>
      <c r="D1002" t="s">
        <v>3727</v>
      </c>
      <c r="E1002" t="s">
        <v>175</v>
      </c>
      <c r="L1002" t="s">
        <v>52</v>
      </c>
      <c r="M1002" s="1">
        <v>0</v>
      </c>
      <c r="N1002" s="1">
        <v>0</v>
      </c>
      <c r="O1002" t="s">
        <v>3728</v>
      </c>
      <c r="P1002" t="s">
        <v>216</v>
      </c>
      <c r="Q1002" t="s">
        <v>322</v>
      </c>
      <c r="S1002" s="1">
        <v>0</v>
      </c>
      <c r="T1002" t="s">
        <v>175</v>
      </c>
      <c r="Y1002" t="s">
        <v>224</v>
      </c>
      <c r="AC1002" t="s">
        <v>199</v>
      </c>
      <c r="AD1002" t="s">
        <v>175</v>
      </c>
      <c r="AE1002" t="s">
        <v>175</v>
      </c>
      <c r="AF1002" t="s">
        <v>175</v>
      </c>
      <c r="AG1002" t="s">
        <v>175</v>
      </c>
      <c r="AH1002" t="s">
        <v>175</v>
      </c>
      <c r="AI1002" t="s">
        <v>175</v>
      </c>
      <c r="AJ1002" t="s">
        <v>175</v>
      </c>
      <c r="AK1002" t="s">
        <v>200</v>
      </c>
      <c r="AL1002" t="s">
        <v>42</v>
      </c>
      <c r="AM1002" s="1">
        <v>0</v>
      </c>
      <c r="AN1002" s="1">
        <v>0</v>
      </c>
      <c r="AO1002" s="1">
        <v>0</v>
      </c>
      <c r="AP1002" s="1">
        <v>0</v>
      </c>
      <c r="AQ1002" s="1">
        <v>0</v>
      </c>
      <c r="AR1002" s="1">
        <v>0</v>
      </c>
      <c r="AS1002" s="1">
        <v>0</v>
      </c>
      <c r="AT1002" s="1">
        <v>0</v>
      </c>
      <c r="AU1002" s="1">
        <v>0</v>
      </c>
      <c r="AV1002" s="1">
        <v>0</v>
      </c>
      <c r="BA1002" t="s">
        <v>188</v>
      </c>
      <c r="BB1002" t="s">
        <v>208</v>
      </c>
      <c r="BC1002" t="s">
        <v>209</v>
      </c>
      <c r="BF1002" t="s">
        <v>292</v>
      </c>
      <c r="BG1002" t="s">
        <v>301</v>
      </c>
      <c r="BH1002" t="s">
        <v>247</v>
      </c>
      <c r="BK1002" t="s">
        <v>191</v>
      </c>
      <c r="BM1002" t="s">
        <v>191</v>
      </c>
      <c r="BO1002" t="s">
        <v>191</v>
      </c>
      <c r="BQ1002" t="s">
        <v>4287</v>
      </c>
    </row>
    <row r="1003" spans="1:69" x14ac:dyDescent="0.25">
      <c r="A1003" s="1">
        <v>30450177</v>
      </c>
      <c r="B1003" t="s">
        <v>656</v>
      </c>
      <c r="C1003" t="s">
        <v>39</v>
      </c>
      <c r="D1003" t="s">
        <v>174</v>
      </c>
      <c r="E1003" t="s">
        <v>195</v>
      </c>
      <c r="L1003" t="s">
        <v>52</v>
      </c>
      <c r="M1003" s="1">
        <v>0</v>
      </c>
      <c r="N1003" s="1">
        <v>0</v>
      </c>
      <c r="O1003" t="s">
        <v>174</v>
      </c>
      <c r="P1003" t="s">
        <v>176</v>
      </c>
      <c r="Q1003" t="s">
        <v>196</v>
      </c>
      <c r="S1003" s="1">
        <v>0</v>
      </c>
      <c r="T1003" t="s">
        <v>197</v>
      </c>
      <c r="U1003" t="s">
        <v>657</v>
      </c>
      <c r="X1003" t="s">
        <v>179</v>
      </c>
      <c r="Y1003" t="s">
        <v>224</v>
      </c>
      <c r="AC1003" t="s">
        <v>199</v>
      </c>
      <c r="AD1003" t="s">
        <v>175</v>
      </c>
      <c r="AE1003" t="s">
        <v>175</v>
      </c>
      <c r="AF1003" t="s">
        <v>175</v>
      </c>
      <c r="AG1003" t="s">
        <v>181</v>
      </c>
      <c r="AH1003" t="s">
        <v>175</v>
      </c>
      <c r="AI1003" t="s">
        <v>230</v>
      </c>
      <c r="AJ1003" t="s">
        <v>175</v>
      </c>
      <c r="AK1003" t="s">
        <v>175</v>
      </c>
      <c r="AL1003" t="s">
        <v>52</v>
      </c>
      <c r="AM1003" t="s">
        <v>184</v>
      </c>
      <c r="AN1003" t="s">
        <v>185</v>
      </c>
      <c r="AO1003" t="s">
        <v>182</v>
      </c>
      <c r="AP1003" s="1">
        <v>0</v>
      </c>
      <c r="AQ1003" s="1">
        <v>0</v>
      </c>
      <c r="AR1003" s="1">
        <v>0</v>
      </c>
      <c r="AS1003" t="s">
        <v>206</v>
      </c>
      <c r="AT1003" t="s">
        <v>183</v>
      </c>
      <c r="AU1003" s="1">
        <v>0</v>
      </c>
      <c r="AV1003" t="s">
        <v>201</v>
      </c>
      <c r="AW1003" t="s">
        <v>658</v>
      </c>
      <c r="AX1003" t="s">
        <v>186</v>
      </c>
      <c r="AZ1003" t="s">
        <v>207</v>
      </c>
      <c r="BA1003" t="s">
        <v>188</v>
      </c>
      <c r="BF1003" t="s">
        <v>49</v>
      </c>
      <c r="BG1003" s="1">
        <v>0</v>
      </c>
      <c r="BH1003" t="s">
        <v>211</v>
      </c>
      <c r="BK1003" s="1">
        <v>0</v>
      </c>
      <c r="BL1003" t="s">
        <v>659</v>
      </c>
      <c r="BM1003" t="s">
        <v>191</v>
      </c>
      <c r="BN1003" t="s">
        <v>660</v>
      </c>
      <c r="BO1003" t="s">
        <v>218</v>
      </c>
      <c r="BP1003" t="s">
        <v>661</v>
      </c>
    </row>
    <row r="1004" spans="1:69" x14ac:dyDescent="0.25">
      <c r="A1004" s="1">
        <v>30450179</v>
      </c>
      <c r="B1004" t="s">
        <v>2145</v>
      </c>
      <c r="C1004" t="s">
        <v>39</v>
      </c>
      <c r="D1004" t="s">
        <v>1616</v>
      </c>
      <c r="E1004" t="s">
        <v>175</v>
      </c>
      <c r="L1004" t="s">
        <v>52</v>
      </c>
      <c r="M1004" s="1">
        <v>0</v>
      </c>
      <c r="N1004" s="1">
        <v>0</v>
      </c>
      <c r="O1004" t="s">
        <v>1616</v>
      </c>
      <c r="P1004" t="s">
        <v>176</v>
      </c>
      <c r="Q1004" t="s">
        <v>196</v>
      </c>
      <c r="S1004" t="s">
        <v>178</v>
      </c>
      <c r="T1004" t="s">
        <v>175</v>
      </c>
      <c r="Y1004" t="s">
        <v>224</v>
      </c>
      <c r="AC1004" t="s">
        <v>266</v>
      </c>
      <c r="AD1004" t="s">
        <v>175</v>
      </c>
      <c r="AE1004" t="s">
        <v>181</v>
      </c>
      <c r="AF1004" t="s">
        <v>230</v>
      </c>
      <c r="AG1004" t="s">
        <v>230</v>
      </c>
      <c r="AH1004" t="s">
        <v>175</v>
      </c>
      <c r="AI1004" t="s">
        <v>181</v>
      </c>
      <c r="AJ1004" t="s">
        <v>230</v>
      </c>
      <c r="AK1004" t="s">
        <v>175</v>
      </c>
      <c r="AL1004" t="s">
        <v>42</v>
      </c>
      <c r="AM1004" t="s">
        <v>183</v>
      </c>
      <c r="AN1004" t="s">
        <v>204</v>
      </c>
      <c r="AO1004" t="s">
        <v>184</v>
      </c>
      <c r="AP1004" t="s">
        <v>205</v>
      </c>
      <c r="AQ1004" t="s">
        <v>185</v>
      </c>
      <c r="AR1004" t="s">
        <v>182</v>
      </c>
      <c r="AS1004" t="s">
        <v>206</v>
      </c>
      <c r="AT1004" t="s">
        <v>202</v>
      </c>
      <c r="AU1004" t="s">
        <v>203</v>
      </c>
      <c r="AV1004" t="s">
        <v>201</v>
      </c>
      <c r="AY1004" t="s">
        <v>187</v>
      </c>
      <c r="BA1004" t="s">
        <v>188</v>
      </c>
      <c r="BB1004" t="s">
        <v>208</v>
      </c>
      <c r="BC1004" t="s">
        <v>209</v>
      </c>
      <c r="BF1004" t="s">
        <v>292</v>
      </c>
      <c r="BG1004" t="s">
        <v>301</v>
      </c>
      <c r="BH1004" t="s">
        <v>190</v>
      </c>
      <c r="BK1004" t="s">
        <v>191</v>
      </c>
      <c r="BM1004" t="s">
        <v>191</v>
      </c>
      <c r="BO1004" t="s">
        <v>191</v>
      </c>
      <c r="BQ1004" t="s">
        <v>2146</v>
      </c>
    </row>
    <row r="1005" spans="1:69" x14ac:dyDescent="0.25">
      <c r="A1005" s="1">
        <v>30450183</v>
      </c>
      <c r="B1005" t="s">
        <v>662</v>
      </c>
      <c r="C1005" t="s">
        <v>39</v>
      </c>
      <c r="D1005" t="s">
        <v>174</v>
      </c>
      <c r="E1005" t="s">
        <v>195</v>
      </c>
      <c r="L1005" t="s">
        <v>52</v>
      </c>
      <c r="M1005" s="1">
        <v>0</v>
      </c>
      <c r="N1005" s="1">
        <v>0</v>
      </c>
      <c r="O1005" t="s">
        <v>174</v>
      </c>
      <c r="P1005" t="s">
        <v>176</v>
      </c>
      <c r="Q1005" t="s">
        <v>177</v>
      </c>
      <c r="S1005" t="s">
        <v>178</v>
      </c>
      <c r="T1005" t="s">
        <v>299</v>
      </c>
      <c r="U1005" t="s">
        <v>663</v>
      </c>
      <c r="V1005" t="s">
        <v>397</v>
      </c>
      <c r="W1005" t="s">
        <v>262</v>
      </c>
      <c r="X1005" t="s">
        <v>179</v>
      </c>
      <c r="Y1005" t="s">
        <v>224</v>
      </c>
      <c r="Z1005" t="s">
        <v>244</v>
      </c>
      <c r="AC1005" t="s">
        <v>199</v>
      </c>
      <c r="AD1005" t="s">
        <v>299</v>
      </c>
      <c r="AE1005" t="s">
        <v>181</v>
      </c>
      <c r="AF1005" t="s">
        <v>181</v>
      </c>
      <c r="AG1005" t="s">
        <v>230</v>
      </c>
      <c r="AH1005" t="s">
        <v>299</v>
      </c>
      <c r="AI1005" t="s">
        <v>230</v>
      </c>
      <c r="AJ1005" t="s">
        <v>181</v>
      </c>
      <c r="AK1005" t="s">
        <v>230</v>
      </c>
      <c r="AL1005" t="s">
        <v>42</v>
      </c>
      <c r="AM1005" s="1">
        <v>0</v>
      </c>
      <c r="AN1005" s="1">
        <v>0</v>
      </c>
      <c r="AO1005" s="1">
        <v>0</v>
      </c>
      <c r="AP1005" s="1">
        <v>0</v>
      </c>
      <c r="AQ1005" s="1">
        <v>0</v>
      </c>
      <c r="AR1005" s="1">
        <v>0</v>
      </c>
      <c r="AS1005" s="1">
        <v>0</v>
      </c>
      <c r="AT1005" s="1">
        <v>0</v>
      </c>
      <c r="AU1005" s="1">
        <v>0</v>
      </c>
      <c r="AV1005" s="1">
        <v>0</v>
      </c>
      <c r="BF1005" s="1">
        <v>0</v>
      </c>
      <c r="BG1005" s="1">
        <v>0</v>
      </c>
      <c r="BH1005" s="1">
        <v>0</v>
      </c>
      <c r="BK1005" s="1">
        <v>0</v>
      </c>
      <c r="BM1005" s="1">
        <v>0</v>
      </c>
      <c r="BO1005" s="1">
        <v>0</v>
      </c>
    </row>
    <row r="1006" spans="1:69" x14ac:dyDescent="0.25">
      <c r="A1006" s="1">
        <v>30450184</v>
      </c>
      <c r="B1006" t="s">
        <v>4288</v>
      </c>
      <c r="C1006" t="s">
        <v>39</v>
      </c>
      <c r="D1006" t="s">
        <v>3727</v>
      </c>
      <c r="E1006" t="s">
        <v>175</v>
      </c>
      <c r="L1006" t="s">
        <v>52</v>
      </c>
      <c r="M1006" s="1">
        <v>0</v>
      </c>
      <c r="N1006" s="1">
        <v>0</v>
      </c>
      <c r="O1006" t="s">
        <v>3728</v>
      </c>
      <c r="P1006" t="s">
        <v>176</v>
      </c>
      <c r="Q1006" t="s">
        <v>238</v>
      </c>
      <c r="S1006" t="s">
        <v>178</v>
      </c>
      <c r="T1006" t="s">
        <v>175</v>
      </c>
      <c r="Y1006" t="s">
        <v>224</v>
      </c>
      <c r="AC1006" t="s">
        <v>180</v>
      </c>
      <c r="AD1006" t="s">
        <v>200</v>
      </c>
      <c r="AE1006" t="s">
        <v>200</v>
      </c>
      <c r="AF1006" t="s">
        <v>175</v>
      </c>
      <c r="AG1006" t="s">
        <v>175</v>
      </c>
      <c r="AH1006" t="s">
        <v>200</v>
      </c>
      <c r="AI1006" t="s">
        <v>200</v>
      </c>
      <c r="AJ1006" t="s">
        <v>200</v>
      </c>
      <c r="AK1006" t="s">
        <v>200</v>
      </c>
      <c r="AL1006" t="s">
        <v>42</v>
      </c>
      <c r="AM1006" t="s">
        <v>182</v>
      </c>
      <c r="AN1006" t="s">
        <v>184</v>
      </c>
      <c r="AO1006" t="s">
        <v>205</v>
      </c>
      <c r="AP1006" t="s">
        <v>183</v>
      </c>
      <c r="AQ1006" t="s">
        <v>185</v>
      </c>
      <c r="AR1006" t="s">
        <v>201</v>
      </c>
      <c r="AS1006" t="s">
        <v>206</v>
      </c>
      <c r="AT1006" t="s">
        <v>204</v>
      </c>
      <c r="AU1006" t="s">
        <v>202</v>
      </c>
      <c r="AV1006" t="s">
        <v>203</v>
      </c>
      <c r="AX1006" t="s">
        <v>186</v>
      </c>
      <c r="AY1006" t="s">
        <v>187</v>
      </c>
      <c r="AZ1006" t="s">
        <v>207</v>
      </c>
      <c r="BA1006" t="s">
        <v>188</v>
      </c>
      <c r="BF1006" t="s">
        <v>210</v>
      </c>
      <c r="BG1006" s="1">
        <v>0</v>
      </c>
      <c r="BH1006" t="s">
        <v>211</v>
      </c>
      <c r="BK1006" t="s">
        <v>191</v>
      </c>
      <c r="BL1006" t="s">
        <v>911</v>
      </c>
      <c r="BM1006" t="s">
        <v>191</v>
      </c>
      <c r="BN1006" t="s">
        <v>4289</v>
      </c>
      <c r="BO1006" t="s">
        <v>191</v>
      </c>
    </row>
    <row r="1007" spans="1:69" x14ac:dyDescent="0.25">
      <c r="A1007" s="1">
        <v>30450185</v>
      </c>
      <c r="B1007" t="s">
        <v>664</v>
      </c>
      <c r="C1007" t="s">
        <v>39</v>
      </c>
      <c r="D1007" t="s">
        <v>174</v>
      </c>
      <c r="E1007" t="s">
        <v>195</v>
      </c>
      <c r="L1007" t="s">
        <v>52</v>
      </c>
      <c r="M1007" s="1">
        <v>0</v>
      </c>
      <c r="N1007" s="1">
        <v>0</v>
      </c>
      <c r="O1007" t="s">
        <v>174</v>
      </c>
      <c r="P1007" t="s">
        <v>176</v>
      </c>
      <c r="Q1007" t="s">
        <v>177</v>
      </c>
      <c r="S1007" t="s">
        <v>178</v>
      </c>
      <c r="T1007" s="1">
        <v>0</v>
      </c>
      <c r="Y1007" t="s">
        <v>224</v>
      </c>
      <c r="AC1007" t="s">
        <v>180</v>
      </c>
      <c r="AD1007" t="s">
        <v>175</v>
      </c>
      <c r="AE1007" t="s">
        <v>175</v>
      </c>
      <c r="AF1007" t="s">
        <v>230</v>
      </c>
      <c r="AG1007" t="s">
        <v>175</v>
      </c>
      <c r="AH1007" t="s">
        <v>175</v>
      </c>
      <c r="AI1007" t="s">
        <v>175</v>
      </c>
      <c r="AJ1007" t="s">
        <v>175</v>
      </c>
      <c r="AK1007" t="s">
        <v>175</v>
      </c>
      <c r="AL1007" t="s">
        <v>42</v>
      </c>
      <c r="AM1007" s="1">
        <v>0</v>
      </c>
      <c r="AN1007" s="1">
        <v>0</v>
      </c>
      <c r="AO1007" s="1">
        <v>0</v>
      </c>
      <c r="AP1007" s="1">
        <v>0</v>
      </c>
      <c r="AQ1007" s="1">
        <v>0</v>
      </c>
      <c r="AR1007" s="1">
        <v>0</v>
      </c>
      <c r="AS1007" s="1">
        <v>0</v>
      </c>
      <c r="AT1007" s="1">
        <v>0</v>
      </c>
      <c r="AU1007" s="1">
        <v>0</v>
      </c>
      <c r="AV1007" s="1">
        <v>0</v>
      </c>
      <c r="BC1007" t="s">
        <v>209</v>
      </c>
      <c r="BF1007" t="s">
        <v>292</v>
      </c>
      <c r="BG1007" t="s">
        <v>233</v>
      </c>
      <c r="BH1007" t="s">
        <v>211</v>
      </c>
      <c r="BK1007" t="s">
        <v>218</v>
      </c>
      <c r="BM1007" t="s">
        <v>191</v>
      </c>
      <c r="BN1007" t="s">
        <v>665</v>
      </c>
      <c r="BO1007" t="s">
        <v>191</v>
      </c>
      <c r="BP1007" t="s">
        <v>666</v>
      </c>
      <c r="BQ1007" t="s">
        <v>667</v>
      </c>
    </row>
    <row r="1008" spans="1:69" x14ac:dyDescent="0.25">
      <c r="A1008" s="1">
        <v>30450189</v>
      </c>
      <c r="B1008" t="s">
        <v>3132</v>
      </c>
      <c r="C1008" t="s">
        <v>39</v>
      </c>
      <c r="D1008" t="s">
        <v>3125</v>
      </c>
      <c r="L1008" t="s">
        <v>52</v>
      </c>
      <c r="M1008" s="1">
        <v>0</v>
      </c>
      <c r="N1008" s="1">
        <v>0</v>
      </c>
      <c r="O1008" t="s">
        <v>49</v>
      </c>
      <c r="P1008" s="1">
        <v>0</v>
      </c>
      <c r="Q1008" s="1">
        <v>0</v>
      </c>
      <c r="S1008" s="1">
        <v>0</v>
      </c>
      <c r="T1008" s="1">
        <v>0</v>
      </c>
      <c r="AC1008" s="1">
        <v>0</v>
      </c>
      <c r="AD1008" s="1">
        <v>0</v>
      </c>
      <c r="AE1008" s="1">
        <v>0</v>
      </c>
      <c r="AF1008" s="1">
        <v>0</v>
      </c>
      <c r="AG1008" s="1">
        <v>0</v>
      </c>
      <c r="AH1008" s="1">
        <v>0</v>
      </c>
      <c r="AI1008" s="1">
        <v>0</v>
      </c>
      <c r="AJ1008" s="1">
        <v>0</v>
      </c>
      <c r="AK1008" s="1">
        <v>0</v>
      </c>
      <c r="AL1008" s="1">
        <v>0</v>
      </c>
      <c r="AM1008" s="1">
        <v>0</v>
      </c>
      <c r="AN1008" s="1">
        <v>0</v>
      </c>
      <c r="AO1008" s="1">
        <v>0</v>
      </c>
      <c r="AP1008" s="1">
        <v>0</v>
      </c>
      <c r="AQ1008" s="1">
        <v>0</v>
      </c>
      <c r="AR1008" s="1">
        <v>0</v>
      </c>
      <c r="AS1008" s="1">
        <v>0</v>
      </c>
      <c r="AT1008" s="1">
        <v>0</v>
      </c>
      <c r="AU1008" s="1">
        <v>0</v>
      </c>
      <c r="AV1008" s="1">
        <v>0</v>
      </c>
      <c r="BF1008" s="1">
        <v>0</v>
      </c>
      <c r="BG1008" s="1">
        <v>0</v>
      </c>
      <c r="BH1008" s="1">
        <v>0</v>
      </c>
      <c r="BK1008" s="1">
        <v>0</v>
      </c>
      <c r="BM1008" s="1">
        <v>0</v>
      </c>
      <c r="BO1008" s="1">
        <v>0</v>
      </c>
    </row>
    <row r="1009" spans="1:69" x14ac:dyDescent="0.25">
      <c r="A1009" s="1">
        <v>30450191</v>
      </c>
      <c r="B1009" t="s">
        <v>1355</v>
      </c>
      <c r="C1009" t="s">
        <v>39</v>
      </c>
      <c r="D1009" t="s">
        <v>942</v>
      </c>
      <c r="E1009" t="s">
        <v>200</v>
      </c>
      <c r="L1009" t="s">
        <v>52</v>
      </c>
      <c r="M1009" s="1">
        <v>0</v>
      </c>
      <c r="N1009" s="1">
        <v>0</v>
      </c>
      <c r="O1009" t="s">
        <v>942</v>
      </c>
      <c r="P1009" t="s">
        <v>176</v>
      </c>
      <c r="Q1009" t="s">
        <v>177</v>
      </c>
      <c r="S1009" t="s">
        <v>178</v>
      </c>
      <c r="T1009" t="s">
        <v>200</v>
      </c>
      <c r="AA1009" t="s">
        <v>273</v>
      </c>
      <c r="AB1009" t="s">
        <v>1356</v>
      </c>
      <c r="AC1009" t="s">
        <v>1357</v>
      </c>
      <c r="AD1009" t="s">
        <v>175</v>
      </c>
      <c r="AE1009" t="s">
        <v>175</v>
      </c>
      <c r="AF1009" t="s">
        <v>175</v>
      </c>
      <c r="AG1009" t="s">
        <v>230</v>
      </c>
      <c r="AH1009" t="s">
        <v>175</v>
      </c>
      <c r="AI1009" t="s">
        <v>175</v>
      </c>
      <c r="AJ1009" t="s">
        <v>175</v>
      </c>
      <c r="AK1009" t="s">
        <v>175</v>
      </c>
      <c r="AL1009" t="s">
        <v>42</v>
      </c>
      <c r="AM1009" t="s">
        <v>201</v>
      </c>
      <c r="AN1009" t="s">
        <v>184</v>
      </c>
      <c r="AO1009" t="s">
        <v>185</v>
      </c>
      <c r="AP1009" t="s">
        <v>206</v>
      </c>
      <c r="AQ1009" t="s">
        <v>202</v>
      </c>
      <c r="AR1009" t="s">
        <v>204</v>
      </c>
      <c r="AS1009" t="s">
        <v>205</v>
      </c>
      <c r="AT1009" t="s">
        <v>182</v>
      </c>
      <c r="AU1009" t="s">
        <v>183</v>
      </c>
      <c r="AV1009" t="s">
        <v>203</v>
      </c>
      <c r="BA1009" t="s">
        <v>188</v>
      </c>
      <c r="BC1009" t="s">
        <v>209</v>
      </c>
      <c r="BF1009" t="s">
        <v>210</v>
      </c>
      <c r="BG1009" s="1">
        <v>0</v>
      </c>
      <c r="BH1009" t="s">
        <v>211</v>
      </c>
      <c r="BK1009" t="s">
        <v>191</v>
      </c>
      <c r="BM1009" s="1">
        <v>0</v>
      </c>
      <c r="BO1009" t="s">
        <v>218</v>
      </c>
    </row>
    <row r="1010" spans="1:69" x14ac:dyDescent="0.25">
      <c r="A1010" s="1">
        <v>30450196</v>
      </c>
      <c r="B1010" t="s">
        <v>3499</v>
      </c>
      <c r="C1010" t="s">
        <v>39</v>
      </c>
      <c r="D1010" t="s">
        <v>3138</v>
      </c>
      <c r="E1010" t="s">
        <v>195</v>
      </c>
      <c r="L1010" t="s">
        <v>52</v>
      </c>
      <c r="M1010" s="1">
        <v>0</v>
      </c>
      <c r="N1010" s="1">
        <v>0</v>
      </c>
      <c r="O1010" t="s">
        <v>3139</v>
      </c>
      <c r="P1010" t="s">
        <v>176</v>
      </c>
      <c r="Q1010" t="s">
        <v>177</v>
      </c>
      <c r="S1010" t="s">
        <v>256</v>
      </c>
      <c r="T1010" t="s">
        <v>297</v>
      </c>
      <c r="U1010" t="s">
        <v>3500</v>
      </c>
      <c r="X1010" t="s">
        <v>179</v>
      </c>
      <c r="AC1010" t="s">
        <v>266</v>
      </c>
      <c r="AD1010" t="s">
        <v>175</v>
      </c>
      <c r="AE1010" t="s">
        <v>175</v>
      </c>
      <c r="AF1010" t="s">
        <v>181</v>
      </c>
      <c r="AG1010" t="s">
        <v>230</v>
      </c>
      <c r="AH1010" t="s">
        <v>200</v>
      </c>
      <c r="AI1010" t="s">
        <v>200</v>
      </c>
      <c r="AJ1010" t="s">
        <v>175</v>
      </c>
      <c r="AK1010" t="s">
        <v>175</v>
      </c>
      <c r="AL1010" t="s">
        <v>42</v>
      </c>
      <c r="AM1010" t="s">
        <v>185</v>
      </c>
      <c r="AN1010" t="s">
        <v>202</v>
      </c>
      <c r="AO1010" t="s">
        <v>201</v>
      </c>
      <c r="AP1010" t="s">
        <v>183</v>
      </c>
      <c r="AQ1010" t="s">
        <v>182</v>
      </c>
      <c r="AR1010" t="s">
        <v>184</v>
      </c>
      <c r="AS1010" t="s">
        <v>204</v>
      </c>
      <c r="AT1010" t="s">
        <v>206</v>
      </c>
      <c r="AU1010" t="s">
        <v>203</v>
      </c>
      <c r="AV1010" t="s">
        <v>205</v>
      </c>
      <c r="AW1010" t="s">
        <v>3501</v>
      </c>
      <c r="AX1010" t="s">
        <v>186</v>
      </c>
      <c r="AZ1010" t="s">
        <v>207</v>
      </c>
      <c r="BA1010" t="s">
        <v>188</v>
      </c>
      <c r="BC1010" t="s">
        <v>209</v>
      </c>
      <c r="BF1010" t="s">
        <v>189</v>
      </c>
      <c r="BG1010" s="1">
        <v>0</v>
      </c>
      <c r="BH1010" t="s">
        <v>211</v>
      </c>
      <c r="BK1010" t="s">
        <v>191</v>
      </c>
      <c r="BL1010" t="s">
        <v>3502</v>
      </c>
      <c r="BM1010" t="s">
        <v>191</v>
      </c>
      <c r="BN1010" t="s">
        <v>3503</v>
      </c>
      <c r="BO1010" t="s">
        <v>191</v>
      </c>
      <c r="BP1010" t="s">
        <v>2614</v>
      </c>
      <c r="BQ1010" t="s">
        <v>3504</v>
      </c>
    </row>
    <row r="1011" spans="1:69" x14ac:dyDescent="0.25">
      <c r="A1011" s="1">
        <v>30450198</v>
      </c>
      <c r="B1011" t="s">
        <v>125</v>
      </c>
      <c r="C1011" t="s">
        <v>39</v>
      </c>
      <c r="L1011" s="1">
        <v>0</v>
      </c>
      <c r="M1011" s="1">
        <v>0</v>
      </c>
      <c r="N1011" s="1">
        <v>0</v>
      </c>
      <c r="O1011" s="1">
        <v>0</v>
      </c>
      <c r="P1011" s="1">
        <v>0</v>
      </c>
      <c r="Q1011" s="1">
        <v>0</v>
      </c>
      <c r="S1011" s="1">
        <v>0</v>
      </c>
      <c r="T1011" s="1">
        <v>0</v>
      </c>
      <c r="AC1011" s="1">
        <v>0</v>
      </c>
      <c r="AD1011" s="1">
        <v>0</v>
      </c>
      <c r="AE1011" s="1">
        <v>0</v>
      </c>
      <c r="AF1011" s="1">
        <v>0</v>
      </c>
      <c r="AG1011" s="1">
        <v>0</v>
      </c>
      <c r="AH1011" s="1">
        <v>0</v>
      </c>
      <c r="AI1011" s="1">
        <v>0</v>
      </c>
      <c r="AJ1011" s="1">
        <v>0</v>
      </c>
      <c r="AK1011" s="1">
        <v>0</v>
      </c>
      <c r="AL1011" s="1">
        <v>0</v>
      </c>
      <c r="AM1011" s="1">
        <v>0</v>
      </c>
      <c r="AN1011" s="1">
        <v>0</v>
      </c>
      <c r="AO1011" s="1">
        <v>0</v>
      </c>
      <c r="AP1011" s="1">
        <v>0</v>
      </c>
      <c r="AQ1011" s="1">
        <v>0</v>
      </c>
      <c r="AR1011" s="1">
        <v>0</v>
      </c>
      <c r="AS1011" s="1">
        <v>0</v>
      </c>
      <c r="AT1011" s="1">
        <v>0</v>
      </c>
      <c r="AU1011" s="1">
        <v>0</v>
      </c>
      <c r="AV1011" s="1">
        <v>0</v>
      </c>
      <c r="BF1011" s="1">
        <v>0</v>
      </c>
      <c r="BG1011" s="1">
        <v>0</v>
      </c>
      <c r="BH1011" s="1">
        <v>0</v>
      </c>
      <c r="BK1011" s="1">
        <v>0</v>
      </c>
      <c r="BM1011" s="1">
        <v>0</v>
      </c>
      <c r="BO1011" s="1">
        <v>0</v>
      </c>
    </row>
    <row r="1012" spans="1:69" x14ac:dyDescent="0.25">
      <c r="A1012" s="1">
        <v>30450199</v>
      </c>
      <c r="B1012" t="s">
        <v>126</v>
      </c>
      <c r="C1012" t="s">
        <v>39</v>
      </c>
      <c r="L1012" s="1">
        <v>0</v>
      </c>
      <c r="M1012" s="1">
        <v>0</v>
      </c>
      <c r="N1012" s="1">
        <v>0</v>
      </c>
      <c r="O1012" s="1">
        <v>0</v>
      </c>
      <c r="P1012" s="1">
        <v>0</v>
      </c>
      <c r="Q1012" s="1">
        <v>0</v>
      </c>
      <c r="S1012" s="1">
        <v>0</v>
      </c>
      <c r="T1012" s="1">
        <v>0</v>
      </c>
      <c r="AC1012" s="1">
        <v>0</v>
      </c>
      <c r="AD1012" s="1">
        <v>0</v>
      </c>
      <c r="AE1012" s="1">
        <v>0</v>
      </c>
      <c r="AF1012" s="1">
        <v>0</v>
      </c>
      <c r="AG1012" s="1">
        <v>0</v>
      </c>
      <c r="AH1012" s="1">
        <v>0</v>
      </c>
      <c r="AI1012" s="1">
        <v>0</v>
      </c>
      <c r="AJ1012" s="1">
        <v>0</v>
      </c>
      <c r="AK1012" s="1">
        <v>0</v>
      </c>
      <c r="AL1012" s="1">
        <v>0</v>
      </c>
      <c r="AM1012" s="1">
        <v>0</v>
      </c>
      <c r="AN1012" s="1">
        <v>0</v>
      </c>
      <c r="AO1012" s="1">
        <v>0</v>
      </c>
      <c r="AP1012" s="1">
        <v>0</v>
      </c>
      <c r="AQ1012" s="1">
        <v>0</v>
      </c>
      <c r="AR1012" s="1">
        <v>0</v>
      </c>
      <c r="AS1012" s="1">
        <v>0</v>
      </c>
      <c r="AT1012" s="1">
        <v>0</v>
      </c>
      <c r="AU1012" s="1">
        <v>0</v>
      </c>
      <c r="AV1012" s="1">
        <v>0</v>
      </c>
      <c r="BF1012" s="1">
        <v>0</v>
      </c>
      <c r="BG1012" s="1">
        <v>0</v>
      </c>
      <c r="BH1012" s="1">
        <v>0</v>
      </c>
      <c r="BK1012" s="1">
        <v>0</v>
      </c>
      <c r="BM1012" s="1">
        <v>0</v>
      </c>
      <c r="BO1012" s="1">
        <v>0</v>
      </c>
    </row>
    <row r="1013" spans="1:69" x14ac:dyDescent="0.25">
      <c r="A1013" s="1">
        <v>30450200</v>
      </c>
      <c r="B1013" t="s">
        <v>127</v>
      </c>
      <c r="C1013" t="s">
        <v>39</v>
      </c>
      <c r="L1013" s="1">
        <v>0</v>
      </c>
      <c r="M1013" s="1">
        <v>0</v>
      </c>
      <c r="N1013" s="1">
        <v>0</v>
      </c>
      <c r="O1013" s="1">
        <v>0</v>
      </c>
      <c r="P1013" s="1">
        <v>0</v>
      </c>
      <c r="Q1013" s="1">
        <v>0</v>
      </c>
      <c r="S1013" s="1">
        <v>0</v>
      </c>
      <c r="T1013" s="1">
        <v>0</v>
      </c>
      <c r="AC1013" s="1">
        <v>0</v>
      </c>
      <c r="AD1013" s="1">
        <v>0</v>
      </c>
      <c r="AE1013" s="1">
        <v>0</v>
      </c>
      <c r="AF1013" s="1">
        <v>0</v>
      </c>
      <c r="AG1013" s="1">
        <v>0</v>
      </c>
      <c r="AH1013" s="1">
        <v>0</v>
      </c>
      <c r="AI1013" s="1">
        <v>0</v>
      </c>
      <c r="AJ1013" s="1">
        <v>0</v>
      </c>
      <c r="AK1013" s="1">
        <v>0</v>
      </c>
      <c r="AL1013" s="1">
        <v>0</v>
      </c>
      <c r="AM1013" s="1">
        <v>0</v>
      </c>
      <c r="AN1013" s="1">
        <v>0</v>
      </c>
      <c r="AO1013" s="1">
        <v>0</v>
      </c>
      <c r="AP1013" s="1">
        <v>0</v>
      </c>
      <c r="AQ1013" s="1">
        <v>0</v>
      </c>
      <c r="AR1013" s="1">
        <v>0</v>
      </c>
      <c r="AS1013" s="1">
        <v>0</v>
      </c>
      <c r="AT1013" s="1">
        <v>0</v>
      </c>
      <c r="AU1013" s="1">
        <v>0</v>
      </c>
      <c r="AV1013" s="1">
        <v>0</v>
      </c>
      <c r="BF1013" s="1">
        <v>0</v>
      </c>
      <c r="BG1013" s="1">
        <v>0</v>
      </c>
      <c r="BH1013" s="1">
        <v>0</v>
      </c>
      <c r="BK1013" s="1">
        <v>0</v>
      </c>
      <c r="BM1013" s="1">
        <v>0</v>
      </c>
      <c r="BO1013" s="1">
        <v>0</v>
      </c>
    </row>
    <row r="1014" spans="1:69" x14ac:dyDescent="0.25">
      <c r="A1014" s="1">
        <v>30450201</v>
      </c>
      <c r="B1014" t="s">
        <v>128</v>
      </c>
      <c r="C1014" t="s">
        <v>39</v>
      </c>
      <c r="L1014" s="1">
        <v>0</v>
      </c>
      <c r="M1014" s="1">
        <v>0</v>
      </c>
      <c r="N1014" s="1">
        <v>0</v>
      </c>
      <c r="O1014" s="1">
        <v>0</v>
      </c>
      <c r="P1014" s="1">
        <v>0</v>
      </c>
      <c r="Q1014" s="1">
        <v>0</v>
      </c>
      <c r="S1014" s="1">
        <v>0</v>
      </c>
      <c r="T1014" s="1">
        <v>0</v>
      </c>
      <c r="AC1014" s="1">
        <v>0</v>
      </c>
      <c r="AD1014" s="1">
        <v>0</v>
      </c>
      <c r="AE1014" s="1">
        <v>0</v>
      </c>
      <c r="AF1014" s="1">
        <v>0</v>
      </c>
      <c r="AG1014" s="1">
        <v>0</v>
      </c>
      <c r="AH1014" s="1">
        <v>0</v>
      </c>
      <c r="AI1014" s="1">
        <v>0</v>
      </c>
      <c r="AJ1014" s="1">
        <v>0</v>
      </c>
      <c r="AK1014" s="1">
        <v>0</v>
      </c>
      <c r="AL1014" s="1">
        <v>0</v>
      </c>
      <c r="AM1014" s="1">
        <v>0</v>
      </c>
      <c r="AN1014" s="1">
        <v>0</v>
      </c>
      <c r="AO1014" s="1">
        <v>0</v>
      </c>
      <c r="AP1014" s="1">
        <v>0</v>
      </c>
      <c r="AQ1014" s="1">
        <v>0</v>
      </c>
      <c r="AR1014" s="1">
        <v>0</v>
      </c>
      <c r="AS1014" s="1">
        <v>0</v>
      </c>
      <c r="AT1014" s="1">
        <v>0</v>
      </c>
      <c r="AU1014" s="1">
        <v>0</v>
      </c>
      <c r="AV1014" s="1">
        <v>0</v>
      </c>
      <c r="BF1014" s="1">
        <v>0</v>
      </c>
      <c r="BG1014" s="1">
        <v>0</v>
      </c>
      <c r="BH1014" s="1">
        <v>0</v>
      </c>
      <c r="BK1014" s="1">
        <v>0</v>
      </c>
      <c r="BM1014" s="1">
        <v>0</v>
      </c>
      <c r="BO1014" s="1">
        <v>0</v>
      </c>
    </row>
    <row r="1015" spans="1:69" x14ac:dyDescent="0.25">
      <c r="A1015" s="1">
        <v>30450202</v>
      </c>
      <c r="B1015" t="s">
        <v>129</v>
      </c>
      <c r="C1015" t="s">
        <v>39</v>
      </c>
      <c r="L1015" s="1">
        <v>0</v>
      </c>
      <c r="M1015" s="1">
        <v>0</v>
      </c>
      <c r="N1015" s="1">
        <v>0</v>
      </c>
      <c r="O1015" s="1">
        <v>0</v>
      </c>
      <c r="P1015" s="1">
        <v>0</v>
      </c>
      <c r="Q1015" s="1">
        <v>0</v>
      </c>
      <c r="S1015" s="1">
        <v>0</v>
      </c>
      <c r="T1015" s="1">
        <v>0</v>
      </c>
      <c r="AC1015" s="1">
        <v>0</v>
      </c>
      <c r="AD1015" s="1">
        <v>0</v>
      </c>
      <c r="AE1015" s="1">
        <v>0</v>
      </c>
      <c r="AF1015" s="1">
        <v>0</v>
      </c>
      <c r="AG1015" s="1">
        <v>0</v>
      </c>
      <c r="AH1015" s="1">
        <v>0</v>
      </c>
      <c r="AI1015" s="1">
        <v>0</v>
      </c>
      <c r="AJ1015" s="1">
        <v>0</v>
      </c>
      <c r="AK1015" s="1">
        <v>0</v>
      </c>
      <c r="AL1015" s="1">
        <v>0</v>
      </c>
      <c r="AM1015" s="1">
        <v>0</v>
      </c>
      <c r="AN1015" s="1">
        <v>0</v>
      </c>
      <c r="AO1015" s="1">
        <v>0</v>
      </c>
      <c r="AP1015" s="1">
        <v>0</v>
      </c>
      <c r="AQ1015" s="1">
        <v>0</v>
      </c>
      <c r="AR1015" s="1">
        <v>0</v>
      </c>
      <c r="AS1015" s="1">
        <v>0</v>
      </c>
      <c r="AT1015" s="1">
        <v>0</v>
      </c>
      <c r="AU1015" s="1">
        <v>0</v>
      </c>
      <c r="AV1015" s="1">
        <v>0</v>
      </c>
      <c r="BF1015" s="1">
        <v>0</v>
      </c>
      <c r="BG1015" s="1">
        <v>0</v>
      </c>
      <c r="BH1015" s="1">
        <v>0</v>
      </c>
      <c r="BK1015" s="1">
        <v>0</v>
      </c>
      <c r="BM1015" s="1">
        <v>0</v>
      </c>
      <c r="BO1015" s="1">
        <v>0</v>
      </c>
    </row>
    <row r="1016" spans="1:69" x14ac:dyDescent="0.25">
      <c r="A1016" s="1">
        <v>30450203</v>
      </c>
      <c r="B1016" t="s">
        <v>130</v>
      </c>
      <c r="C1016" t="s">
        <v>39</v>
      </c>
      <c r="L1016" s="1">
        <v>0</v>
      </c>
      <c r="M1016" s="1">
        <v>0</v>
      </c>
      <c r="N1016" s="1">
        <v>0</v>
      </c>
      <c r="O1016" s="1">
        <v>0</v>
      </c>
      <c r="P1016" s="1">
        <v>0</v>
      </c>
      <c r="Q1016" s="1">
        <v>0</v>
      </c>
      <c r="S1016" s="1">
        <v>0</v>
      </c>
      <c r="T1016" s="1">
        <v>0</v>
      </c>
      <c r="AC1016" s="1">
        <v>0</v>
      </c>
      <c r="AD1016" s="1">
        <v>0</v>
      </c>
      <c r="AE1016" s="1">
        <v>0</v>
      </c>
      <c r="AF1016" s="1">
        <v>0</v>
      </c>
      <c r="AG1016" s="1">
        <v>0</v>
      </c>
      <c r="AH1016" s="1">
        <v>0</v>
      </c>
      <c r="AI1016" s="1">
        <v>0</v>
      </c>
      <c r="AJ1016" s="1">
        <v>0</v>
      </c>
      <c r="AK1016" s="1">
        <v>0</v>
      </c>
      <c r="AL1016" s="1">
        <v>0</v>
      </c>
      <c r="AM1016" s="1">
        <v>0</v>
      </c>
      <c r="AN1016" s="1">
        <v>0</v>
      </c>
      <c r="AO1016" s="1">
        <v>0</v>
      </c>
      <c r="AP1016" s="1">
        <v>0</v>
      </c>
      <c r="AQ1016" s="1">
        <v>0</v>
      </c>
      <c r="AR1016" s="1">
        <v>0</v>
      </c>
      <c r="AS1016" s="1">
        <v>0</v>
      </c>
      <c r="AT1016" s="1">
        <v>0</v>
      </c>
      <c r="AU1016" s="1">
        <v>0</v>
      </c>
      <c r="AV1016" s="1">
        <v>0</v>
      </c>
      <c r="BF1016" s="1">
        <v>0</v>
      </c>
      <c r="BG1016" s="1">
        <v>0</v>
      </c>
      <c r="BH1016" s="1">
        <v>0</v>
      </c>
      <c r="BK1016" s="1">
        <v>0</v>
      </c>
      <c r="BM1016" s="1">
        <v>0</v>
      </c>
      <c r="BO1016" s="1">
        <v>0</v>
      </c>
    </row>
    <row r="1017" spans="1:69" x14ac:dyDescent="0.25">
      <c r="A1017" s="1">
        <v>30450204</v>
      </c>
      <c r="B1017" t="s">
        <v>131</v>
      </c>
      <c r="C1017" t="s">
        <v>39</v>
      </c>
      <c r="L1017" s="1">
        <v>0</v>
      </c>
      <c r="M1017" s="1">
        <v>0</v>
      </c>
      <c r="N1017" s="1">
        <v>0</v>
      </c>
      <c r="O1017" s="1">
        <v>0</v>
      </c>
      <c r="P1017" s="1">
        <v>0</v>
      </c>
      <c r="Q1017" s="1">
        <v>0</v>
      </c>
      <c r="S1017" s="1">
        <v>0</v>
      </c>
      <c r="T1017" s="1">
        <v>0</v>
      </c>
      <c r="AC1017" s="1">
        <v>0</v>
      </c>
      <c r="AD1017" s="1">
        <v>0</v>
      </c>
      <c r="AE1017" s="1">
        <v>0</v>
      </c>
      <c r="AF1017" s="1">
        <v>0</v>
      </c>
      <c r="AG1017" s="1">
        <v>0</v>
      </c>
      <c r="AH1017" s="1">
        <v>0</v>
      </c>
      <c r="AI1017" s="1">
        <v>0</v>
      </c>
      <c r="AJ1017" s="1">
        <v>0</v>
      </c>
      <c r="AK1017" s="1">
        <v>0</v>
      </c>
      <c r="AL1017" s="1">
        <v>0</v>
      </c>
      <c r="AM1017" s="1">
        <v>0</v>
      </c>
      <c r="AN1017" s="1">
        <v>0</v>
      </c>
      <c r="AO1017" s="1">
        <v>0</v>
      </c>
      <c r="AP1017" s="1">
        <v>0</v>
      </c>
      <c r="AQ1017" s="1">
        <v>0</v>
      </c>
      <c r="AR1017" s="1">
        <v>0</v>
      </c>
      <c r="AS1017" s="1">
        <v>0</v>
      </c>
      <c r="AT1017" s="1">
        <v>0</v>
      </c>
      <c r="AU1017" s="1">
        <v>0</v>
      </c>
      <c r="AV1017" s="1">
        <v>0</v>
      </c>
      <c r="BF1017" s="1">
        <v>0</v>
      </c>
      <c r="BG1017" s="1">
        <v>0</v>
      </c>
      <c r="BH1017" s="1">
        <v>0</v>
      </c>
      <c r="BK1017" s="1">
        <v>0</v>
      </c>
      <c r="BM1017" s="1">
        <v>0</v>
      </c>
      <c r="BO1017" s="1">
        <v>0</v>
      </c>
    </row>
    <row r="1018" spans="1:69" x14ac:dyDescent="0.25">
      <c r="A1018" s="1">
        <v>30450206</v>
      </c>
      <c r="B1018" t="s">
        <v>2147</v>
      </c>
      <c r="C1018" t="s">
        <v>39</v>
      </c>
      <c r="D1018" t="s">
        <v>1616</v>
      </c>
      <c r="E1018" t="s">
        <v>200</v>
      </c>
      <c r="L1018" t="s">
        <v>52</v>
      </c>
      <c r="M1018" s="1">
        <v>0</v>
      </c>
      <c r="N1018" s="1">
        <v>0</v>
      </c>
      <c r="O1018" t="s">
        <v>1616</v>
      </c>
      <c r="P1018" t="s">
        <v>216</v>
      </c>
      <c r="Q1018" t="s">
        <v>177</v>
      </c>
      <c r="S1018" s="1">
        <v>0</v>
      </c>
      <c r="T1018" t="s">
        <v>200</v>
      </c>
      <c r="Y1018" t="s">
        <v>224</v>
      </c>
      <c r="AC1018" t="s">
        <v>199</v>
      </c>
      <c r="AD1018" t="s">
        <v>175</v>
      </c>
      <c r="AE1018" t="s">
        <v>175</v>
      </c>
      <c r="AF1018" t="s">
        <v>181</v>
      </c>
      <c r="AG1018" t="s">
        <v>175</v>
      </c>
      <c r="AH1018" t="s">
        <v>175</v>
      </c>
      <c r="AI1018" t="s">
        <v>175</v>
      </c>
      <c r="AJ1018" t="s">
        <v>175</v>
      </c>
      <c r="AK1018" t="s">
        <v>181</v>
      </c>
      <c r="AL1018" t="s">
        <v>42</v>
      </c>
      <c r="AM1018" t="s">
        <v>205</v>
      </c>
      <c r="AN1018" t="s">
        <v>184</v>
      </c>
      <c r="AO1018" t="s">
        <v>185</v>
      </c>
      <c r="AP1018" t="s">
        <v>201</v>
      </c>
      <c r="AQ1018" t="s">
        <v>202</v>
      </c>
      <c r="AR1018" t="s">
        <v>203</v>
      </c>
      <c r="AS1018" t="s">
        <v>206</v>
      </c>
      <c r="AT1018" t="s">
        <v>182</v>
      </c>
      <c r="AU1018" t="s">
        <v>183</v>
      </c>
      <c r="AV1018" t="s">
        <v>204</v>
      </c>
      <c r="AW1018" t="s">
        <v>2148</v>
      </c>
      <c r="AX1018" t="s">
        <v>186</v>
      </c>
      <c r="AZ1018" t="s">
        <v>207</v>
      </c>
      <c r="BA1018" t="s">
        <v>188</v>
      </c>
      <c r="BC1018" t="s">
        <v>209</v>
      </c>
      <c r="BF1018" t="s">
        <v>189</v>
      </c>
      <c r="BG1018" s="1">
        <v>0</v>
      </c>
      <c r="BH1018" t="s">
        <v>247</v>
      </c>
      <c r="BK1018" t="s">
        <v>191</v>
      </c>
      <c r="BL1018" t="s">
        <v>2149</v>
      </c>
      <c r="BM1018" t="s">
        <v>218</v>
      </c>
      <c r="BN1018" t="s">
        <v>2150</v>
      </c>
      <c r="BO1018" t="s">
        <v>191</v>
      </c>
      <c r="BP1018" t="s">
        <v>2151</v>
      </c>
    </row>
    <row r="1019" spans="1:69" x14ac:dyDescent="0.25">
      <c r="A1019" s="1">
        <v>30450211</v>
      </c>
      <c r="B1019" t="s">
        <v>1358</v>
      </c>
      <c r="C1019" t="s">
        <v>39</v>
      </c>
      <c r="D1019" t="s">
        <v>942</v>
      </c>
      <c r="E1019" t="s">
        <v>195</v>
      </c>
      <c r="L1019" t="s">
        <v>52</v>
      </c>
      <c r="M1019" s="1">
        <v>0</v>
      </c>
      <c r="N1019" s="1">
        <v>0</v>
      </c>
      <c r="O1019" t="s">
        <v>942</v>
      </c>
      <c r="P1019" t="s">
        <v>176</v>
      </c>
      <c r="Q1019" t="s">
        <v>177</v>
      </c>
      <c r="S1019" t="s">
        <v>315</v>
      </c>
      <c r="T1019" s="1">
        <v>0</v>
      </c>
      <c r="AC1019" t="s">
        <v>225</v>
      </c>
      <c r="AD1019" t="s">
        <v>200</v>
      </c>
      <c r="AE1019" t="s">
        <v>181</v>
      </c>
      <c r="AF1019" t="s">
        <v>181</v>
      </c>
      <c r="AG1019" t="s">
        <v>181</v>
      </c>
      <c r="AH1019" t="s">
        <v>200</v>
      </c>
      <c r="AI1019" t="s">
        <v>200</v>
      </c>
      <c r="AJ1019" t="s">
        <v>181</v>
      </c>
      <c r="AK1019" t="s">
        <v>181</v>
      </c>
      <c r="AL1019" t="s">
        <v>42</v>
      </c>
      <c r="AM1019" t="s">
        <v>182</v>
      </c>
      <c r="AN1019" t="s">
        <v>201</v>
      </c>
      <c r="AO1019" t="s">
        <v>184</v>
      </c>
      <c r="AP1019" t="s">
        <v>185</v>
      </c>
      <c r="AQ1019" t="s">
        <v>204</v>
      </c>
      <c r="AR1019" t="s">
        <v>202</v>
      </c>
      <c r="AS1019" t="s">
        <v>203</v>
      </c>
      <c r="AT1019" t="s">
        <v>206</v>
      </c>
      <c r="AU1019" t="s">
        <v>183</v>
      </c>
      <c r="AV1019" t="s">
        <v>205</v>
      </c>
      <c r="AY1019" t="s">
        <v>187</v>
      </c>
      <c r="BA1019" t="s">
        <v>188</v>
      </c>
      <c r="BF1019" t="s">
        <v>292</v>
      </c>
      <c r="BG1019" t="s">
        <v>276</v>
      </c>
      <c r="BH1019" t="s">
        <v>247</v>
      </c>
      <c r="BK1019" t="s">
        <v>191</v>
      </c>
      <c r="BL1019" t="s">
        <v>1359</v>
      </c>
      <c r="BM1019" t="s">
        <v>191</v>
      </c>
      <c r="BN1019" t="s">
        <v>1360</v>
      </c>
      <c r="BO1019" t="s">
        <v>191</v>
      </c>
    </row>
    <row r="1020" spans="1:69" x14ac:dyDescent="0.25">
      <c r="A1020" s="1">
        <v>30450214</v>
      </c>
      <c r="B1020" t="s">
        <v>2152</v>
      </c>
      <c r="C1020" t="s">
        <v>39</v>
      </c>
      <c r="D1020" t="s">
        <v>1616</v>
      </c>
      <c r="E1020" t="s">
        <v>175</v>
      </c>
      <c r="L1020" t="s">
        <v>52</v>
      </c>
      <c r="M1020" s="1">
        <v>0</v>
      </c>
      <c r="N1020" s="1">
        <v>0</v>
      </c>
      <c r="O1020" t="s">
        <v>1616</v>
      </c>
      <c r="P1020" t="s">
        <v>176</v>
      </c>
      <c r="Q1020" t="s">
        <v>177</v>
      </c>
      <c r="S1020" t="s">
        <v>256</v>
      </c>
      <c r="T1020" t="s">
        <v>175</v>
      </c>
      <c r="Y1020" t="s">
        <v>224</v>
      </c>
      <c r="AC1020" t="s">
        <v>199</v>
      </c>
      <c r="AD1020" t="s">
        <v>200</v>
      </c>
      <c r="AE1020" t="s">
        <v>200</v>
      </c>
      <c r="AF1020" t="s">
        <v>200</v>
      </c>
      <c r="AG1020" t="s">
        <v>200</v>
      </c>
      <c r="AH1020" t="s">
        <v>200</v>
      </c>
      <c r="AI1020" t="s">
        <v>200</v>
      </c>
      <c r="AJ1020" t="s">
        <v>200</v>
      </c>
      <c r="AK1020" t="s">
        <v>200</v>
      </c>
      <c r="AL1020" t="s">
        <v>52</v>
      </c>
      <c r="AM1020" t="s">
        <v>202</v>
      </c>
      <c r="AN1020" t="s">
        <v>201</v>
      </c>
      <c r="AO1020" t="s">
        <v>203</v>
      </c>
      <c r="AP1020" t="s">
        <v>183</v>
      </c>
      <c r="AQ1020" t="s">
        <v>204</v>
      </c>
      <c r="AR1020" t="s">
        <v>182</v>
      </c>
      <c r="AS1020" t="s">
        <v>185</v>
      </c>
      <c r="AT1020" t="s">
        <v>184</v>
      </c>
      <c r="AU1020" t="s">
        <v>206</v>
      </c>
      <c r="AV1020" t="s">
        <v>205</v>
      </c>
      <c r="AX1020" t="s">
        <v>186</v>
      </c>
      <c r="BA1020" t="s">
        <v>188</v>
      </c>
      <c r="BC1020" t="s">
        <v>209</v>
      </c>
      <c r="BF1020" t="s">
        <v>189</v>
      </c>
      <c r="BG1020" s="1">
        <v>0</v>
      </c>
      <c r="BH1020" t="s">
        <v>247</v>
      </c>
      <c r="BK1020" t="s">
        <v>191</v>
      </c>
      <c r="BL1020" t="s">
        <v>2153</v>
      </c>
      <c r="BM1020" t="s">
        <v>218</v>
      </c>
      <c r="BN1020" t="s">
        <v>2154</v>
      </c>
      <c r="BO1020" t="s">
        <v>191</v>
      </c>
      <c r="BP1020" t="s">
        <v>2155</v>
      </c>
      <c r="BQ1020" t="s">
        <v>2156</v>
      </c>
    </row>
    <row r="1021" spans="1:69" x14ac:dyDescent="0.25">
      <c r="A1021" s="1">
        <v>30450220</v>
      </c>
      <c r="B1021" t="s">
        <v>2157</v>
      </c>
      <c r="C1021" t="s">
        <v>39</v>
      </c>
      <c r="D1021" t="s">
        <v>1616</v>
      </c>
      <c r="E1021" t="s">
        <v>195</v>
      </c>
      <c r="L1021" t="s">
        <v>52</v>
      </c>
      <c r="M1021" s="1">
        <v>0</v>
      </c>
      <c r="N1021" s="1">
        <v>0</v>
      </c>
      <c r="O1021" t="s">
        <v>1616</v>
      </c>
      <c r="P1021" t="s">
        <v>176</v>
      </c>
      <c r="Q1021" t="s">
        <v>258</v>
      </c>
      <c r="S1021" t="s">
        <v>349</v>
      </c>
      <c r="T1021" t="s">
        <v>49</v>
      </c>
      <c r="Y1021" t="s">
        <v>224</v>
      </c>
      <c r="AC1021" t="s">
        <v>180</v>
      </c>
      <c r="AD1021" t="s">
        <v>181</v>
      </c>
      <c r="AE1021" t="s">
        <v>181</v>
      </c>
      <c r="AF1021" t="s">
        <v>230</v>
      </c>
      <c r="AG1021" t="s">
        <v>230</v>
      </c>
      <c r="AH1021" t="s">
        <v>175</v>
      </c>
      <c r="AI1021" t="s">
        <v>175</v>
      </c>
      <c r="AJ1021" t="s">
        <v>181</v>
      </c>
      <c r="AK1021" t="s">
        <v>181</v>
      </c>
      <c r="AL1021" t="s">
        <v>52</v>
      </c>
      <c r="AM1021" t="s">
        <v>206</v>
      </c>
      <c r="AN1021" t="s">
        <v>184</v>
      </c>
      <c r="AO1021" t="s">
        <v>183</v>
      </c>
      <c r="AP1021" t="s">
        <v>201</v>
      </c>
      <c r="AQ1021" t="s">
        <v>204</v>
      </c>
      <c r="AR1021" t="s">
        <v>205</v>
      </c>
      <c r="AS1021" t="s">
        <v>203</v>
      </c>
      <c r="AT1021" t="s">
        <v>185</v>
      </c>
      <c r="AU1021" t="s">
        <v>182</v>
      </c>
      <c r="AV1021" t="s">
        <v>202</v>
      </c>
      <c r="AX1021" t="s">
        <v>186</v>
      </c>
      <c r="AY1021" t="s">
        <v>187</v>
      </c>
      <c r="AZ1021" t="s">
        <v>207</v>
      </c>
      <c r="BA1021" t="s">
        <v>188</v>
      </c>
      <c r="BC1021" t="s">
        <v>209</v>
      </c>
      <c r="BF1021" t="s">
        <v>49</v>
      </c>
      <c r="BG1021" s="1">
        <v>0</v>
      </c>
      <c r="BH1021" t="s">
        <v>464</v>
      </c>
      <c r="BK1021" t="s">
        <v>191</v>
      </c>
      <c r="BL1021" t="s">
        <v>2158</v>
      </c>
      <c r="BM1021" t="s">
        <v>191</v>
      </c>
      <c r="BN1021" t="s">
        <v>2159</v>
      </c>
      <c r="BO1021" t="s">
        <v>191</v>
      </c>
      <c r="BP1021" t="s">
        <v>2160</v>
      </c>
    </row>
    <row r="1022" spans="1:69" x14ac:dyDescent="0.25">
      <c r="A1022" s="1">
        <v>30450224</v>
      </c>
      <c r="B1022" t="s">
        <v>2908</v>
      </c>
      <c r="C1022" t="s">
        <v>39</v>
      </c>
      <c r="D1022" t="s">
        <v>2512</v>
      </c>
      <c r="E1022" t="s">
        <v>200</v>
      </c>
      <c r="L1022" t="s">
        <v>52</v>
      </c>
      <c r="M1022" s="1">
        <v>0</v>
      </c>
      <c r="N1022" s="1">
        <v>0</v>
      </c>
      <c r="O1022" t="s">
        <v>2512</v>
      </c>
      <c r="P1022" t="s">
        <v>216</v>
      </c>
      <c r="Q1022" t="s">
        <v>328</v>
      </c>
      <c r="S1022" s="1">
        <v>0</v>
      </c>
      <c r="T1022" t="s">
        <v>200</v>
      </c>
      <c r="X1022" t="s">
        <v>179</v>
      </c>
      <c r="Y1022" t="s">
        <v>224</v>
      </c>
      <c r="AC1022" t="s">
        <v>266</v>
      </c>
      <c r="AD1022" t="s">
        <v>200</v>
      </c>
      <c r="AE1022" t="s">
        <v>200</v>
      </c>
      <c r="AF1022" t="s">
        <v>230</v>
      </c>
      <c r="AG1022" t="s">
        <v>175</v>
      </c>
      <c r="AH1022" t="s">
        <v>200</v>
      </c>
      <c r="AI1022" t="s">
        <v>200</v>
      </c>
      <c r="AJ1022" t="s">
        <v>200</v>
      </c>
      <c r="AK1022" t="s">
        <v>200</v>
      </c>
      <c r="AL1022" t="s">
        <v>52</v>
      </c>
      <c r="AM1022" t="s">
        <v>183</v>
      </c>
      <c r="AN1022" t="s">
        <v>205</v>
      </c>
      <c r="AO1022" t="s">
        <v>201</v>
      </c>
      <c r="AP1022" t="s">
        <v>182</v>
      </c>
      <c r="AQ1022" t="s">
        <v>185</v>
      </c>
      <c r="AR1022" t="s">
        <v>184</v>
      </c>
      <c r="AS1022" t="s">
        <v>203</v>
      </c>
      <c r="AT1022" t="s">
        <v>202</v>
      </c>
      <c r="AU1022" t="s">
        <v>204</v>
      </c>
      <c r="AV1022" t="s">
        <v>206</v>
      </c>
      <c r="AY1022" t="s">
        <v>187</v>
      </c>
      <c r="AZ1022" t="s">
        <v>207</v>
      </c>
      <c r="BA1022" t="s">
        <v>188</v>
      </c>
      <c r="BC1022" t="s">
        <v>209</v>
      </c>
      <c r="BF1022" t="s">
        <v>232</v>
      </c>
      <c r="BG1022" t="s">
        <v>301</v>
      </c>
      <c r="BH1022" t="s">
        <v>464</v>
      </c>
      <c r="BK1022" t="s">
        <v>191</v>
      </c>
      <c r="BL1022" t="s">
        <v>2909</v>
      </c>
      <c r="BM1022" t="s">
        <v>191</v>
      </c>
      <c r="BN1022" t="s">
        <v>1909</v>
      </c>
      <c r="BO1022" t="s">
        <v>191</v>
      </c>
      <c r="BP1022" t="s">
        <v>1909</v>
      </c>
    </row>
    <row r="1023" spans="1:69" x14ac:dyDescent="0.25">
      <c r="A1023" s="1">
        <v>30450226</v>
      </c>
      <c r="B1023" t="s">
        <v>668</v>
      </c>
      <c r="C1023" t="s">
        <v>39</v>
      </c>
      <c r="D1023" t="s">
        <v>174</v>
      </c>
      <c r="E1023" t="s">
        <v>195</v>
      </c>
      <c r="L1023" t="s">
        <v>52</v>
      </c>
      <c r="M1023" s="1">
        <v>0</v>
      </c>
      <c r="N1023" s="1">
        <v>0</v>
      </c>
      <c r="O1023" t="s">
        <v>174</v>
      </c>
      <c r="P1023" t="s">
        <v>176</v>
      </c>
      <c r="Q1023" t="s">
        <v>238</v>
      </c>
      <c r="S1023" t="s">
        <v>222</v>
      </c>
      <c r="T1023" t="s">
        <v>197</v>
      </c>
      <c r="X1023" t="s">
        <v>179</v>
      </c>
      <c r="AC1023" t="s">
        <v>180</v>
      </c>
      <c r="AD1023" t="s">
        <v>175</v>
      </c>
      <c r="AE1023" t="s">
        <v>175</v>
      </c>
      <c r="AF1023" t="s">
        <v>175</v>
      </c>
      <c r="AG1023" t="s">
        <v>181</v>
      </c>
      <c r="AH1023" t="s">
        <v>175</v>
      </c>
      <c r="AI1023" t="s">
        <v>175</v>
      </c>
      <c r="AJ1023" t="s">
        <v>175</v>
      </c>
      <c r="AK1023" t="s">
        <v>175</v>
      </c>
      <c r="AL1023" t="s">
        <v>42</v>
      </c>
      <c r="AM1023" t="s">
        <v>182</v>
      </c>
      <c r="AN1023" s="1">
        <v>0</v>
      </c>
      <c r="AO1023" t="s">
        <v>185</v>
      </c>
      <c r="AP1023" s="1">
        <v>0</v>
      </c>
      <c r="AQ1023" t="s">
        <v>184</v>
      </c>
      <c r="AR1023" s="1">
        <v>0</v>
      </c>
      <c r="AS1023" s="1">
        <v>0</v>
      </c>
      <c r="AT1023" s="1">
        <v>0</v>
      </c>
      <c r="AU1023" s="1">
        <v>0</v>
      </c>
      <c r="AV1023" s="1">
        <v>0</v>
      </c>
      <c r="AX1023" t="s">
        <v>186</v>
      </c>
      <c r="AZ1023" t="s">
        <v>207</v>
      </c>
      <c r="BF1023" t="s">
        <v>210</v>
      </c>
      <c r="BG1023" s="1">
        <v>0</v>
      </c>
      <c r="BH1023" t="s">
        <v>247</v>
      </c>
      <c r="BK1023" t="s">
        <v>191</v>
      </c>
      <c r="BM1023" t="s">
        <v>191</v>
      </c>
      <c r="BO1023" t="s">
        <v>191</v>
      </c>
    </row>
    <row r="1024" spans="1:69" x14ac:dyDescent="0.25">
      <c r="A1024" s="1">
        <v>30450241</v>
      </c>
      <c r="B1024" t="s">
        <v>1361</v>
      </c>
      <c r="C1024" t="s">
        <v>39</v>
      </c>
      <c r="D1024" t="s">
        <v>942</v>
      </c>
      <c r="E1024" t="s">
        <v>216</v>
      </c>
      <c r="L1024" t="s">
        <v>52</v>
      </c>
      <c r="M1024" s="1">
        <v>0</v>
      </c>
      <c r="N1024" s="1">
        <v>0</v>
      </c>
      <c r="O1024" t="s">
        <v>942</v>
      </c>
      <c r="P1024" t="s">
        <v>216</v>
      </c>
      <c r="Q1024" t="s">
        <v>177</v>
      </c>
      <c r="S1024" s="1">
        <v>0</v>
      </c>
      <c r="T1024" t="s">
        <v>197</v>
      </c>
      <c r="AC1024" s="1">
        <v>0</v>
      </c>
      <c r="AD1024" s="1">
        <v>0</v>
      </c>
      <c r="AE1024" s="1">
        <v>0</v>
      </c>
      <c r="AF1024" s="1">
        <v>0</v>
      </c>
      <c r="AG1024" s="1">
        <v>0</v>
      </c>
      <c r="AH1024" s="1">
        <v>0</v>
      </c>
      <c r="AI1024" s="1">
        <v>0</v>
      </c>
      <c r="AJ1024" s="1">
        <v>0</v>
      </c>
      <c r="AK1024" s="1">
        <v>0</v>
      </c>
      <c r="AL1024" s="1">
        <v>0</v>
      </c>
      <c r="AM1024" s="1">
        <v>0</v>
      </c>
      <c r="AN1024" s="1">
        <v>0</v>
      </c>
      <c r="AO1024" s="1">
        <v>0</v>
      </c>
      <c r="AP1024" s="1">
        <v>0</v>
      </c>
      <c r="AQ1024" s="1">
        <v>0</v>
      </c>
      <c r="AR1024" s="1">
        <v>0</v>
      </c>
      <c r="AS1024" s="1">
        <v>0</v>
      </c>
      <c r="AT1024" s="1">
        <v>0</v>
      </c>
      <c r="AU1024" s="1">
        <v>0</v>
      </c>
      <c r="AV1024" s="1">
        <v>0</v>
      </c>
      <c r="BF1024" s="1">
        <v>0</v>
      </c>
      <c r="BG1024" s="1">
        <v>0</v>
      </c>
      <c r="BH1024" s="1">
        <v>0</v>
      </c>
      <c r="BK1024" s="1">
        <v>0</v>
      </c>
      <c r="BM1024" s="1">
        <v>0</v>
      </c>
      <c r="BO1024" s="1">
        <v>0</v>
      </c>
    </row>
    <row r="1025" spans="1:69" x14ac:dyDescent="0.25">
      <c r="A1025" s="1">
        <v>30450244</v>
      </c>
      <c r="B1025" t="s">
        <v>4290</v>
      </c>
      <c r="C1025" t="s">
        <v>39</v>
      </c>
      <c r="D1025" t="s">
        <v>3727</v>
      </c>
      <c r="E1025" t="s">
        <v>175</v>
      </c>
      <c r="L1025" t="s">
        <v>52</v>
      </c>
      <c r="M1025" s="1">
        <v>0</v>
      </c>
      <c r="N1025" s="1">
        <v>0</v>
      </c>
      <c r="O1025" t="s">
        <v>3728</v>
      </c>
      <c r="P1025" t="s">
        <v>176</v>
      </c>
      <c r="Q1025" t="s">
        <v>196</v>
      </c>
      <c r="S1025" t="s">
        <v>178</v>
      </c>
      <c r="T1025" t="s">
        <v>175</v>
      </c>
      <c r="Y1025" t="s">
        <v>224</v>
      </c>
      <c r="AC1025" t="s">
        <v>180</v>
      </c>
      <c r="AD1025" t="s">
        <v>181</v>
      </c>
      <c r="AE1025" t="s">
        <v>181</v>
      </c>
      <c r="AF1025" t="s">
        <v>181</v>
      </c>
      <c r="AG1025" t="s">
        <v>181</v>
      </c>
      <c r="AH1025" t="s">
        <v>181</v>
      </c>
      <c r="AI1025" t="s">
        <v>181</v>
      </c>
      <c r="AJ1025" t="s">
        <v>181</v>
      </c>
      <c r="AK1025" t="s">
        <v>181</v>
      </c>
      <c r="AL1025" t="s">
        <v>42</v>
      </c>
      <c r="AM1025" t="s">
        <v>205</v>
      </c>
      <c r="AN1025" t="s">
        <v>183</v>
      </c>
      <c r="AO1025" t="s">
        <v>185</v>
      </c>
      <c r="AP1025" t="s">
        <v>184</v>
      </c>
      <c r="AQ1025" t="s">
        <v>203</v>
      </c>
      <c r="AR1025" t="s">
        <v>204</v>
      </c>
      <c r="AS1025" t="s">
        <v>182</v>
      </c>
      <c r="AT1025" t="s">
        <v>201</v>
      </c>
      <c r="AU1025" t="s">
        <v>206</v>
      </c>
      <c r="AV1025" t="s">
        <v>202</v>
      </c>
      <c r="AZ1025" t="s">
        <v>207</v>
      </c>
      <c r="BF1025" t="s">
        <v>210</v>
      </c>
      <c r="BG1025" s="1">
        <v>0</v>
      </c>
      <c r="BH1025" t="s">
        <v>190</v>
      </c>
      <c r="BK1025" t="s">
        <v>191</v>
      </c>
      <c r="BL1025" t="s">
        <v>4291</v>
      </c>
      <c r="BM1025" t="s">
        <v>218</v>
      </c>
      <c r="BN1025" t="s">
        <v>1057</v>
      </c>
      <c r="BO1025" t="s">
        <v>218</v>
      </c>
      <c r="BP1025" t="s">
        <v>4292</v>
      </c>
      <c r="BQ1025" t="s">
        <v>737</v>
      </c>
    </row>
    <row r="1026" spans="1:69" x14ac:dyDescent="0.25">
      <c r="A1026" s="1">
        <v>30450255</v>
      </c>
      <c r="B1026" t="s">
        <v>4293</v>
      </c>
      <c r="C1026" t="s">
        <v>39</v>
      </c>
      <c r="D1026" t="s">
        <v>3727</v>
      </c>
      <c r="E1026" t="s">
        <v>175</v>
      </c>
      <c r="L1026" t="s">
        <v>52</v>
      </c>
      <c r="M1026" s="1">
        <v>0</v>
      </c>
      <c r="N1026" s="1">
        <v>0</v>
      </c>
      <c r="O1026" t="s">
        <v>3728</v>
      </c>
      <c r="P1026" t="s">
        <v>176</v>
      </c>
      <c r="Q1026" t="s">
        <v>177</v>
      </c>
      <c r="S1026" t="s">
        <v>222</v>
      </c>
      <c r="T1026" t="s">
        <v>175</v>
      </c>
      <c r="AC1026" s="1">
        <v>0</v>
      </c>
      <c r="AD1026" s="1">
        <v>0</v>
      </c>
      <c r="AE1026" s="1">
        <v>0</v>
      </c>
      <c r="AF1026" s="1">
        <v>0</v>
      </c>
      <c r="AG1026" s="1">
        <v>0</v>
      </c>
      <c r="AH1026" s="1">
        <v>0</v>
      </c>
      <c r="AI1026" s="1">
        <v>0</v>
      </c>
      <c r="AJ1026" s="1">
        <v>0</v>
      </c>
      <c r="AK1026" s="1">
        <v>0</v>
      </c>
      <c r="AL1026" s="1">
        <v>0</v>
      </c>
      <c r="AM1026" s="1">
        <v>0</v>
      </c>
      <c r="AN1026" s="1">
        <v>0</v>
      </c>
      <c r="AO1026" s="1">
        <v>0</v>
      </c>
      <c r="AP1026" s="1">
        <v>0</v>
      </c>
      <c r="AQ1026" s="1">
        <v>0</v>
      </c>
      <c r="AR1026" s="1">
        <v>0</v>
      </c>
      <c r="AS1026" s="1">
        <v>0</v>
      </c>
      <c r="AT1026" s="1">
        <v>0</v>
      </c>
      <c r="AU1026" s="1">
        <v>0</v>
      </c>
      <c r="AV1026" s="1">
        <v>0</v>
      </c>
      <c r="BF1026" s="1">
        <v>0</v>
      </c>
      <c r="BG1026" s="1">
        <v>0</v>
      </c>
      <c r="BH1026" s="1">
        <v>0</v>
      </c>
      <c r="BK1026" s="1">
        <v>0</v>
      </c>
      <c r="BM1026" s="1">
        <v>0</v>
      </c>
      <c r="BO1026" s="1">
        <v>0</v>
      </c>
    </row>
    <row r="1027" spans="1:69" x14ac:dyDescent="0.25">
      <c r="A1027" s="1">
        <v>30450258</v>
      </c>
      <c r="B1027" t="s">
        <v>2910</v>
      </c>
      <c r="C1027" t="s">
        <v>39</v>
      </c>
      <c r="D1027" t="s">
        <v>2512</v>
      </c>
      <c r="E1027" t="s">
        <v>175</v>
      </c>
      <c r="L1027" t="s">
        <v>52</v>
      </c>
      <c r="M1027" s="1">
        <v>0</v>
      </c>
      <c r="N1027" s="1">
        <v>0</v>
      </c>
      <c r="O1027" t="s">
        <v>2512</v>
      </c>
      <c r="P1027" t="s">
        <v>176</v>
      </c>
      <c r="Q1027" t="s">
        <v>258</v>
      </c>
      <c r="S1027" t="s">
        <v>178</v>
      </c>
      <c r="T1027" t="s">
        <v>175</v>
      </c>
      <c r="AC1027" s="1">
        <v>0</v>
      </c>
      <c r="AD1027" s="1">
        <v>0</v>
      </c>
      <c r="AE1027" s="1">
        <v>0</v>
      </c>
      <c r="AF1027" s="1">
        <v>0</v>
      </c>
      <c r="AG1027" s="1">
        <v>0</v>
      </c>
      <c r="AH1027" s="1">
        <v>0</v>
      </c>
      <c r="AI1027" s="1">
        <v>0</v>
      </c>
      <c r="AJ1027" s="1">
        <v>0</v>
      </c>
      <c r="AK1027" s="1">
        <v>0</v>
      </c>
      <c r="AL1027" s="1">
        <v>0</v>
      </c>
      <c r="AM1027" s="1">
        <v>0</v>
      </c>
      <c r="AN1027" s="1">
        <v>0</v>
      </c>
      <c r="AO1027" s="1">
        <v>0</v>
      </c>
      <c r="AP1027" s="1">
        <v>0</v>
      </c>
      <c r="AQ1027" s="1">
        <v>0</v>
      </c>
      <c r="AR1027" s="1">
        <v>0</v>
      </c>
      <c r="AS1027" s="1">
        <v>0</v>
      </c>
      <c r="AT1027" s="1">
        <v>0</v>
      </c>
      <c r="AU1027" s="1">
        <v>0</v>
      </c>
      <c r="AV1027" s="1">
        <v>0</v>
      </c>
      <c r="BF1027" s="1">
        <v>0</v>
      </c>
      <c r="BG1027" s="1">
        <v>0</v>
      </c>
      <c r="BH1027" s="1">
        <v>0</v>
      </c>
      <c r="BK1027" s="1">
        <v>0</v>
      </c>
      <c r="BM1027" s="1">
        <v>0</v>
      </c>
      <c r="BO1027" s="1">
        <v>0</v>
      </c>
    </row>
    <row r="1028" spans="1:69" x14ac:dyDescent="0.25">
      <c r="A1028" s="1">
        <v>30450285</v>
      </c>
      <c r="B1028" t="s">
        <v>669</v>
      </c>
      <c r="C1028" t="s">
        <v>39</v>
      </c>
      <c r="D1028" t="s">
        <v>174</v>
      </c>
      <c r="E1028" t="s">
        <v>175</v>
      </c>
      <c r="L1028" t="s">
        <v>52</v>
      </c>
      <c r="M1028" s="1">
        <v>0</v>
      </c>
      <c r="N1028" s="1">
        <v>0</v>
      </c>
      <c r="O1028" t="s">
        <v>174</v>
      </c>
      <c r="P1028" t="s">
        <v>176</v>
      </c>
      <c r="Q1028" t="s">
        <v>196</v>
      </c>
      <c r="S1028" t="s">
        <v>349</v>
      </c>
      <c r="T1028" t="s">
        <v>175</v>
      </c>
      <c r="AA1028" t="s">
        <v>273</v>
      </c>
      <c r="AB1028" t="s">
        <v>670</v>
      </c>
      <c r="AC1028" t="s">
        <v>180</v>
      </c>
      <c r="AD1028" t="s">
        <v>175</v>
      </c>
      <c r="AE1028" t="s">
        <v>175</v>
      </c>
      <c r="AF1028" t="s">
        <v>175</v>
      </c>
      <c r="AG1028" t="s">
        <v>175</v>
      </c>
      <c r="AH1028" t="s">
        <v>175</v>
      </c>
      <c r="AI1028" t="s">
        <v>175</v>
      </c>
      <c r="AJ1028" t="s">
        <v>175</v>
      </c>
      <c r="AK1028" t="s">
        <v>175</v>
      </c>
      <c r="AL1028" t="s">
        <v>42</v>
      </c>
      <c r="AM1028" t="s">
        <v>185</v>
      </c>
      <c r="AN1028" t="s">
        <v>182</v>
      </c>
      <c r="AO1028" t="s">
        <v>201</v>
      </c>
      <c r="AP1028" t="s">
        <v>183</v>
      </c>
      <c r="AQ1028" t="s">
        <v>202</v>
      </c>
      <c r="AR1028" t="s">
        <v>203</v>
      </c>
      <c r="AS1028" t="s">
        <v>205</v>
      </c>
      <c r="AT1028" t="s">
        <v>184</v>
      </c>
      <c r="AU1028" t="s">
        <v>206</v>
      </c>
      <c r="AV1028" t="s">
        <v>204</v>
      </c>
      <c r="AX1028" t="s">
        <v>186</v>
      </c>
      <c r="AY1028" t="s">
        <v>187</v>
      </c>
      <c r="AZ1028" t="s">
        <v>207</v>
      </c>
      <c r="BF1028" t="s">
        <v>210</v>
      </c>
      <c r="BG1028" s="1">
        <v>0</v>
      </c>
      <c r="BH1028" t="s">
        <v>211</v>
      </c>
      <c r="BK1028" t="s">
        <v>191</v>
      </c>
      <c r="BL1028" t="s">
        <v>671</v>
      </c>
      <c r="BM1028" t="s">
        <v>191</v>
      </c>
      <c r="BN1028" t="s">
        <v>624</v>
      </c>
      <c r="BO1028" t="s">
        <v>191</v>
      </c>
      <c r="BP1028" t="s">
        <v>672</v>
      </c>
      <c r="BQ1028" t="s">
        <v>673</v>
      </c>
    </row>
    <row r="1029" spans="1:69" x14ac:dyDescent="0.25">
      <c r="A1029" s="1">
        <v>30450313</v>
      </c>
      <c r="B1029" t="s">
        <v>3505</v>
      </c>
      <c r="C1029" t="s">
        <v>39</v>
      </c>
      <c r="D1029" t="s">
        <v>3138</v>
      </c>
      <c r="E1029" t="s">
        <v>200</v>
      </c>
      <c r="L1029" t="s">
        <v>52</v>
      </c>
      <c r="M1029" s="1">
        <v>0</v>
      </c>
      <c r="N1029" s="1">
        <v>0</v>
      </c>
      <c r="O1029" t="s">
        <v>3139</v>
      </c>
      <c r="P1029" t="s">
        <v>176</v>
      </c>
      <c r="Q1029" t="s">
        <v>258</v>
      </c>
      <c r="S1029" t="s">
        <v>315</v>
      </c>
      <c r="T1029" t="s">
        <v>200</v>
      </c>
      <c r="X1029" t="s">
        <v>179</v>
      </c>
      <c r="AC1029" t="s">
        <v>199</v>
      </c>
      <c r="AD1029" t="s">
        <v>200</v>
      </c>
      <c r="AE1029" t="s">
        <v>200</v>
      </c>
      <c r="AF1029" t="s">
        <v>200</v>
      </c>
      <c r="AG1029" t="s">
        <v>175</v>
      </c>
      <c r="AH1029" t="s">
        <v>200</v>
      </c>
      <c r="AI1029" t="s">
        <v>200</v>
      </c>
      <c r="AJ1029" t="s">
        <v>200</v>
      </c>
      <c r="AK1029" t="s">
        <v>200</v>
      </c>
      <c r="AL1029" t="s">
        <v>52</v>
      </c>
      <c r="AM1029" t="s">
        <v>204</v>
      </c>
      <c r="AN1029" t="s">
        <v>201</v>
      </c>
      <c r="AO1029" t="s">
        <v>184</v>
      </c>
      <c r="AP1029" t="s">
        <v>182</v>
      </c>
      <c r="AQ1029" t="s">
        <v>202</v>
      </c>
      <c r="AR1029" t="s">
        <v>203</v>
      </c>
      <c r="AS1029" t="s">
        <v>185</v>
      </c>
      <c r="AT1029" t="s">
        <v>205</v>
      </c>
      <c r="AU1029" t="s">
        <v>206</v>
      </c>
      <c r="AV1029" t="s">
        <v>183</v>
      </c>
      <c r="AX1029" t="s">
        <v>186</v>
      </c>
      <c r="AY1029" t="s">
        <v>187</v>
      </c>
      <c r="AZ1029" t="s">
        <v>207</v>
      </c>
      <c r="BB1029" t="s">
        <v>208</v>
      </c>
      <c r="BF1029" t="s">
        <v>189</v>
      </c>
      <c r="BG1029" s="1">
        <v>0</v>
      </c>
      <c r="BH1029" t="s">
        <v>464</v>
      </c>
      <c r="BK1029" t="s">
        <v>191</v>
      </c>
      <c r="BL1029" t="s">
        <v>3506</v>
      </c>
      <c r="BM1029" t="s">
        <v>191</v>
      </c>
      <c r="BN1029" t="s">
        <v>3507</v>
      </c>
      <c r="BO1029" t="s">
        <v>191</v>
      </c>
      <c r="BP1029" t="s">
        <v>3508</v>
      </c>
    </row>
    <row r="1030" spans="1:69" x14ac:dyDescent="0.25">
      <c r="A1030" s="1">
        <v>30450317</v>
      </c>
      <c r="B1030" t="s">
        <v>2161</v>
      </c>
      <c r="C1030" t="s">
        <v>39</v>
      </c>
      <c r="D1030" t="s">
        <v>1616</v>
      </c>
      <c r="E1030" t="s">
        <v>175</v>
      </c>
      <c r="L1030" t="s">
        <v>52</v>
      </c>
      <c r="M1030" s="1">
        <v>0</v>
      </c>
      <c r="N1030" s="1">
        <v>0</v>
      </c>
      <c r="O1030" t="s">
        <v>1616</v>
      </c>
      <c r="P1030" t="s">
        <v>216</v>
      </c>
      <c r="Q1030" t="s">
        <v>322</v>
      </c>
      <c r="S1030" s="1">
        <v>0</v>
      </c>
      <c r="T1030" t="s">
        <v>175</v>
      </c>
      <c r="AA1030" t="s">
        <v>273</v>
      </c>
      <c r="AB1030" t="s">
        <v>2162</v>
      </c>
      <c r="AC1030" t="s">
        <v>199</v>
      </c>
      <c r="AD1030" t="s">
        <v>175</v>
      </c>
      <c r="AE1030" t="s">
        <v>175</v>
      </c>
      <c r="AF1030" t="s">
        <v>175</v>
      </c>
      <c r="AG1030" t="s">
        <v>175</v>
      </c>
      <c r="AH1030" t="s">
        <v>200</v>
      </c>
      <c r="AI1030" t="s">
        <v>200</v>
      </c>
      <c r="AJ1030" t="s">
        <v>175</v>
      </c>
      <c r="AK1030" t="s">
        <v>175</v>
      </c>
      <c r="AL1030" t="s">
        <v>42</v>
      </c>
      <c r="AM1030" t="s">
        <v>182</v>
      </c>
      <c r="AN1030" t="s">
        <v>205</v>
      </c>
      <c r="AO1030" t="s">
        <v>184</v>
      </c>
      <c r="AP1030" t="s">
        <v>185</v>
      </c>
      <c r="AQ1030" t="s">
        <v>201</v>
      </c>
      <c r="AR1030" t="s">
        <v>183</v>
      </c>
      <c r="AS1030" t="s">
        <v>202</v>
      </c>
      <c r="AT1030" t="s">
        <v>206</v>
      </c>
      <c r="AU1030" t="s">
        <v>204</v>
      </c>
      <c r="AV1030" t="s">
        <v>203</v>
      </c>
      <c r="AW1030" t="s">
        <v>2163</v>
      </c>
      <c r="AX1030" t="s">
        <v>186</v>
      </c>
      <c r="AY1030" t="s">
        <v>187</v>
      </c>
      <c r="AZ1030" t="s">
        <v>207</v>
      </c>
      <c r="BA1030" t="s">
        <v>188</v>
      </c>
      <c r="BC1030" t="s">
        <v>209</v>
      </c>
      <c r="BF1030" t="s">
        <v>210</v>
      </c>
      <c r="BG1030" s="1">
        <v>0</v>
      </c>
      <c r="BH1030" t="s">
        <v>302</v>
      </c>
      <c r="BI1030" t="s">
        <v>2164</v>
      </c>
      <c r="BK1030" t="s">
        <v>191</v>
      </c>
      <c r="BL1030" t="s">
        <v>2165</v>
      </c>
      <c r="BM1030" t="s">
        <v>191</v>
      </c>
      <c r="BN1030" t="s">
        <v>2166</v>
      </c>
      <c r="BO1030" t="s">
        <v>218</v>
      </c>
      <c r="BP1030" t="s">
        <v>2167</v>
      </c>
      <c r="BQ1030" t="s">
        <v>2168</v>
      </c>
    </row>
    <row r="1031" spans="1:69" x14ac:dyDescent="0.25">
      <c r="A1031" s="1">
        <v>30450346</v>
      </c>
      <c r="B1031" t="s">
        <v>1362</v>
      </c>
      <c r="C1031" t="s">
        <v>39</v>
      </c>
      <c r="D1031" t="s">
        <v>942</v>
      </c>
      <c r="E1031" t="s">
        <v>175</v>
      </c>
      <c r="L1031" t="s">
        <v>52</v>
      </c>
      <c r="M1031" s="1">
        <v>0</v>
      </c>
      <c r="N1031" s="1">
        <v>0</v>
      </c>
      <c r="O1031" t="s">
        <v>942</v>
      </c>
      <c r="P1031" t="s">
        <v>176</v>
      </c>
      <c r="Q1031" t="s">
        <v>196</v>
      </c>
      <c r="S1031" t="s">
        <v>222</v>
      </c>
      <c r="T1031" t="s">
        <v>175</v>
      </c>
      <c r="AC1031" t="s">
        <v>225</v>
      </c>
      <c r="AD1031" t="s">
        <v>175</v>
      </c>
      <c r="AE1031" t="s">
        <v>175</v>
      </c>
      <c r="AF1031" t="s">
        <v>175</v>
      </c>
      <c r="AG1031" t="s">
        <v>175</v>
      </c>
      <c r="AH1031" t="s">
        <v>175</v>
      </c>
      <c r="AI1031" t="s">
        <v>175</v>
      </c>
      <c r="AJ1031" t="s">
        <v>181</v>
      </c>
      <c r="AK1031" t="s">
        <v>175</v>
      </c>
      <c r="AL1031" t="s">
        <v>42</v>
      </c>
      <c r="AM1031" t="s">
        <v>184</v>
      </c>
      <c r="AN1031" t="s">
        <v>206</v>
      </c>
      <c r="AO1031" t="s">
        <v>182</v>
      </c>
      <c r="AP1031" t="s">
        <v>185</v>
      </c>
      <c r="AQ1031" t="s">
        <v>203</v>
      </c>
      <c r="AR1031" t="s">
        <v>202</v>
      </c>
      <c r="AS1031" t="s">
        <v>204</v>
      </c>
      <c r="AT1031" t="s">
        <v>201</v>
      </c>
      <c r="AU1031" t="s">
        <v>205</v>
      </c>
      <c r="AV1031" t="s">
        <v>183</v>
      </c>
      <c r="AW1031" t="s">
        <v>1363</v>
      </c>
      <c r="AX1031" t="s">
        <v>186</v>
      </c>
      <c r="AZ1031" t="s">
        <v>207</v>
      </c>
      <c r="BA1031" t="s">
        <v>188</v>
      </c>
      <c r="BF1031" t="s">
        <v>210</v>
      </c>
      <c r="BG1031" s="1">
        <v>0</v>
      </c>
      <c r="BH1031" t="s">
        <v>190</v>
      </c>
      <c r="BK1031" t="s">
        <v>191</v>
      </c>
      <c r="BM1031" s="1">
        <v>0</v>
      </c>
      <c r="BO1031" t="s">
        <v>191</v>
      </c>
    </row>
    <row r="1032" spans="1:69" x14ac:dyDescent="0.25">
      <c r="A1032" s="1">
        <v>30450356</v>
      </c>
      <c r="B1032" t="s">
        <v>2911</v>
      </c>
      <c r="C1032" t="s">
        <v>39</v>
      </c>
      <c r="D1032" t="s">
        <v>2512</v>
      </c>
      <c r="E1032" t="s">
        <v>200</v>
      </c>
      <c r="L1032" t="s">
        <v>52</v>
      </c>
      <c r="M1032" s="1">
        <v>0</v>
      </c>
      <c r="N1032" s="1">
        <v>0</v>
      </c>
      <c r="O1032" t="s">
        <v>2512</v>
      </c>
      <c r="P1032" t="s">
        <v>216</v>
      </c>
      <c r="Q1032" t="s">
        <v>322</v>
      </c>
      <c r="S1032" s="1">
        <v>0</v>
      </c>
      <c r="T1032" t="s">
        <v>200</v>
      </c>
      <c r="AA1032" t="s">
        <v>273</v>
      </c>
      <c r="AB1032" t="s">
        <v>2912</v>
      </c>
      <c r="AC1032" t="s">
        <v>180</v>
      </c>
      <c r="AD1032" t="s">
        <v>200</v>
      </c>
      <c r="AE1032" t="s">
        <v>200</v>
      </c>
      <c r="AF1032" t="s">
        <v>200</v>
      </c>
      <c r="AG1032" t="s">
        <v>200</v>
      </c>
      <c r="AH1032" t="s">
        <v>200</v>
      </c>
      <c r="AI1032" t="s">
        <v>200</v>
      </c>
      <c r="AJ1032" t="s">
        <v>200</v>
      </c>
      <c r="AK1032" t="s">
        <v>200</v>
      </c>
      <c r="AL1032" t="s">
        <v>42</v>
      </c>
      <c r="AM1032" t="s">
        <v>185</v>
      </c>
      <c r="AN1032" t="s">
        <v>201</v>
      </c>
      <c r="AO1032" t="s">
        <v>184</v>
      </c>
      <c r="AP1032" t="s">
        <v>182</v>
      </c>
      <c r="AQ1032" t="s">
        <v>204</v>
      </c>
      <c r="AR1032" t="s">
        <v>202</v>
      </c>
      <c r="AS1032" t="s">
        <v>203</v>
      </c>
      <c r="AT1032" t="s">
        <v>206</v>
      </c>
      <c r="AU1032" t="s">
        <v>205</v>
      </c>
      <c r="AV1032" t="s">
        <v>183</v>
      </c>
      <c r="AX1032" t="s">
        <v>186</v>
      </c>
      <c r="AZ1032" t="s">
        <v>207</v>
      </c>
      <c r="BF1032" t="s">
        <v>210</v>
      </c>
      <c r="BG1032" s="1">
        <v>0</v>
      </c>
      <c r="BH1032" t="s">
        <v>211</v>
      </c>
      <c r="BK1032" t="s">
        <v>191</v>
      </c>
      <c r="BL1032" t="s">
        <v>2913</v>
      </c>
      <c r="BM1032" t="s">
        <v>191</v>
      </c>
      <c r="BN1032" t="s">
        <v>944</v>
      </c>
      <c r="BO1032" t="s">
        <v>218</v>
      </c>
      <c r="BP1032" t="s">
        <v>944</v>
      </c>
      <c r="BQ1032" t="s">
        <v>225</v>
      </c>
    </row>
    <row r="1033" spans="1:69" x14ac:dyDescent="0.25">
      <c r="A1033" s="1">
        <v>30450357</v>
      </c>
      <c r="B1033" t="s">
        <v>1364</v>
      </c>
      <c r="C1033" t="s">
        <v>39</v>
      </c>
      <c r="D1033" t="s">
        <v>942</v>
      </c>
      <c r="E1033" t="s">
        <v>175</v>
      </c>
      <c r="L1033" t="s">
        <v>52</v>
      </c>
      <c r="M1033" s="1">
        <v>0</v>
      </c>
      <c r="N1033" s="1">
        <v>0</v>
      </c>
      <c r="O1033" t="s">
        <v>942</v>
      </c>
      <c r="P1033" t="s">
        <v>176</v>
      </c>
      <c r="Q1033" t="s">
        <v>177</v>
      </c>
      <c r="S1033" t="s">
        <v>222</v>
      </c>
      <c r="T1033" t="s">
        <v>175</v>
      </c>
      <c r="Y1033" t="s">
        <v>224</v>
      </c>
      <c r="AC1033" t="s">
        <v>180</v>
      </c>
      <c r="AD1033" s="1">
        <v>0</v>
      </c>
      <c r="AE1033" s="1">
        <v>0</v>
      </c>
      <c r="AF1033" s="1">
        <v>0</v>
      </c>
      <c r="AG1033" s="1">
        <v>0</v>
      </c>
      <c r="AH1033" s="1">
        <v>0</v>
      </c>
      <c r="AI1033" s="1">
        <v>0</v>
      </c>
      <c r="AJ1033" s="1">
        <v>0</v>
      </c>
      <c r="AK1033" s="1">
        <v>0</v>
      </c>
      <c r="AL1033" s="1">
        <v>0</v>
      </c>
      <c r="AM1033" s="1">
        <v>0</v>
      </c>
      <c r="AN1033" s="1">
        <v>0</v>
      </c>
      <c r="AO1033" s="1">
        <v>0</v>
      </c>
      <c r="AP1033" s="1">
        <v>0</v>
      </c>
      <c r="AQ1033" s="1">
        <v>0</v>
      </c>
      <c r="AR1033" s="1">
        <v>0</v>
      </c>
      <c r="AS1033" s="1">
        <v>0</v>
      </c>
      <c r="AT1033" s="1">
        <v>0</v>
      </c>
      <c r="AU1033" s="1">
        <v>0</v>
      </c>
      <c r="AV1033" s="1">
        <v>0</v>
      </c>
      <c r="BF1033" s="1">
        <v>0</v>
      </c>
      <c r="BG1033" s="1">
        <v>0</v>
      </c>
      <c r="BH1033" s="1">
        <v>0</v>
      </c>
      <c r="BK1033" s="1">
        <v>0</v>
      </c>
      <c r="BM1033" s="1">
        <v>0</v>
      </c>
      <c r="BO1033" s="1">
        <v>0</v>
      </c>
    </row>
    <row r="1034" spans="1:69" x14ac:dyDescent="0.25">
      <c r="A1034" s="1">
        <v>30450364</v>
      </c>
      <c r="B1034" t="s">
        <v>674</v>
      </c>
      <c r="C1034" t="s">
        <v>39</v>
      </c>
      <c r="D1034" t="s">
        <v>174</v>
      </c>
      <c r="E1034" t="s">
        <v>200</v>
      </c>
      <c r="L1034" t="s">
        <v>52</v>
      </c>
      <c r="M1034" s="1">
        <v>0</v>
      </c>
      <c r="N1034" s="1">
        <v>0</v>
      </c>
      <c r="O1034" t="s">
        <v>174</v>
      </c>
      <c r="P1034" t="s">
        <v>216</v>
      </c>
      <c r="Q1034" t="s">
        <v>177</v>
      </c>
      <c r="S1034" s="1">
        <v>0</v>
      </c>
      <c r="T1034" t="s">
        <v>200</v>
      </c>
      <c r="Y1034" t="s">
        <v>224</v>
      </c>
      <c r="AC1034" t="s">
        <v>180</v>
      </c>
      <c r="AD1034" t="s">
        <v>175</v>
      </c>
      <c r="AE1034" t="s">
        <v>175</v>
      </c>
      <c r="AF1034" t="s">
        <v>181</v>
      </c>
      <c r="AG1034" t="s">
        <v>175</v>
      </c>
      <c r="AH1034" t="s">
        <v>200</v>
      </c>
      <c r="AI1034" t="s">
        <v>200</v>
      </c>
      <c r="AJ1034" t="s">
        <v>175</v>
      </c>
      <c r="AK1034" t="s">
        <v>175</v>
      </c>
      <c r="AL1034" t="s">
        <v>42</v>
      </c>
      <c r="AM1034" t="s">
        <v>206</v>
      </c>
      <c r="AN1034" t="s">
        <v>183</v>
      </c>
      <c r="AO1034" t="s">
        <v>182</v>
      </c>
      <c r="AP1034" t="s">
        <v>185</v>
      </c>
      <c r="AQ1034" t="s">
        <v>204</v>
      </c>
      <c r="AR1034" t="s">
        <v>202</v>
      </c>
      <c r="AS1034" t="s">
        <v>203</v>
      </c>
      <c r="AT1034" t="s">
        <v>184</v>
      </c>
      <c r="AU1034" t="s">
        <v>201</v>
      </c>
      <c r="AV1034" t="s">
        <v>205</v>
      </c>
      <c r="AZ1034" t="s">
        <v>207</v>
      </c>
      <c r="BF1034" t="s">
        <v>292</v>
      </c>
      <c r="BG1034" t="s">
        <v>233</v>
      </c>
      <c r="BH1034" t="s">
        <v>211</v>
      </c>
      <c r="BK1034" t="s">
        <v>191</v>
      </c>
      <c r="BL1034" t="s">
        <v>518</v>
      </c>
      <c r="BM1034" t="s">
        <v>218</v>
      </c>
      <c r="BN1034" t="s">
        <v>675</v>
      </c>
      <c r="BO1034" t="s">
        <v>218</v>
      </c>
    </row>
    <row r="1035" spans="1:69" x14ac:dyDescent="0.25">
      <c r="A1035" s="1">
        <v>30450367</v>
      </c>
      <c r="B1035" t="s">
        <v>4294</v>
      </c>
      <c r="C1035" t="s">
        <v>39</v>
      </c>
      <c r="D1035" t="s">
        <v>3727</v>
      </c>
      <c r="E1035" t="s">
        <v>175</v>
      </c>
      <c r="L1035" t="s">
        <v>52</v>
      </c>
      <c r="M1035" s="1">
        <v>0</v>
      </c>
      <c r="N1035" s="1">
        <v>0</v>
      </c>
      <c r="O1035" t="s">
        <v>3728</v>
      </c>
      <c r="P1035" t="s">
        <v>176</v>
      </c>
      <c r="Q1035" t="s">
        <v>177</v>
      </c>
      <c r="S1035" t="s">
        <v>178</v>
      </c>
      <c r="T1035" t="s">
        <v>175</v>
      </c>
      <c r="Y1035" t="s">
        <v>224</v>
      </c>
      <c r="AC1035" t="s">
        <v>199</v>
      </c>
      <c r="AD1035" t="s">
        <v>175</v>
      </c>
      <c r="AE1035" t="s">
        <v>181</v>
      </c>
      <c r="AF1035" t="s">
        <v>181</v>
      </c>
      <c r="AG1035" t="s">
        <v>175</v>
      </c>
      <c r="AH1035" t="s">
        <v>175</v>
      </c>
      <c r="AI1035" t="s">
        <v>175</v>
      </c>
      <c r="AJ1035" t="s">
        <v>175</v>
      </c>
      <c r="AK1035" t="s">
        <v>175</v>
      </c>
      <c r="AL1035" t="s">
        <v>42</v>
      </c>
      <c r="AM1035" s="1">
        <v>0</v>
      </c>
      <c r="AN1035" s="1">
        <v>0</v>
      </c>
      <c r="AO1035" s="1">
        <v>0</v>
      </c>
      <c r="AP1035" s="1">
        <v>0</v>
      </c>
      <c r="AQ1035" s="1">
        <v>0</v>
      </c>
      <c r="AR1035" s="1">
        <v>0</v>
      </c>
      <c r="AS1035" s="1">
        <v>0</v>
      </c>
      <c r="AT1035" s="1">
        <v>0</v>
      </c>
      <c r="AU1035" s="1">
        <v>0</v>
      </c>
      <c r="AV1035" s="1">
        <v>0</v>
      </c>
      <c r="AX1035" t="s">
        <v>186</v>
      </c>
      <c r="AY1035" t="s">
        <v>187</v>
      </c>
      <c r="AZ1035" t="s">
        <v>207</v>
      </c>
      <c r="BA1035" t="s">
        <v>188</v>
      </c>
      <c r="BB1035" t="s">
        <v>208</v>
      </c>
      <c r="BC1035" t="s">
        <v>209</v>
      </c>
      <c r="BF1035" t="s">
        <v>232</v>
      </c>
      <c r="BG1035" t="s">
        <v>301</v>
      </c>
      <c r="BH1035" t="s">
        <v>211</v>
      </c>
      <c r="BK1035" t="s">
        <v>191</v>
      </c>
      <c r="BL1035" t="s">
        <v>4295</v>
      </c>
      <c r="BM1035" t="s">
        <v>191</v>
      </c>
      <c r="BN1035" t="s">
        <v>4296</v>
      </c>
      <c r="BO1035" t="s">
        <v>191</v>
      </c>
      <c r="BP1035" t="s">
        <v>4297</v>
      </c>
      <c r="BQ1035" t="s">
        <v>4298</v>
      </c>
    </row>
    <row r="1036" spans="1:69" x14ac:dyDescent="0.25">
      <c r="A1036" s="1">
        <v>30450374</v>
      </c>
      <c r="B1036" t="s">
        <v>2914</v>
      </c>
      <c r="C1036" t="s">
        <v>39</v>
      </c>
      <c r="D1036" t="s">
        <v>2512</v>
      </c>
      <c r="E1036" t="s">
        <v>216</v>
      </c>
      <c r="L1036" t="s">
        <v>52</v>
      </c>
      <c r="M1036" s="1">
        <v>0</v>
      </c>
      <c r="N1036" s="1">
        <v>0</v>
      </c>
      <c r="O1036" t="s">
        <v>2512</v>
      </c>
      <c r="P1036" t="s">
        <v>216</v>
      </c>
      <c r="Q1036" t="s">
        <v>322</v>
      </c>
      <c r="S1036" s="1">
        <v>0</v>
      </c>
      <c r="T1036" t="s">
        <v>197</v>
      </c>
      <c r="U1036" t="s">
        <v>2915</v>
      </c>
      <c r="AA1036" t="s">
        <v>273</v>
      </c>
      <c r="AB1036" t="s">
        <v>2916</v>
      </c>
      <c r="AC1036" t="s">
        <v>199</v>
      </c>
      <c r="AD1036" t="s">
        <v>175</v>
      </c>
      <c r="AE1036" t="s">
        <v>175</v>
      </c>
      <c r="AF1036" t="s">
        <v>299</v>
      </c>
      <c r="AG1036" t="s">
        <v>181</v>
      </c>
      <c r="AH1036" t="s">
        <v>175</v>
      </c>
      <c r="AI1036" t="s">
        <v>175</v>
      </c>
      <c r="AJ1036" t="s">
        <v>181</v>
      </c>
      <c r="AK1036" t="s">
        <v>181</v>
      </c>
      <c r="AL1036" t="s">
        <v>42</v>
      </c>
      <c r="AM1036" t="s">
        <v>184</v>
      </c>
      <c r="AN1036" t="s">
        <v>202</v>
      </c>
      <c r="AO1036" t="s">
        <v>182</v>
      </c>
      <c r="AP1036" t="s">
        <v>185</v>
      </c>
      <c r="AQ1036" t="s">
        <v>183</v>
      </c>
      <c r="AR1036" t="s">
        <v>201</v>
      </c>
      <c r="AS1036" t="s">
        <v>203</v>
      </c>
      <c r="AT1036" t="s">
        <v>205</v>
      </c>
      <c r="AU1036" t="s">
        <v>204</v>
      </c>
      <c r="AV1036" t="s">
        <v>206</v>
      </c>
      <c r="AW1036" t="s">
        <v>2917</v>
      </c>
      <c r="AX1036" t="s">
        <v>186</v>
      </c>
      <c r="AZ1036" t="s">
        <v>207</v>
      </c>
      <c r="BA1036" t="s">
        <v>188</v>
      </c>
      <c r="BF1036" t="s">
        <v>210</v>
      </c>
      <c r="BG1036" s="1">
        <v>0</v>
      </c>
      <c r="BH1036" t="s">
        <v>190</v>
      </c>
      <c r="BK1036" t="s">
        <v>191</v>
      </c>
      <c r="BL1036" t="s">
        <v>2918</v>
      </c>
      <c r="BM1036" t="s">
        <v>191</v>
      </c>
      <c r="BN1036" t="s">
        <v>2919</v>
      </c>
      <c r="BO1036" t="s">
        <v>218</v>
      </c>
      <c r="BP1036" t="s">
        <v>2920</v>
      </c>
      <c r="BQ1036" t="s">
        <v>2921</v>
      </c>
    </row>
    <row r="1037" spans="1:69" x14ac:dyDescent="0.25">
      <c r="A1037" s="1">
        <v>30450382</v>
      </c>
      <c r="B1037" t="s">
        <v>2169</v>
      </c>
      <c r="C1037" t="s">
        <v>39</v>
      </c>
      <c r="D1037" t="s">
        <v>1616</v>
      </c>
      <c r="E1037" t="s">
        <v>216</v>
      </c>
      <c r="L1037" t="s">
        <v>52</v>
      </c>
      <c r="M1037" s="1">
        <v>0</v>
      </c>
      <c r="N1037" s="1">
        <v>0</v>
      </c>
      <c r="O1037" t="s">
        <v>1616</v>
      </c>
      <c r="P1037" t="s">
        <v>216</v>
      </c>
      <c r="Q1037" t="s">
        <v>322</v>
      </c>
      <c r="S1037" s="1">
        <v>0</v>
      </c>
      <c r="T1037" t="s">
        <v>197</v>
      </c>
      <c r="X1037" t="s">
        <v>179</v>
      </c>
      <c r="AC1037" t="s">
        <v>180</v>
      </c>
      <c r="AD1037" s="1">
        <v>0</v>
      </c>
      <c r="AE1037" t="s">
        <v>181</v>
      </c>
      <c r="AF1037" t="s">
        <v>181</v>
      </c>
      <c r="AG1037" s="1">
        <v>0</v>
      </c>
      <c r="AH1037" t="s">
        <v>200</v>
      </c>
      <c r="AI1037" t="s">
        <v>200</v>
      </c>
      <c r="AJ1037" t="s">
        <v>230</v>
      </c>
      <c r="AK1037" s="1">
        <v>0</v>
      </c>
      <c r="AL1037" t="s">
        <v>42</v>
      </c>
      <c r="AM1037" t="s">
        <v>183</v>
      </c>
      <c r="AN1037" t="s">
        <v>184</v>
      </c>
      <c r="AO1037" t="s">
        <v>185</v>
      </c>
      <c r="AP1037" t="s">
        <v>201</v>
      </c>
      <c r="AQ1037" t="s">
        <v>202</v>
      </c>
      <c r="AR1037" t="s">
        <v>203</v>
      </c>
      <c r="AS1037" t="s">
        <v>206</v>
      </c>
      <c r="AT1037" t="s">
        <v>182</v>
      </c>
      <c r="AU1037" t="s">
        <v>205</v>
      </c>
      <c r="AV1037" t="s">
        <v>204</v>
      </c>
      <c r="AW1037" t="s">
        <v>2170</v>
      </c>
      <c r="AX1037" t="s">
        <v>186</v>
      </c>
      <c r="AY1037" t="s">
        <v>187</v>
      </c>
      <c r="AZ1037" t="s">
        <v>207</v>
      </c>
      <c r="BA1037" t="s">
        <v>188</v>
      </c>
      <c r="BF1037" t="s">
        <v>232</v>
      </c>
      <c r="BG1037" t="s">
        <v>301</v>
      </c>
      <c r="BH1037" t="s">
        <v>211</v>
      </c>
      <c r="BK1037" t="s">
        <v>191</v>
      </c>
      <c r="BL1037" t="s">
        <v>2171</v>
      </c>
      <c r="BM1037" t="s">
        <v>191</v>
      </c>
      <c r="BN1037" t="s">
        <v>2172</v>
      </c>
      <c r="BO1037" t="s">
        <v>191</v>
      </c>
      <c r="BP1037" t="s">
        <v>2173</v>
      </c>
    </row>
    <row r="1038" spans="1:69" x14ac:dyDescent="0.25">
      <c r="A1038" s="1">
        <v>30450387</v>
      </c>
      <c r="B1038" t="s">
        <v>3509</v>
      </c>
      <c r="C1038" t="s">
        <v>39</v>
      </c>
      <c r="D1038" t="s">
        <v>3138</v>
      </c>
      <c r="E1038" t="s">
        <v>200</v>
      </c>
      <c r="L1038" t="s">
        <v>52</v>
      </c>
      <c r="M1038" s="1">
        <v>0</v>
      </c>
      <c r="N1038" s="1">
        <v>0</v>
      </c>
      <c r="O1038" t="s">
        <v>3139</v>
      </c>
      <c r="P1038" t="s">
        <v>216</v>
      </c>
      <c r="Q1038" t="s">
        <v>328</v>
      </c>
      <c r="S1038" s="1">
        <v>0</v>
      </c>
      <c r="T1038" t="s">
        <v>200</v>
      </c>
      <c r="Y1038" t="s">
        <v>224</v>
      </c>
      <c r="AC1038" t="s">
        <v>180</v>
      </c>
      <c r="AD1038" t="s">
        <v>200</v>
      </c>
      <c r="AE1038" t="s">
        <v>200</v>
      </c>
      <c r="AF1038" t="s">
        <v>200</v>
      </c>
      <c r="AG1038" t="s">
        <v>200</v>
      </c>
      <c r="AH1038" t="s">
        <v>200</v>
      </c>
      <c r="AI1038" t="s">
        <v>200</v>
      </c>
      <c r="AJ1038" t="s">
        <v>200</v>
      </c>
      <c r="AK1038" t="s">
        <v>200</v>
      </c>
      <c r="AL1038" t="s">
        <v>42</v>
      </c>
      <c r="AM1038" t="s">
        <v>206</v>
      </c>
      <c r="AN1038" t="s">
        <v>185</v>
      </c>
      <c r="AO1038" t="s">
        <v>183</v>
      </c>
      <c r="AP1038" t="s">
        <v>201</v>
      </c>
      <c r="AQ1038" t="s">
        <v>204</v>
      </c>
      <c r="AR1038" t="s">
        <v>202</v>
      </c>
      <c r="AS1038" t="s">
        <v>203</v>
      </c>
      <c r="AT1038" t="s">
        <v>182</v>
      </c>
      <c r="AU1038" t="s">
        <v>184</v>
      </c>
      <c r="AV1038" t="s">
        <v>205</v>
      </c>
      <c r="AX1038" t="s">
        <v>186</v>
      </c>
      <c r="AZ1038" t="s">
        <v>207</v>
      </c>
      <c r="BB1038" t="s">
        <v>208</v>
      </c>
      <c r="BF1038" t="s">
        <v>232</v>
      </c>
      <c r="BG1038" t="s">
        <v>301</v>
      </c>
      <c r="BH1038" t="s">
        <v>464</v>
      </c>
      <c r="BK1038" t="s">
        <v>191</v>
      </c>
      <c r="BL1038" t="s">
        <v>3510</v>
      </c>
      <c r="BM1038" t="s">
        <v>218</v>
      </c>
      <c r="BN1038" t="s">
        <v>3511</v>
      </c>
      <c r="BO1038" t="s">
        <v>218</v>
      </c>
      <c r="BP1038" t="s">
        <v>3512</v>
      </c>
    </row>
    <row r="1039" spans="1:69" x14ac:dyDescent="0.25">
      <c r="A1039" s="1">
        <v>30450400</v>
      </c>
      <c r="B1039" t="s">
        <v>4299</v>
      </c>
      <c r="C1039" t="s">
        <v>39</v>
      </c>
      <c r="D1039" t="s">
        <v>3727</v>
      </c>
      <c r="E1039" t="s">
        <v>175</v>
      </c>
      <c r="L1039" t="s">
        <v>52</v>
      </c>
      <c r="M1039" s="1">
        <v>0</v>
      </c>
      <c r="N1039" s="1">
        <v>0</v>
      </c>
      <c r="O1039" t="s">
        <v>3728</v>
      </c>
      <c r="P1039" t="s">
        <v>176</v>
      </c>
      <c r="Q1039" t="s">
        <v>196</v>
      </c>
      <c r="S1039" t="s">
        <v>256</v>
      </c>
      <c r="T1039" t="s">
        <v>175</v>
      </c>
      <c r="X1039" t="s">
        <v>179</v>
      </c>
      <c r="AC1039" t="s">
        <v>225</v>
      </c>
      <c r="AD1039" t="s">
        <v>181</v>
      </c>
      <c r="AE1039" t="s">
        <v>181</v>
      </c>
      <c r="AF1039" t="s">
        <v>181</v>
      </c>
      <c r="AG1039" t="s">
        <v>181</v>
      </c>
      <c r="AH1039" t="s">
        <v>181</v>
      </c>
      <c r="AI1039" t="s">
        <v>181</v>
      </c>
      <c r="AJ1039" t="s">
        <v>181</v>
      </c>
      <c r="AK1039" t="s">
        <v>181</v>
      </c>
      <c r="AL1039" t="s">
        <v>42</v>
      </c>
      <c r="AM1039" s="1">
        <v>0</v>
      </c>
      <c r="AN1039" s="1">
        <v>0</v>
      </c>
      <c r="AO1039" s="1">
        <v>0</v>
      </c>
      <c r="AP1039" s="1">
        <v>0</v>
      </c>
      <c r="AQ1039" s="1">
        <v>0</v>
      </c>
      <c r="AR1039" s="1">
        <v>0</v>
      </c>
      <c r="AS1039" s="1">
        <v>0</v>
      </c>
      <c r="AT1039" s="1">
        <v>0</v>
      </c>
      <c r="AU1039" s="1">
        <v>0</v>
      </c>
      <c r="AV1039" s="1">
        <v>0</v>
      </c>
      <c r="BF1039" s="1">
        <v>0</v>
      </c>
      <c r="BG1039" s="1">
        <v>0</v>
      </c>
      <c r="BH1039" s="1">
        <v>0</v>
      </c>
      <c r="BK1039" s="1">
        <v>0</v>
      </c>
      <c r="BM1039" s="1">
        <v>0</v>
      </c>
      <c r="BO1039" s="1">
        <v>0</v>
      </c>
    </row>
    <row r="1040" spans="1:69" x14ac:dyDescent="0.25">
      <c r="A1040" s="1">
        <v>30450402</v>
      </c>
      <c r="B1040" t="s">
        <v>2174</v>
      </c>
      <c r="C1040" t="s">
        <v>39</v>
      </c>
      <c r="D1040" t="s">
        <v>1616</v>
      </c>
      <c r="E1040" t="s">
        <v>175</v>
      </c>
      <c r="L1040" t="s">
        <v>52</v>
      </c>
      <c r="M1040" s="1">
        <v>0</v>
      </c>
      <c r="N1040" s="1">
        <v>0</v>
      </c>
      <c r="O1040" t="s">
        <v>1616</v>
      </c>
      <c r="P1040" t="s">
        <v>176</v>
      </c>
      <c r="Q1040" t="s">
        <v>177</v>
      </c>
      <c r="S1040" t="s">
        <v>349</v>
      </c>
      <c r="T1040" t="s">
        <v>175</v>
      </c>
      <c r="X1040" t="s">
        <v>179</v>
      </c>
      <c r="AC1040" t="s">
        <v>199</v>
      </c>
      <c r="AD1040" t="s">
        <v>175</v>
      </c>
      <c r="AE1040" t="s">
        <v>175</v>
      </c>
      <c r="AF1040" t="s">
        <v>175</v>
      </c>
      <c r="AG1040" t="s">
        <v>175</v>
      </c>
      <c r="AH1040" t="s">
        <v>175</v>
      </c>
      <c r="AI1040" t="s">
        <v>200</v>
      </c>
      <c r="AJ1040" t="s">
        <v>175</v>
      </c>
      <c r="AK1040" t="s">
        <v>175</v>
      </c>
      <c r="AL1040" t="s">
        <v>42</v>
      </c>
      <c r="AM1040" t="s">
        <v>184</v>
      </c>
      <c r="AN1040" t="s">
        <v>201</v>
      </c>
      <c r="AO1040" t="s">
        <v>185</v>
      </c>
      <c r="AP1040" t="s">
        <v>182</v>
      </c>
      <c r="AQ1040" t="s">
        <v>203</v>
      </c>
      <c r="AR1040" t="s">
        <v>202</v>
      </c>
      <c r="AS1040" t="s">
        <v>204</v>
      </c>
      <c r="AT1040" t="s">
        <v>206</v>
      </c>
      <c r="AU1040" t="s">
        <v>205</v>
      </c>
      <c r="AV1040" t="s">
        <v>183</v>
      </c>
      <c r="AW1040" t="s">
        <v>2175</v>
      </c>
      <c r="AX1040" t="s">
        <v>186</v>
      </c>
      <c r="AY1040" t="s">
        <v>187</v>
      </c>
      <c r="AZ1040" t="s">
        <v>207</v>
      </c>
      <c r="BA1040" t="s">
        <v>188</v>
      </c>
      <c r="BB1040" t="s">
        <v>208</v>
      </c>
      <c r="BC1040" t="s">
        <v>209</v>
      </c>
      <c r="BF1040" t="s">
        <v>232</v>
      </c>
      <c r="BG1040" t="s">
        <v>276</v>
      </c>
      <c r="BH1040" t="s">
        <v>190</v>
      </c>
      <c r="BK1040" t="s">
        <v>191</v>
      </c>
      <c r="BL1040" t="s">
        <v>2176</v>
      </c>
      <c r="BM1040" t="s">
        <v>191</v>
      </c>
      <c r="BN1040" t="s">
        <v>2177</v>
      </c>
      <c r="BO1040" t="s">
        <v>191</v>
      </c>
      <c r="BP1040" t="s">
        <v>2178</v>
      </c>
      <c r="BQ1040" t="s">
        <v>2179</v>
      </c>
    </row>
    <row r="1041" spans="1:69" x14ac:dyDescent="0.25">
      <c r="A1041" s="1">
        <v>30450403</v>
      </c>
      <c r="B1041" t="s">
        <v>2180</v>
      </c>
      <c r="C1041" t="s">
        <v>39</v>
      </c>
      <c r="D1041" t="s">
        <v>1616</v>
      </c>
      <c r="E1041" t="s">
        <v>175</v>
      </c>
      <c r="L1041" t="s">
        <v>52</v>
      </c>
      <c r="M1041" s="1">
        <v>0</v>
      </c>
      <c r="N1041" s="1">
        <v>0</v>
      </c>
      <c r="O1041" t="s">
        <v>1616</v>
      </c>
      <c r="P1041" t="s">
        <v>216</v>
      </c>
      <c r="Q1041" t="s">
        <v>322</v>
      </c>
      <c r="S1041" s="1">
        <v>0</v>
      </c>
      <c r="T1041" t="s">
        <v>175</v>
      </c>
      <c r="Y1041" t="s">
        <v>224</v>
      </c>
      <c r="AC1041" t="s">
        <v>180</v>
      </c>
      <c r="AD1041" t="s">
        <v>230</v>
      </c>
      <c r="AE1041" t="s">
        <v>230</v>
      </c>
      <c r="AF1041" t="s">
        <v>230</v>
      </c>
      <c r="AG1041" t="s">
        <v>230</v>
      </c>
      <c r="AH1041" t="s">
        <v>230</v>
      </c>
      <c r="AI1041" t="s">
        <v>175</v>
      </c>
      <c r="AJ1041" t="s">
        <v>175</v>
      </c>
      <c r="AK1041" t="s">
        <v>230</v>
      </c>
      <c r="AL1041" t="s">
        <v>42</v>
      </c>
      <c r="AM1041" s="1">
        <v>0</v>
      </c>
      <c r="AN1041" s="1">
        <v>0</v>
      </c>
      <c r="AO1041" s="1">
        <v>0</v>
      </c>
      <c r="AP1041" s="1">
        <v>0</v>
      </c>
      <c r="AQ1041" s="1">
        <v>0</v>
      </c>
      <c r="AR1041" s="1">
        <v>0</v>
      </c>
      <c r="AS1041" s="1">
        <v>0</v>
      </c>
      <c r="AT1041" s="1">
        <v>0</v>
      </c>
      <c r="AU1041" s="1">
        <v>0</v>
      </c>
      <c r="AV1041" s="1">
        <v>0</v>
      </c>
      <c r="BF1041" s="1">
        <v>0</v>
      </c>
      <c r="BG1041" s="1">
        <v>0</v>
      </c>
      <c r="BH1041" s="1">
        <v>0</v>
      </c>
      <c r="BK1041" s="1">
        <v>0</v>
      </c>
      <c r="BM1041" s="1">
        <v>0</v>
      </c>
      <c r="BO1041" s="1">
        <v>0</v>
      </c>
    </row>
    <row r="1042" spans="1:69" x14ac:dyDescent="0.25">
      <c r="A1042" s="1">
        <v>30450409</v>
      </c>
      <c r="B1042" t="s">
        <v>676</v>
      </c>
      <c r="C1042" t="s">
        <v>39</v>
      </c>
      <c r="D1042" t="s">
        <v>174</v>
      </c>
      <c r="E1042" t="s">
        <v>216</v>
      </c>
      <c r="L1042" t="s">
        <v>52</v>
      </c>
      <c r="M1042" s="1">
        <v>0</v>
      </c>
      <c r="N1042" s="1">
        <v>0</v>
      </c>
      <c r="O1042" t="s">
        <v>174</v>
      </c>
      <c r="P1042" t="s">
        <v>216</v>
      </c>
      <c r="Q1042" t="s">
        <v>322</v>
      </c>
      <c r="S1042" s="1">
        <v>0</v>
      </c>
      <c r="T1042" t="s">
        <v>197</v>
      </c>
      <c r="U1042" t="s">
        <v>677</v>
      </c>
      <c r="Y1042" t="s">
        <v>224</v>
      </c>
      <c r="Z1042" t="s">
        <v>244</v>
      </c>
      <c r="AC1042" t="s">
        <v>609</v>
      </c>
      <c r="AD1042" t="s">
        <v>230</v>
      </c>
      <c r="AE1042" t="s">
        <v>230</v>
      </c>
      <c r="AF1042" t="s">
        <v>299</v>
      </c>
      <c r="AG1042" t="s">
        <v>181</v>
      </c>
      <c r="AH1042" t="s">
        <v>181</v>
      </c>
      <c r="AI1042" t="s">
        <v>175</v>
      </c>
      <c r="AJ1042" t="s">
        <v>175</v>
      </c>
      <c r="AK1042" t="s">
        <v>230</v>
      </c>
      <c r="AL1042" t="s">
        <v>52</v>
      </c>
      <c r="AM1042" t="s">
        <v>184</v>
      </c>
      <c r="AN1042" t="s">
        <v>206</v>
      </c>
      <c r="AO1042" t="s">
        <v>205</v>
      </c>
      <c r="AP1042" t="s">
        <v>185</v>
      </c>
      <c r="AQ1042" t="s">
        <v>202</v>
      </c>
      <c r="AR1042" t="s">
        <v>203</v>
      </c>
      <c r="AS1042" t="s">
        <v>182</v>
      </c>
      <c r="AT1042" t="s">
        <v>204</v>
      </c>
      <c r="AU1042" t="s">
        <v>201</v>
      </c>
      <c r="AV1042" t="s">
        <v>183</v>
      </c>
      <c r="AX1042" t="s">
        <v>186</v>
      </c>
      <c r="AY1042" t="s">
        <v>187</v>
      </c>
      <c r="BA1042" t="s">
        <v>188</v>
      </c>
      <c r="BC1042" t="s">
        <v>209</v>
      </c>
      <c r="BD1042" t="s">
        <v>273</v>
      </c>
      <c r="BE1042" t="s">
        <v>678</v>
      </c>
      <c r="BF1042" t="s">
        <v>232</v>
      </c>
      <c r="BG1042" t="s">
        <v>49</v>
      </c>
      <c r="BH1042" t="s">
        <v>302</v>
      </c>
      <c r="BI1042" t="s">
        <v>679</v>
      </c>
      <c r="BK1042" t="s">
        <v>191</v>
      </c>
      <c r="BL1042" t="s">
        <v>680</v>
      </c>
      <c r="BM1042" t="s">
        <v>218</v>
      </c>
      <c r="BN1042" t="s">
        <v>681</v>
      </c>
      <c r="BO1042" t="s">
        <v>191</v>
      </c>
      <c r="BP1042" t="s">
        <v>682</v>
      </c>
    </row>
    <row r="1043" spans="1:69" x14ac:dyDescent="0.25">
      <c r="A1043" s="1">
        <v>30450411</v>
      </c>
      <c r="B1043" t="s">
        <v>4300</v>
      </c>
      <c r="C1043" t="s">
        <v>39</v>
      </c>
      <c r="D1043" t="s">
        <v>3727</v>
      </c>
      <c r="E1043" t="s">
        <v>175</v>
      </c>
      <c r="L1043" t="s">
        <v>52</v>
      </c>
      <c r="M1043" s="1">
        <v>0</v>
      </c>
      <c r="N1043" s="1">
        <v>0</v>
      </c>
      <c r="O1043" t="s">
        <v>3728</v>
      </c>
      <c r="P1043" t="s">
        <v>216</v>
      </c>
      <c r="Q1043" t="s">
        <v>322</v>
      </c>
      <c r="S1043" s="1">
        <v>0</v>
      </c>
      <c r="T1043" t="s">
        <v>175</v>
      </c>
      <c r="W1043" t="s">
        <v>262</v>
      </c>
      <c r="AC1043" t="s">
        <v>199</v>
      </c>
      <c r="AD1043" t="s">
        <v>175</v>
      </c>
      <c r="AE1043" t="s">
        <v>175</v>
      </c>
      <c r="AF1043" t="s">
        <v>175</v>
      </c>
      <c r="AG1043" t="s">
        <v>175</v>
      </c>
      <c r="AH1043" t="s">
        <v>175</v>
      </c>
      <c r="AI1043" t="s">
        <v>175</v>
      </c>
      <c r="AJ1043" t="s">
        <v>175</v>
      </c>
      <c r="AK1043" t="s">
        <v>175</v>
      </c>
      <c r="AL1043" t="s">
        <v>42</v>
      </c>
      <c r="AM1043" t="s">
        <v>206</v>
      </c>
      <c r="AN1043" t="s">
        <v>185</v>
      </c>
      <c r="AO1043" t="s">
        <v>201</v>
      </c>
      <c r="AP1043" t="s">
        <v>205</v>
      </c>
      <c r="AQ1043" t="s">
        <v>204</v>
      </c>
      <c r="AR1043" t="s">
        <v>203</v>
      </c>
      <c r="AS1043" t="s">
        <v>202</v>
      </c>
      <c r="AT1043" t="s">
        <v>184</v>
      </c>
      <c r="AU1043" t="s">
        <v>182</v>
      </c>
      <c r="AV1043" t="s">
        <v>183</v>
      </c>
      <c r="AW1043" t="s">
        <v>737</v>
      </c>
      <c r="AX1043" t="s">
        <v>186</v>
      </c>
      <c r="AY1043" t="s">
        <v>187</v>
      </c>
      <c r="AZ1043" t="s">
        <v>207</v>
      </c>
      <c r="BA1043" t="s">
        <v>188</v>
      </c>
      <c r="BC1043" t="s">
        <v>209</v>
      </c>
      <c r="BF1043" t="s">
        <v>210</v>
      </c>
      <c r="BG1043" s="1">
        <v>0</v>
      </c>
      <c r="BH1043" t="s">
        <v>211</v>
      </c>
      <c r="BK1043" t="s">
        <v>218</v>
      </c>
      <c r="BL1043" t="s">
        <v>4301</v>
      </c>
      <c r="BM1043" t="s">
        <v>191</v>
      </c>
      <c r="BN1043" t="s">
        <v>4302</v>
      </c>
      <c r="BO1043" t="s">
        <v>218</v>
      </c>
      <c r="BP1043" t="s">
        <v>4303</v>
      </c>
      <c r="BQ1043" t="s">
        <v>4304</v>
      </c>
    </row>
    <row r="1044" spans="1:69" x14ac:dyDescent="0.25">
      <c r="A1044" s="1">
        <v>30450415</v>
      </c>
      <c r="B1044" t="s">
        <v>2181</v>
      </c>
      <c r="C1044" t="s">
        <v>39</v>
      </c>
      <c r="D1044" t="s">
        <v>1616</v>
      </c>
      <c r="E1044" t="s">
        <v>200</v>
      </c>
      <c r="L1044" t="s">
        <v>52</v>
      </c>
      <c r="M1044" s="1">
        <v>0</v>
      </c>
      <c r="N1044" s="1">
        <v>0</v>
      </c>
      <c r="O1044" t="s">
        <v>1616</v>
      </c>
      <c r="P1044" t="s">
        <v>216</v>
      </c>
      <c r="Q1044" t="s">
        <v>258</v>
      </c>
      <c r="S1044" s="1">
        <v>0</v>
      </c>
      <c r="T1044" t="s">
        <v>200</v>
      </c>
      <c r="W1044" t="s">
        <v>262</v>
      </c>
      <c r="AC1044" t="s">
        <v>180</v>
      </c>
      <c r="AD1044" t="s">
        <v>200</v>
      </c>
      <c r="AE1044" t="s">
        <v>200</v>
      </c>
      <c r="AF1044" t="s">
        <v>200</v>
      </c>
      <c r="AG1044" t="s">
        <v>200</v>
      </c>
      <c r="AH1044" t="s">
        <v>200</v>
      </c>
      <c r="AI1044" t="s">
        <v>200</v>
      </c>
      <c r="AJ1044" t="s">
        <v>200</v>
      </c>
      <c r="AK1044" t="s">
        <v>200</v>
      </c>
      <c r="AL1044" t="s">
        <v>42</v>
      </c>
      <c r="AM1044" s="1">
        <v>0</v>
      </c>
      <c r="AN1044" s="1">
        <v>0</v>
      </c>
      <c r="AO1044" s="1">
        <v>0</v>
      </c>
      <c r="AP1044" s="1">
        <v>0</v>
      </c>
      <c r="AQ1044" s="1">
        <v>0</v>
      </c>
      <c r="AR1044" s="1">
        <v>0</v>
      </c>
      <c r="AS1044" s="1">
        <v>0</v>
      </c>
      <c r="AT1044" s="1">
        <v>0</v>
      </c>
      <c r="AU1044" s="1">
        <v>0</v>
      </c>
      <c r="AV1044" s="1">
        <v>0</v>
      </c>
      <c r="BF1044" s="1">
        <v>0</v>
      </c>
      <c r="BG1044" s="1">
        <v>0</v>
      </c>
      <c r="BH1044" s="1">
        <v>0</v>
      </c>
      <c r="BK1044" s="1">
        <v>0</v>
      </c>
      <c r="BM1044" s="1">
        <v>0</v>
      </c>
      <c r="BO1044" s="1">
        <v>0</v>
      </c>
    </row>
    <row r="1045" spans="1:69" x14ac:dyDescent="0.25">
      <c r="A1045" s="1">
        <v>30450418</v>
      </c>
      <c r="B1045" t="s">
        <v>3513</v>
      </c>
      <c r="C1045" t="s">
        <v>39</v>
      </c>
      <c r="D1045" t="s">
        <v>3138</v>
      </c>
      <c r="E1045" t="s">
        <v>175</v>
      </c>
      <c r="L1045" t="s">
        <v>52</v>
      </c>
      <c r="M1045" s="1">
        <v>0</v>
      </c>
      <c r="N1045" s="1">
        <v>0</v>
      </c>
      <c r="O1045" t="s">
        <v>3139</v>
      </c>
      <c r="P1045" t="s">
        <v>216</v>
      </c>
      <c r="Q1045" t="s">
        <v>322</v>
      </c>
      <c r="S1045" s="1">
        <v>0</v>
      </c>
      <c r="T1045" t="s">
        <v>175</v>
      </c>
      <c r="W1045" t="s">
        <v>262</v>
      </c>
      <c r="AC1045" t="s">
        <v>180</v>
      </c>
      <c r="AD1045" t="s">
        <v>175</v>
      </c>
      <c r="AE1045" t="s">
        <v>175</v>
      </c>
      <c r="AF1045" t="s">
        <v>175</v>
      </c>
      <c r="AG1045" t="s">
        <v>175</v>
      </c>
      <c r="AH1045" t="s">
        <v>175</v>
      </c>
      <c r="AI1045" t="s">
        <v>175</v>
      </c>
      <c r="AJ1045" t="s">
        <v>175</v>
      </c>
      <c r="AK1045" t="s">
        <v>175</v>
      </c>
      <c r="AL1045" t="s">
        <v>42</v>
      </c>
      <c r="AM1045" t="s">
        <v>206</v>
      </c>
      <c r="AN1045" t="s">
        <v>184</v>
      </c>
      <c r="AO1045" t="s">
        <v>185</v>
      </c>
      <c r="AP1045" t="s">
        <v>205</v>
      </c>
      <c r="AQ1045" t="s">
        <v>183</v>
      </c>
      <c r="AR1045" t="s">
        <v>203</v>
      </c>
      <c r="AS1045" t="s">
        <v>204</v>
      </c>
      <c r="AT1045" t="s">
        <v>201</v>
      </c>
      <c r="AU1045" t="s">
        <v>182</v>
      </c>
      <c r="AV1045" t="s">
        <v>202</v>
      </c>
      <c r="AY1045" t="s">
        <v>187</v>
      </c>
      <c r="BF1045" t="s">
        <v>210</v>
      </c>
      <c r="BG1045" s="1">
        <v>0</v>
      </c>
      <c r="BH1045" t="s">
        <v>247</v>
      </c>
      <c r="BK1045" t="s">
        <v>191</v>
      </c>
      <c r="BL1045" t="s">
        <v>3514</v>
      </c>
      <c r="BM1045" t="s">
        <v>218</v>
      </c>
      <c r="BN1045" t="s">
        <v>3515</v>
      </c>
      <c r="BO1045" t="s">
        <v>191</v>
      </c>
    </row>
    <row r="1046" spans="1:69" x14ac:dyDescent="0.25">
      <c r="A1046" s="1">
        <v>30450419</v>
      </c>
      <c r="B1046" t="s">
        <v>2922</v>
      </c>
      <c r="C1046" t="s">
        <v>39</v>
      </c>
      <c r="D1046" t="s">
        <v>2512</v>
      </c>
      <c r="E1046" t="s">
        <v>195</v>
      </c>
      <c r="L1046" t="s">
        <v>52</v>
      </c>
      <c r="M1046" s="1">
        <v>0</v>
      </c>
      <c r="N1046" s="1">
        <v>0</v>
      </c>
      <c r="O1046" t="s">
        <v>2512</v>
      </c>
      <c r="P1046" t="s">
        <v>176</v>
      </c>
      <c r="Q1046" t="s">
        <v>238</v>
      </c>
      <c r="S1046" t="s">
        <v>222</v>
      </c>
      <c r="T1046" t="s">
        <v>197</v>
      </c>
      <c r="X1046" t="s">
        <v>179</v>
      </c>
      <c r="Y1046" t="s">
        <v>224</v>
      </c>
      <c r="AC1046" t="s">
        <v>199</v>
      </c>
      <c r="AD1046" t="s">
        <v>181</v>
      </c>
      <c r="AE1046" t="s">
        <v>181</v>
      </c>
      <c r="AF1046" t="s">
        <v>181</v>
      </c>
      <c r="AG1046" t="s">
        <v>181</v>
      </c>
      <c r="AH1046" t="s">
        <v>181</v>
      </c>
      <c r="AI1046" t="s">
        <v>175</v>
      </c>
      <c r="AJ1046" t="s">
        <v>175</v>
      </c>
      <c r="AK1046" t="s">
        <v>175</v>
      </c>
      <c r="AL1046" t="s">
        <v>42</v>
      </c>
      <c r="AM1046" t="s">
        <v>201</v>
      </c>
      <c r="AN1046" t="s">
        <v>203</v>
      </c>
      <c r="AO1046" t="s">
        <v>182</v>
      </c>
      <c r="AP1046" t="s">
        <v>183</v>
      </c>
      <c r="AQ1046" t="s">
        <v>185</v>
      </c>
      <c r="AR1046" t="s">
        <v>184</v>
      </c>
      <c r="AS1046" t="s">
        <v>205</v>
      </c>
      <c r="AT1046" t="s">
        <v>202</v>
      </c>
      <c r="AU1046" t="s">
        <v>204</v>
      </c>
      <c r="AV1046" t="s">
        <v>206</v>
      </c>
      <c r="AX1046" t="s">
        <v>186</v>
      </c>
      <c r="AY1046" t="s">
        <v>187</v>
      </c>
      <c r="AZ1046" t="s">
        <v>207</v>
      </c>
      <c r="BA1046" t="s">
        <v>188</v>
      </c>
      <c r="BC1046" t="s">
        <v>209</v>
      </c>
      <c r="BF1046" t="s">
        <v>292</v>
      </c>
      <c r="BG1046" t="s">
        <v>233</v>
      </c>
      <c r="BH1046" t="s">
        <v>190</v>
      </c>
      <c r="BK1046" t="s">
        <v>191</v>
      </c>
      <c r="BM1046" t="s">
        <v>191</v>
      </c>
      <c r="BO1046" t="s">
        <v>191</v>
      </c>
      <c r="BP1046" t="s">
        <v>2923</v>
      </c>
    </row>
    <row r="1047" spans="1:69" x14ac:dyDescent="0.25">
      <c r="A1047" s="1">
        <v>30450422</v>
      </c>
      <c r="B1047" t="s">
        <v>2924</v>
      </c>
      <c r="C1047" t="s">
        <v>39</v>
      </c>
      <c r="D1047" t="s">
        <v>2512</v>
      </c>
      <c r="E1047" t="s">
        <v>200</v>
      </c>
      <c r="L1047" t="s">
        <v>52</v>
      </c>
      <c r="M1047" s="1">
        <v>0</v>
      </c>
      <c r="N1047" s="1">
        <v>0</v>
      </c>
      <c r="O1047" t="s">
        <v>2512</v>
      </c>
      <c r="P1047" t="s">
        <v>176</v>
      </c>
      <c r="Q1047" t="s">
        <v>177</v>
      </c>
      <c r="S1047" t="s">
        <v>178</v>
      </c>
      <c r="T1047" t="s">
        <v>200</v>
      </c>
      <c r="Y1047" t="s">
        <v>224</v>
      </c>
      <c r="AC1047" t="s">
        <v>180</v>
      </c>
      <c r="AD1047" t="s">
        <v>175</v>
      </c>
      <c r="AE1047" t="s">
        <v>175</v>
      </c>
      <c r="AF1047" t="s">
        <v>175</v>
      </c>
      <c r="AG1047" t="s">
        <v>175</v>
      </c>
      <c r="AH1047" t="s">
        <v>175</v>
      </c>
      <c r="AI1047" t="s">
        <v>175</v>
      </c>
      <c r="AJ1047" t="s">
        <v>175</v>
      </c>
      <c r="AK1047" t="s">
        <v>175</v>
      </c>
      <c r="AL1047" t="s">
        <v>42</v>
      </c>
      <c r="AM1047" t="s">
        <v>204</v>
      </c>
      <c r="AN1047" t="s">
        <v>206</v>
      </c>
      <c r="AO1047" t="s">
        <v>183</v>
      </c>
      <c r="AP1047" t="s">
        <v>182</v>
      </c>
      <c r="AQ1047" t="s">
        <v>184</v>
      </c>
      <c r="AR1047" t="s">
        <v>201</v>
      </c>
      <c r="AS1047" t="s">
        <v>202</v>
      </c>
      <c r="AT1047" t="s">
        <v>185</v>
      </c>
      <c r="AU1047" t="s">
        <v>205</v>
      </c>
      <c r="AV1047" t="s">
        <v>203</v>
      </c>
      <c r="BF1047" s="1">
        <v>0</v>
      </c>
      <c r="BG1047" s="1">
        <v>0</v>
      </c>
      <c r="BH1047" s="1">
        <v>0</v>
      </c>
      <c r="BK1047" s="1">
        <v>0</v>
      </c>
      <c r="BM1047" s="1">
        <v>0</v>
      </c>
      <c r="BO1047" s="1">
        <v>0</v>
      </c>
    </row>
    <row r="1048" spans="1:69" x14ac:dyDescent="0.25">
      <c r="A1048" s="1">
        <v>30450424</v>
      </c>
      <c r="B1048" t="s">
        <v>1365</v>
      </c>
      <c r="C1048" t="s">
        <v>39</v>
      </c>
      <c r="D1048" t="s">
        <v>942</v>
      </c>
      <c r="E1048" t="s">
        <v>195</v>
      </c>
      <c r="L1048" t="s">
        <v>52</v>
      </c>
      <c r="M1048" s="1">
        <v>0</v>
      </c>
      <c r="N1048" s="1">
        <v>0</v>
      </c>
      <c r="O1048" t="s">
        <v>942</v>
      </c>
      <c r="P1048" t="s">
        <v>176</v>
      </c>
      <c r="Q1048" t="s">
        <v>177</v>
      </c>
      <c r="S1048" t="s">
        <v>178</v>
      </c>
      <c r="T1048" t="s">
        <v>197</v>
      </c>
      <c r="AC1048" s="1">
        <v>0</v>
      </c>
      <c r="AD1048" s="1">
        <v>0</v>
      </c>
      <c r="AE1048" s="1">
        <v>0</v>
      </c>
      <c r="AF1048" s="1">
        <v>0</v>
      </c>
      <c r="AG1048" s="1">
        <v>0</v>
      </c>
      <c r="AH1048" s="1">
        <v>0</v>
      </c>
      <c r="AI1048" s="1">
        <v>0</v>
      </c>
      <c r="AJ1048" s="1">
        <v>0</v>
      </c>
      <c r="AK1048" s="1">
        <v>0</v>
      </c>
      <c r="AL1048" s="1">
        <v>0</v>
      </c>
      <c r="AM1048" s="1">
        <v>0</v>
      </c>
      <c r="AN1048" s="1">
        <v>0</v>
      </c>
      <c r="AO1048" s="1">
        <v>0</v>
      </c>
      <c r="AP1048" s="1">
        <v>0</v>
      </c>
      <c r="AQ1048" s="1">
        <v>0</v>
      </c>
      <c r="AR1048" s="1">
        <v>0</v>
      </c>
      <c r="AS1048" s="1">
        <v>0</v>
      </c>
      <c r="AT1048" s="1">
        <v>0</v>
      </c>
      <c r="AU1048" s="1">
        <v>0</v>
      </c>
      <c r="AV1048" s="1">
        <v>0</v>
      </c>
      <c r="BF1048" s="1">
        <v>0</v>
      </c>
      <c r="BG1048" s="1">
        <v>0</v>
      </c>
      <c r="BH1048" s="1">
        <v>0</v>
      </c>
      <c r="BK1048" s="1">
        <v>0</v>
      </c>
      <c r="BM1048" s="1">
        <v>0</v>
      </c>
      <c r="BO1048" s="1">
        <v>0</v>
      </c>
    </row>
    <row r="1049" spans="1:69" x14ac:dyDescent="0.25">
      <c r="A1049" s="1">
        <v>30450426</v>
      </c>
      <c r="B1049" t="s">
        <v>683</v>
      </c>
      <c r="C1049" t="s">
        <v>39</v>
      </c>
      <c r="D1049" t="s">
        <v>174</v>
      </c>
      <c r="E1049" t="s">
        <v>175</v>
      </c>
      <c r="L1049" t="s">
        <v>52</v>
      </c>
      <c r="M1049" s="1">
        <v>0</v>
      </c>
      <c r="N1049" s="1">
        <v>0</v>
      </c>
      <c r="O1049" t="s">
        <v>174</v>
      </c>
      <c r="P1049" t="s">
        <v>176</v>
      </c>
      <c r="Q1049" t="s">
        <v>273</v>
      </c>
      <c r="R1049" t="s">
        <v>684</v>
      </c>
      <c r="S1049" t="s">
        <v>178</v>
      </c>
      <c r="T1049" t="s">
        <v>175</v>
      </c>
      <c r="Z1049" t="s">
        <v>244</v>
      </c>
      <c r="AC1049" t="s">
        <v>266</v>
      </c>
      <c r="AD1049" t="s">
        <v>200</v>
      </c>
      <c r="AE1049" t="s">
        <v>181</v>
      </c>
      <c r="AF1049" s="1">
        <v>0</v>
      </c>
      <c r="AG1049" t="s">
        <v>181</v>
      </c>
      <c r="AH1049" t="s">
        <v>230</v>
      </c>
      <c r="AI1049" t="s">
        <v>181</v>
      </c>
      <c r="AJ1049" t="s">
        <v>230</v>
      </c>
      <c r="AK1049" t="s">
        <v>175</v>
      </c>
      <c r="AL1049" t="s">
        <v>42</v>
      </c>
      <c r="AM1049" s="1">
        <v>0</v>
      </c>
      <c r="AN1049" s="1">
        <v>0</v>
      </c>
      <c r="AO1049" s="1">
        <v>0</v>
      </c>
      <c r="AP1049" t="s">
        <v>184</v>
      </c>
      <c r="AQ1049" t="s">
        <v>185</v>
      </c>
      <c r="AR1049" s="1">
        <v>0</v>
      </c>
      <c r="AS1049" s="1">
        <v>0</v>
      </c>
      <c r="AT1049" s="1">
        <v>0</v>
      </c>
      <c r="AU1049" s="1">
        <v>0</v>
      </c>
      <c r="AV1049" s="1">
        <v>0</v>
      </c>
      <c r="BF1049" t="s">
        <v>232</v>
      </c>
      <c r="BG1049" t="s">
        <v>301</v>
      </c>
      <c r="BH1049" t="s">
        <v>211</v>
      </c>
      <c r="BK1049" t="s">
        <v>191</v>
      </c>
      <c r="BL1049" t="s">
        <v>685</v>
      </c>
      <c r="BM1049" t="s">
        <v>191</v>
      </c>
      <c r="BN1049" t="s">
        <v>686</v>
      </c>
      <c r="BO1049" t="s">
        <v>191</v>
      </c>
      <c r="BP1049" t="s">
        <v>687</v>
      </c>
    </row>
    <row r="1050" spans="1:69" x14ac:dyDescent="0.25">
      <c r="A1050" s="1">
        <v>30450433</v>
      </c>
      <c r="B1050" t="s">
        <v>4305</v>
      </c>
      <c r="C1050" t="s">
        <v>39</v>
      </c>
      <c r="D1050" t="s">
        <v>3727</v>
      </c>
      <c r="E1050" t="s">
        <v>200</v>
      </c>
      <c r="L1050" t="s">
        <v>52</v>
      </c>
      <c r="M1050" s="1">
        <v>0</v>
      </c>
      <c r="N1050" s="1">
        <v>0</v>
      </c>
      <c r="O1050" t="s">
        <v>3728</v>
      </c>
      <c r="P1050" t="s">
        <v>176</v>
      </c>
      <c r="Q1050" t="s">
        <v>196</v>
      </c>
      <c r="S1050" t="s">
        <v>349</v>
      </c>
      <c r="T1050" t="s">
        <v>200</v>
      </c>
      <c r="X1050" t="s">
        <v>179</v>
      </c>
      <c r="Y1050" t="s">
        <v>224</v>
      </c>
      <c r="Z1050" t="s">
        <v>244</v>
      </c>
      <c r="AC1050" t="s">
        <v>180</v>
      </c>
      <c r="AD1050" t="s">
        <v>175</v>
      </c>
      <c r="AE1050" t="s">
        <v>175</v>
      </c>
      <c r="AF1050" t="s">
        <v>175</v>
      </c>
      <c r="AG1050" t="s">
        <v>175</v>
      </c>
      <c r="AH1050" t="s">
        <v>200</v>
      </c>
      <c r="AI1050" t="s">
        <v>200</v>
      </c>
      <c r="AJ1050" t="s">
        <v>175</v>
      </c>
      <c r="AK1050" t="s">
        <v>175</v>
      </c>
      <c r="AL1050" t="s">
        <v>42</v>
      </c>
      <c r="AM1050" t="s">
        <v>182</v>
      </c>
      <c r="AN1050" t="s">
        <v>206</v>
      </c>
      <c r="AO1050" t="s">
        <v>184</v>
      </c>
      <c r="AP1050" t="s">
        <v>185</v>
      </c>
      <c r="AQ1050" t="s">
        <v>204</v>
      </c>
      <c r="AR1050" t="s">
        <v>203</v>
      </c>
      <c r="AS1050" t="s">
        <v>202</v>
      </c>
      <c r="AT1050" t="s">
        <v>205</v>
      </c>
      <c r="AU1050" t="s">
        <v>201</v>
      </c>
      <c r="AV1050" t="s">
        <v>183</v>
      </c>
      <c r="AW1050" t="s">
        <v>4306</v>
      </c>
      <c r="AX1050" t="s">
        <v>186</v>
      </c>
      <c r="AZ1050" t="s">
        <v>207</v>
      </c>
      <c r="BF1050" t="s">
        <v>232</v>
      </c>
      <c r="BG1050" t="s">
        <v>49</v>
      </c>
      <c r="BH1050" t="s">
        <v>247</v>
      </c>
      <c r="BK1050" t="s">
        <v>191</v>
      </c>
      <c r="BL1050" t="s">
        <v>4307</v>
      </c>
      <c r="BM1050" t="s">
        <v>191</v>
      </c>
      <c r="BN1050" t="s">
        <v>4308</v>
      </c>
      <c r="BO1050" t="s">
        <v>191</v>
      </c>
      <c r="BP1050" t="s">
        <v>4309</v>
      </c>
      <c r="BQ1050" t="s">
        <v>4310</v>
      </c>
    </row>
    <row r="1051" spans="1:69" x14ac:dyDescent="0.25">
      <c r="A1051" s="1">
        <v>30450438</v>
      </c>
      <c r="B1051" t="s">
        <v>4311</v>
      </c>
      <c r="C1051" t="s">
        <v>39</v>
      </c>
      <c r="D1051" t="s">
        <v>3727</v>
      </c>
      <c r="L1051" t="s">
        <v>52</v>
      </c>
      <c r="M1051" s="1">
        <v>0</v>
      </c>
      <c r="N1051" s="1">
        <v>0</v>
      </c>
      <c r="O1051" t="s">
        <v>3728</v>
      </c>
      <c r="P1051" t="s">
        <v>49</v>
      </c>
      <c r="Q1051" s="1">
        <v>0</v>
      </c>
      <c r="S1051" s="1">
        <v>0</v>
      </c>
      <c r="T1051" s="1">
        <v>0</v>
      </c>
      <c r="Y1051" t="s">
        <v>224</v>
      </c>
      <c r="AC1051" t="s">
        <v>49</v>
      </c>
      <c r="AD1051" t="s">
        <v>175</v>
      </c>
      <c r="AE1051" t="s">
        <v>175</v>
      </c>
      <c r="AF1051" t="s">
        <v>175</v>
      </c>
      <c r="AG1051" t="s">
        <v>175</v>
      </c>
      <c r="AH1051" t="s">
        <v>175</v>
      </c>
      <c r="AI1051" t="s">
        <v>175</v>
      </c>
      <c r="AJ1051" t="s">
        <v>175</v>
      </c>
      <c r="AK1051" t="s">
        <v>175</v>
      </c>
      <c r="AL1051" t="s">
        <v>49</v>
      </c>
      <c r="AM1051" s="1">
        <v>0</v>
      </c>
      <c r="AN1051" s="1">
        <v>0</v>
      </c>
      <c r="AO1051" s="1">
        <v>0</v>
      </c>
      <c r="AP1051" s="1">
        <v>0</v>
      </c>
      <c r="AQ1051" s="1">
        <v>0</v>
      </c>
      <c r="AR1051" s="1">
        <v>0</v>
      </c>
      <c r="AS1051" s="1">
        <v>0</v>
      </c>
      <c r="AT1051" s="1">
        <v>0</v>
      </c>
      <c r="AU1051" s="1">
        <v>0</v>
      </c>
      <c r="AV1051" s="1">
        <v>0</v>
      </c>
      <c r="BF1051" s="1">
        <v>0</v>
      </c>
      <c r="BG1051" s="1">
        <v>0</v>
      </c>
      <c r="BH1051" s="1">
        <v>0</v>
      </c>
      <c r="BK1051" s="1">
        <v>0</v>
      </c>
      <c r="BM1051" s="1">
        <v>0</v>
      </c>
      <c r="BO1051" s="1">
        <v>0</v>
      </c>
    </row>
    <row r="1052" spans="1:69" x14ac:dyDescent="0.25">
      <c r="A1052" s="1">
        <v>30450443</v>
      </c>
      <c r="B1052" t="s">
        <v>1366</v>
      </c>
      <c r="C1052" t="s">
        <v>39</v>
      </c>
      <c r="D1052" t="s">
        <v>942</v>
      </c>
      <c r="E1052" t="s">
        <v>175</v>
      </c>
      <c r="L1052" t="s">
        <v>52</v>
      </c>
      <c r="M1052" s="1">
        <v>0</v>
      </c>
      <c r="N1052" s="1">
        <v>0</v>
      </c>
      <c r="O1052" t="s">
        <v>942</v>
      </c>
      <c r="P1052" t="s">
        <v>176</v>
      </c>
      <c r="Q1052" t="s">
        <v>322</v>
      </c>
      <c r="S1052" t="s">
        <v>178</v>
      </c>
      <c r="T1052" t="s">
        <v>175</v>
      </c>
      <c r="AC1052" t="s">
        <v>180</v>
      </c>
      <c r="AD1052" t="s">
        <v>181</v>
      </c>
      <c r="AE1052" t="s">
        <v>181</v>
      </c>
      <c r="AF1052" t="s">
        <v>181</v>
      </c>
      <c r="AG1052" t="s">
        <v>181</v>
      </c>
      <c r="AH1052" t="s">
        <v>175</v>
      </c>
      <c r="AI1052" t="s">
        <v>175</v>
      </c>
      <c r="AJ1052" t="s">
        <v>181</v>
      </c>
      <c r="AK1052" t="s">
        <v>181</v>
      </c>
      <c r="AL1052" t="s">
        <v>52</v>
      </c>
      <c r="AM1052" s="1">
        <v>0</v>
      </c>
      <c r="AN1052" s="1">
        <v>0</v>
      </c>
      <c r="AO1052" s="1">
        <v>0</v>
      </c>
      <c r="AP1052" s="1">
        <v>0</v>
      </c>
      <c r="AQ1052" s="1">
        <v>0</v>
      </c>
      <c r="AR1052" s="1">
        <v>0</v>
      </c>
      <c r="AS1052" s="1">
        <v>0</v>
      </c>
      <c r="AT1052" s="1">
        <v>0</v>
      </c>
      <c r="AU1052" s="1">
        <v>0</v>
      </c>
      <c r="AV1052" s="1">
        <v>0</v>
      </c>
      <c r="BF1052" s="1">
        <v>0</v>
      </c>
      <c r="BG1052" s="1">
        <v>0</v>
      </c>
      <c r="BH1052" s="1">
        <v>0</v>
      </c>
      <c r="BK1052" s="1">
        <v>0</v>
      </c>
      <c r="BM1052" s="1">
        <v>0</v>
      </c>
      <c r="BO1052" s="1">
        <v>0</v>
      </c>
    </row>
    <row r="1053" spans="1:69" x14ac:dyDescent="0.25">
      <c r="A1053" s="1">
        <v>30450448</v>
      </c>
      <c r="B1053" t="s">
        <v>2182</v>
      </c>
      <c r="C1053" t="s">
        <v>39</v>
      </c>
      <c r="D1053" t="s">
        <v>1616</v>
      </c>
      <c r="E1053" t="s">
        <v>195</v>
      </c>
      <c r="L1053" t="s">
        <v>52</v>
      </c>
      <c r="M1053" s="1">
        <v>0</v>
      </c>
      <c r="N1053" s="1">
        <v>0</v>
      </c>
      <c r="O1053" t="s">
        <v>1616</v>
      </c>
      <c r="P1053" t="s">
        <v>176</v>
      </c>
      <c r="Q1053" t="s">
        <v>238</v>
      </c>
      <c r="S1053" t="s">
        <v>349</v>
      </c>
      <c r="T1053" t="s">
        <v>197</v>
      </c>
      <c r="Z1053" t="s">
        <v>244</v>
      </c>
      <c r="AC1053" t="s">
        <v>225</v>
      </c>
      <c r="AD1053" t="s">
        <v>200</v>
      </c>
      <c r="AE1053" t="s">
        <v>200</v>
      </c>
      <c r="AF1053" t="s">
        <v>200</v>
      </c>
      <c r="AG1053" t="s">
        <v>175</v>
      </c>
      <c r="AH1053" t="s">
        <v>200</v>
      </c>
      <c r="AI1053" t="s">
        <v>175</v>
      </c>
      <c r="AJ1053" t="s">
        <v>175</v>
      </c>
      <c r="AK1053" t="s">
        <v>200</v>
      </c>
      <c r="AL1053" t="s">
        <v>42</v>
      </c>
      <c r="AM1053" t="s">
        <v>182</v>
      </c>
      <c r="AN1053" t="s">
        <v>183</v>
      </c>
      <c r="AO1053" t="s">
        <v>205</v>
      </c>
      <c r="AP1053" t="s">
        <v>202</v>
      </c>
      <c r="AQ1053" t="s">
        <v>185</v>
      </c>
      <c r="AR1053" t="s">
        <v>184</v>
      </c>
      <c r="AS1053" t="s">
        <v>203</v>
      </c>
      <c r="AT1053" t="s">
        <v>201</v>
      </c>
      <c r="AU1053" t="s">
        <v>206</v>
      </c>
      <c r="AV1053" t="s">
        <v>204</v>
      </c>
      <c r="BF1053" t="s">
        <v>210</v>
      </c>
      <c r="BG1053" s="1">
        <v>0</v>
      </c>
      <c r="BH1053" t="s">
        <v>247</v>
      </c>
      <c r="BK1053" t="s">
        <v>191</v>
      </c>
      <c r="BL1053" t="s">
        <v>2183</v>
      </c>
      <c r="BM1053" t="s">
        <v>191</v>
      </c>
      <c r="BN1053" t="s">
        <v>2184</v>
      </c>
      <c r="BO1053" t="s">
        <v>191</v>
      </c>
    </row>
    <row r="1054" spans="1:69" x14ac:dyDescent="0.25">
      <c r="A1054" s="1">
        <v>30450452</v>
      </c>
      <c r="B1054" t="s">
        <v>688</v>
      </c>
      <c r="C1054" t="s">
        <v>39</v>
      </c>
      <c r="D1054" t="s">
        <v>174</v>
      </c>
      <c r="E1054" t="s">
        <v>175</v>
      </c>
      <c r="L1054" t="s">
        <v>52</v>
      </c>
      <c r="M1054" s="1">
        <v>0</v>
      </c>
      <c r="N1054" s="1">
        <v>0</v>
      </c>
      <c r="O1054" t="s">
        <v>174</v>
      </c>
      <c r="P1054" t="s">
        <v>216</v>
      </c>
      <c r="Q1054" t="s">
        <v>322</v>
      </c>
      <c r="S1054" s="1">
        <v>0</v>
      </c>
      <c r="T1054" t="s">
        <v>175</v>
      </c>
      <c r="AA1054" t="s">
        <v>273</v>
      </c>
      <c r="AB1054" t="s">
        <v>689</v>
      </c>
      <c r="AC1054" t="s">
        <v>180</v>
      </c>
      <c r="AD1054" t="s">
        <v>175</v>
      </c>
      <c r="AE1054" t="s">
        <v>175</v>
      </c>
      <c r="AF1054" t="s">
        <v>175</v>
      </c>
      <c r="AG1054" t="s">
        <v>175</v>
      </c>
      <c r="AH1054" t="s">
        <v>175</v>
      </c>
      <c r="AI1054" t="s">
        <v>175</v>
      </c>
      <c r="AJ1054" t="s">
        <v>175</v>
      </c>
      <c r="AK1054" t="s">
        <v>175</v>
      </c>
      <c r="AL1054" t="s">
        <v>52</v>
      </c>
      <c r="AM1054" t="s">
        <v>205</v>
      </c>
      <c r="AN1054" t="s">
        <v>182</v>
      </c>
      <c r="AO1054" t="s">
        <v>206</v>
      </c>
      <c r="AP1054" t="s">
        <v>201</v>
      </c>
      <c r="AQ1054" t="s">
        <v>185</v>
      </c>
      <c r="AR1054" t="s">
        <v>203</v>
      </c>
      <c r="AS1054" t="s">
        <v>204</v>
      </c>
      <c r="AT1054" t="s">
        <v>184</v>
      </c>
      <c r="AU1054" t="s">
        <v>183</v>
      </c>
      <c r="AV1054" t="s">
        <v>202</v>
      </c>
      <c r="AW1054" t="s">
        <v>690</v>
      </c>
      <c r="AX1054" t="s">
        <v>186</v>
      </c>
      <c r="AZ1054" t="s">
        <v>207</v>
      </c>
      <c r="BA1054" t="s">
        <v>188</v>
      </c>
      <c r="BC1054" t="s">
        <v>209</v>
      </c>
      <c r="BF1054" t="s">
        <v>210</v>
      </c>
      <c r="BG1054" s="1">
        <v>0</v>
      </c>
      <c r="BH1054" t="s">
        <v>211</v>
      </c>
      <c r="BK1054" t="s">
        <v>191</v>
      </c>
      <c r="BL1054" t="s">
        <v>691</v>
      </c>
      <c r="BM1054" t="s">
        <v>218</v>
      </c>
      <c r="BN1054" t="s">
        <v>692</v>
      </c>
      <c r="BO1054" t="s">
        <v>218</v>
      </c>
      <c r="BP1054" t="s">
        <v>693</v>
      </c>
      <c r="BQ1054" t="s">
        <v>694</v>
      </c>
    </row>
    <row r="1055" spans="1:69" x14ac:dyDescent="0.25">
      <c r="A1055" s="1">
        <v>30450458</v>
      </c>
      <c r="B1055" t="s">
        <v>132</v>
      </c>
      <c r="C1055" t="s">
        <v>39</v>
      </c>
      <c r="L1055" t="s">
        <v>52</v>
      </c>
      <c r="M1055" s="1">
        <v>0</v>
      </c>
      <c r="N1055" s="1">
        <v>0</v>
      </c>
      <c r="O1055" s="1">
        <v>0</v>
      </c>
      <c r="P1055" s="1">
        <v>0</v>
      </c>
      <c r="Q1055" s="1">
        <v>0</v>
      </c>
      <c r="S1055" s="1">
        <v>0</v>
      </c>
      <c r="T1055" s="1">
        <v>0</v>
      </c>
      <c r="AC1055" s="1">
        <v>0</v>
      </c>
      <c r="AD1055" s="1">
        <v>0</v>
      </c>
      <c r="AE1055" s="1">
        <v>0</v>
      </c>
      <c r="AF1055" s="1">
        <v>0</v>
      </c>
      <c r="AG1055" s="1">
        <v>0</v>
      </c>
      <c r="AH1055" s="1">
        <v>0</v>
      </c>
      <c r="AI1055" s="1">
        <v>0</v>
      </c>
      <c r="AJ1055" s="1">
        <v>0</v>
      </c>
      <c r="AK1055" s="1">
        <v>0</v>
      </c>
      <c r="AL1055" s="1">
        <v>0</v>
      </c>
      <c r="AM1055" s="1">
        <v>0</v>
      </c>
      <c r="AN1055" s="1">
        <v>0</v>
      </c>
      <c r="AO1055" s="1">
        <v>0</v>
      </c>
      <c r="AP1055" s="1">
        <v>0</v>
      </c>
      <c r="AQ1055" s="1">
        <v>0</v>
      </c>
      <c r="AR1055" s="1">
        <v>0</v>
      </c>
      <c r="AS1055" s="1">
        <v>0</v>
      </c>
      <c r="AT1055" s="1">
        <v>0</v>
      </c>
      <c r="AU1055" s="1">
        <v>0</v>
      </c>
      <c r="AV1055" s="1">
        <v>0</v>
      </c>
      <c r="BF1055" s="1">
        <v>0</v>
      </c>
      <c r="BG1055" s="1">
        <v>0</v>
      </c>
      <c r="BH1055" s="1">
        <v>0</v>
      </c>
      <c r="BK1055" s="1">
        <v>0</v>
      </c>
      <c r="BM1055" s="1">
        <v>0</v>
      </c>
      <c r="BO1055" s="1">
        <v>0</v>
      </c>
    </row>
    <row r="1056" spans="1:69" x14ac:dyDescent="0.25">
      <c r="A1056" s="1">
        <v>30450471</v>
      </c>
      <c r="B1056" t="s">
        <v>133</v>
      </c>
      <c r="C1056" t="s">
        <v>39</v>
      </c>
      <c r="L1056" s="1">
        <v>0</v>
      </c>
      <c r="M1056" s="1">
        <v>0</v>
      </c>
      <c r="N1056" s="1">
        <v>0</v>
      </c>
      <c r="O1056" s="1">
        <v>0</v>
      </c>
      <c r="P1056" s="1">
        <v>0</v>
      </c>
      <c r="Q1056" s="1">
        <v>0</v>
      </c>
      <c r="S1056" s="1">
        <v>0</v>
      </c>
      <c r="T1056" s="1">
        <v>0</v>
      </c>
      <c r="AC1056" s="1">
        <v>0</v>
      </c>
      <c r="AD1056" s="1">
        <v>0</v>
      </c>
      <c r="AE1056" s="1">
        <v>0</v>
      </c>
      <c r="AF1056" s="1">
        <v>0</v>
      </c>
      <c r="AG1056" s="1">
        <v>0</v>
      </c>
      <c r="AH1056" s="1">
        <v>0</v>
      </c>
      <c r="AI1056" s="1">
        <v>0</v>
      </c>
      <c r="AJ1056" s="1">
        <v>0</v>
      </c>
      <c r="AK1056" s="1">
        <v>0</v>
      </c>
      <c r="AL1056" s="1">
        <v>0</v>
      </c>
      <c r="AM1056" s="1">
        <v>0</v>
      </c>
      <c r="AN1056" s="1">
        <v>0</v>
      </c>
      <c r="AO1056" s="1">
        <v>0</v>
      </c>
      <c r="AP1056" s="1">
        <v>0</v>
      </c>
      <c r="AQ1056" s="1">
        <v>0</v>
      </c>
      <c r="AR1056" s="1">
        <v>0</v>
      </c>
      <c r="AS1056" s="1">
        <v>0</v>
      </c>
      <c r="AT1056" s="1">
        <v>0</v>
      </c>
      <c r="AU1056" s="1">
        <v>0</v>
      </c>
      <c r="AV1056" s="1">
        <v>0</v>
      </c>
      <c r="BF1056" s="1">
        <v>0</v>
      </c>
      <c r="BG1056" s="1">
        <v>0</v>
      </c>
      <c r="BH1056" s="1">
        <v>0</v>
      </c>
      <c r="BK1056" s="1">
        <v>0</v>
      </c>
      <c r="BM1056" s="1">
        <v>0</v>
      </c>
      <c r="BO1056" s="1">
        <v>0</v>
      </c>
    </row>
    <row r="1057" spans="1:69" x14ac:dyDescent="0.25">
      <c r="A1057" s="1">
        <v>30450473</v>
      </c>
      <c r="B1057" t="s">
        <v>2185</v>
      </c>
      <c r="C1057" t="s">
        <v>39</v>
      </c>
      <c r="D1057" t="s">
        <v>1616</v>
      </c>
      <c r="E1057" t="s">
        <v>195</v>
      </c>
      <c r="L1057" t="s">
        <v>52</v>
      </c>
      <c r="M1057" s="1">
        <v>0</v>
      </c>
      <c r="N1057" s="1">
        <v>0</v>
      </c>
      <c r="O1057" t="s">
        <v>1616</v>
      </c>
      <c r="P1057" t="s">
        <v>176</v>
      </c>
      <c r="Q1057" t="s">
        <v>238</v>
      </c>
      <c r="S1057" t="s">
        <v>178</v>
      </c>
      <c r="T1057" t="s">
        <v>197</v>
      </c>
      <c r="U1057" t="s">
        <v>2186</v>
      </c>
      <c r="Y1057" t="s">
        <v>224</v>
      </c>
      <c r="AC1057" t="s">
        <v>180</v>
      </c>
      <c r="AD1057" t="s">
        <v>200</v>
      </c>
      <c r="AE1057" t="s">
        <v>200</v>
      </c>
      <c r="AF1057" t="s">
        <v>200</v>
      </c>
      <c r="AG1057" t="s">
        <v>181</v>
      </c>
      <c r="AH1057" t="s">
        <v>200</v>
      </c>
      <c r="AI1057" t="s">
        <v>200</v>
      </c>
      <c r="AJ1057" t="s">
        <v>200</v>
      </c>
      <c r="AK1057" t="s">
        <v>230</v>
      </c>
      <c r="AL1057" t="s">
        <v>42</v>
      </c>
      <c r="AM1057" t="s">
        <v>202</v>
      </c>
      <c r="AN1057" t="s">
        <v>201</v>
      </c>
      <c r="AO1057" t="s">
        <v>182</v>
      </c>
      <c r="AP1057" t="s">
        <v>183</v>
      </c>
      <c r="AQ1057" t="s">
        <v>185</v>
      </c>
      <c r="AR1057" t="s">
        <v>184</v>
      </c>
      <c r="AS1057" t="s">
        <v>203</v>
      </c>
      <c r="AT1057" t="s">
        <v>205</v>
      </c>
      <c r="AU1057" t="s">
        <v>206</v>
      </c>
      <c r="AV1057" t="s">
        <v>204</v>
      </c>
      <c r="BA1057" t="s">
        <v>188</v>
      </c>
      <c r="BC1057" t="s">
        <v>209</v>
      </c>
      <c r="BF1057" t="s">
        <v>292</v>
      </c>
      <c r="BG1057" t="s">
        <v>276</v>
      </c>
      <c r="BH1057" t="s">
        <v>190</v>
      </c>
      <c r="BK1057" t="s">
        <v>191</v>
      </c>
      <c r="BL1057" t="s">
        <v>2187</v>
      </c>
      <c r="BM1057" t="s">
        <v>191</v>
      </c>
      <c r="BN1057" t="s">
        <v>2188</v>
      </c>
      <c r="BO1057" t="s">
        <v>191</v>
      </c>
      <c r="BP1057" t="s">
        <v>2189</v>
      </c>
    </row>
    <row r="1058" spans="1:69" x14ac:dyDescent="0.25">
      <c r="A1058" s="1">
        <v>30450475</v>
      </c>
      <c r="B1058" t="s">
        <v>695</v>
      </c>
      <c r="C1058" t="s">
        <v>39</v>
      </c>
      <c r="D1058" t="s">
        <v>174</v>
      </c>
      <c r="E1058" t="s">
        <v>175</v>
      </c>
      <c r="L1058" t="s">
        <v>52</v>
      </c>
      <c r="M1058" s="1">
        <v>0</v>
      </c>
      <c r="N1058" s="1">
        <v>0</v>
      </c>
      <c r="O1058" t="s">
        <v>174</v>
      </c>
      <c r="P1058" t="s">
        <v>176</v>
      </c>
      <c r="Q1058" t="s">
        <v>177</v>
      </c>
      <c r="S1058" t="s">
        <v>222</v>
      </c>
      <c r="T1058" t="s">
        <v>175</v>
      </c>
      <c r="W1058" t="s">
        <v>262</v>
      </c>
      <c r="X1058" t="s">
        <v>179</v>
      </c>
      <c r="Z1058" t="s">
        <v>244</v>
      </c>
      <c r="AC1058" t="s">
        <v>180</v>
      </c>
      <c r="AD1058" t="s">
        <v>175</v>
      </c>
      <c r="AE1058" t="s">
        <v>230</v>
      </c>
      <c r="AF1058" t="s">
        <v>230</v>
      </c>
      <c r="AG1058" t="s">
        <v>230</v>
      </c>
      <c r="AH1058" t="s">
        <v>200</v>
      </c>
      <c r="AI1058" t="s">
        <v>200</v>
      </c>
      <c r="AJ1058" t="s">
        <v>175</v>
      </c>
      <c r="AK1058" t="s">
        <v>181</v>
      </c>
      <c r="AL1058" t="s">
        <v>42</v>
      </c>
      <c r="AM1058" t="s">
        <v>185</v>
      </c>
      <c r="AN1058" t="s">
        <v>182</v>
      </c>
      <c r="AO1058" t="s">
        <v>184</v>
      </c>
      <c r="AP1058" t="s">
        <v>206</v>
      </c>
      <c r="AQ1058" t="s">
        <v>203</v>
      </c>
      <c r="AR1058" t="s">
        <v>202</v>
      </c>
      <c r="AS1058" t="s">
        <v>204</v>
      </c>
      <c r="AT1058" t="s">
        <v>183</v>
      </c>
      <c r="AU1058" t="s">
        <v>201</v>
      </c>
      <c r="AV1058" t="s">
        <v>205</v>
      </c>
      <c r="AY1058" t="s">
        <v>187</v>
      </c>
      <c r="AZ1058" t="s">
        <v>207</v>
      </c>
      <c r="BA1058" t="s">
        <v>188</v>
      </c>
      <c r="BF1058" t="s">
        <v>232</v>
      </c>
      <c r="BG1058" t="s">
        <v>233</v>
      </c>
      <c r="BH1058" t="s">
        <v>247</v>
      </c>
      <c r="BK1058" t="s">
        <v>191</v>
      </c>
      <c r="BL1058" t="s">
        <v>696</v>
      </c>
      <c r="BM1058" t="s">
        <v>191</v>
      </c>
      <c r="BN1058" t="s">
        <v>697</v>
      </c>
      <c r="BO1058" t="s">
        <v>191</v>
      </c>
      <c r="BP1058" t="s">
        <v>698</v>
      </c>
    </row>
    <row r="1059" spans="1:69" x14ac:dyDescent="0.25">
      <c r="A1059" s="1">
        <v>30450476</v>
      </c>
      <c r="B1059" t="s">
        <v>699</v>
      </c>
      <c r="C1059" t="s">
        <v>39</v>
      </c>
      <c r="D1059" t="s">
        <v>174</v>
      </c>
      <c r="E1059" t="s">
        <v>195</v>
      </c>
      <c r="L1059" t="s">
        <v>52</v>
      </c>
      <c r="M1059" s="1">
        <v>0</v>
      </c>
      <c r="N1059" s="1">
        <v>0</v>
      </c>
      <c r="O1059" t="s">
        <v>174</v>
      </c>
      <c r="P1059" t="s">
        <v>176</v>
      </c>
      <c r="Q1059" t="s">
        <v>196</v>
      </c>
      <c r="S1059" t="s">
        <v>349</v>
      </c>
      <c r="T1059" t="s">
        <v>197</v>
      </c>
      <c r="U1059" t="s">
        <v>700</v>
      </c>
      <c r="X1059" t="s">
        <v>179</v>
      </c>
      <c r="Y1059" t="s">
        <v>224</v>
      </c>
      <c r="AC1059" t="s">
        <v>180</v>
      </c>
      <c r="AD1059" t="s">
        <v>181</v>
      </c>
      <c r="AE1059" t="s">
        <v>175</v>
      </c>
      <c r="AF1059" t="s">
        <v>175</v>
      </c>
      <c r="AG1059" t="s">
        <v>175</v>
      </c>
      <c r="AH1059" t="s">
        <v>175</v>
      </c>
      <c r="AI1059" t="s">
        <v>175</v>
      </c>
      <c r="AJ1059" t="s">
        <v>181</v>
      </c>
      <c r="AK1059" t="s">
        <v>181</v>
      </c>
      <c r="AL1059" t="s">
        <v>42</v>
      </c>
      <c r="AM1059" t="s">
        <v>185</v>
      </c>
      <c r="AN1059" t="s">
        <v>204</v>
      </c>
      <c r="AO1059" t="s">
        <v>182</v>
      </c>
      <c r="AP1059" t="s">
        <v>184</v>
      </c>
      <c r="AQ1059" t="s">
        <v>203</v>
      </c>
      <c r="AR1059" t="s">
        <v>202</v>
      </c>
      <c r="AS1059" t="s">
        <v>183</v>
      </c>
      <c r="AT1059" t="s">
        <v>206</v>
      </c>
      <c r="AU1059" t="s">
        <v>205</v>
      </c>
      <c r="AV1059" t="s">
        <v>201</v>
      </c>
      <c r="AW1059" t="s">
        <v>701</v>
      </c>
      <c r="AX1059" t="s">
        <v>186</v>
      </c>
      <c r="AY1059" t="s">
        <v>187</v>
      </c>
      <c r="AZ1059" t="s">
        <v>207</v>
      </c>
      <c r="BF1059" t="s">
        <v>232</v>
      </c>
      <c r="BG1059" t="s">
        <v>233</v>
      </c>
      <c r="BH1059" t="s">
        <v>211</v>
      </c>
      <c r="BK1059" t="s">
        <v>191</v>
      </c>
      <c r="BL1059" t="s">
        <v>702</v>
      </c>
      <c r="BM1059" t="s">
        <v>191</v>
      </c>
      <c r="BN1059" t="s">
        <v>703</v>
      </c>
      <c r="BO1059" t="s">
        <v>191</v>
      </c>
      <c r="BP1059" t="s">
        <v>704</v>
      </c>
    </row>
    <row r="1060" spans="1:69" x14ac:dyDescent="0.25">
      <c r="A1060" s="1">
        <v>30450480</v>
      </c>
      <c r="B1060" t="s">
        <v>4312</v>
      </c>
      <c r="C1060" t="s">
        <v>39</v>
      </c>
      <c r="D1060" t="s">
        <v>3727</v>
      </c>
      <c r="E1060" t="s">
        <v>200</v>
      </c>
      <c r="L1060" t="s">
        <v>52</v>
      </c>
      <c r="M1060" s="1">
        <v>0</v>
      </c>
      <c r="N1060" s="1">
        <v>0</v>
      </c>
      <c r="O1060" t="s">
        <v>3728</v>
      </c>
      <c r="P1060" t="s">
        <v>216</v>
      </c>
      <c r="Q1060" t="s">
        <v>328</v>
      </c>
      <c r="S1060" s="1">
        <v>0</v>
      </c>
      <c r="T1060" t="s">
        <v>200</v>
      </c>
      <c r="Y1060" t="s">
        <v>224</v>
      </c>
      <c r="AC1060" t="s">
        <v>199</v>
      </c>
      <c r="AD1060" t="s">
        <v>200</v>
      </c>
      <c r="AE1060" t="s">
        <v>175</v>
      </c>
      <c r="AF1060" t="s">
        <v>200</v>
      </c>
      <c r="AG1060" t="s">
        <v>175</v>
      </c>
      <c r="AH1060" t="s">
        <v>200</v>
      </c>
      <c r="AI1060" s="1">
        <v>0</v>
      </c>
      <c r="AJ1060" t="s">
        <v>200</v>
      </c>
      <c r="AK1060" t="s">
        <v>175</v>
      </c>
      <c r="AL1060" t="s">
        <v>52</v>
      </c>
      <c r="AM1060" s="1">
        <v>0</v>
      </c>
      <c r="AN1060" s="1">
        <v>0</v>
      </c>
      <c r="AO1060" s="1">
        <v>0</v>
      </c>
      <c r="AP1060" s="1">
        <v>0</v>
      </c>
      <c r="AQ1060" s="1">
        <v>0</v>
      </c>
      <c r="AR1060" s="1">
        <v>0</v>
      </c>
      <c r="AS1060" s="1">
        <v>0</v>
      </c>
      <c r="AT1060" t="s">
        <v>185</v>
      </c>
      <c r="AU1060" s="1">
        <v>0</v>
      </c>
      <c r="AV1060" s="1">
        <v>0</v>
      </c>
      <c r="AZ1060" t="s">
        <v>207</v>
      </c>
      <c r="BF1060" t="s">
        <v>189</v>
      </c>
      <c r="BG1060" s="1">
        <v>0</v>
      </c>
      <c r="BH1060" t="s">
        <v>211</v>
      </c>
      <c r="BK1060" t="s">
        <v>218</v>
      </c>
      <c r="BL1060" t="s">
        <v>4313</v>
      </c>
      <c r="BM1060" s="1">
        <v>0</v>
      </c>
      <c r="BO1060" s="1">
        <v>0</v>
      </c>
    </row>
    <row r="1061" spans="1:69" x14ac:dyDescent="0.25">
      <c r="A1061" s="1">
        <v>30450486</v>
      </c>
      <c r="B1061" t="s">
        <v>705</v>
      </c>
      <c r="C1061" t="s">
        <v>39</v>
      </c>
      <c r="D1061" t="s">
        <v>174</v>
      </c>
      <c r="E1061" t="s">
        <v>195</v>
      </c>
      <c r="L1061" t="s">
        <v>52</v>
      </c>
      <c r="M1061" s="1">
        <v>0</v>
      </c>
      <c r="N1061" s="1">
        <v>0</v>
      </c>
      <c r="O1061" t="s">
        <v>174</v>
      </c>
      <c r="P1061" t="s">
        <v>176</v>
      </c>
      <c r="Q1061" t="s">
        <v>177</v>
      </c>
      <c r="S1061" t="s">
        <v>178</v>
      </c>
      <c r="T1061" t="s">
        <v>299</v>
      </c>
      <c r="U1061" t="s">
        <v>706</v>
      </c>
      <c r="V1061" t="s">
        <v>397</v>
      </c>
      <c r="W1061" t="s">
        <v>262</v>
      </c>
      <c r="X1061" t="s">
        <v>179</v>
      </c>
      <c r="Y1061" t="s">
        <v>224</v>
      </c>
      <c r="Z1061" t="s">
        <v>244</v>
      </c>
      <c r="AC1061" t="s">
        <v>180</v>
      </c>
      <c r="AD1061" t="s">
        <v>230</v>
      </c>
      <c r="AE1061" t="s">
        <v>230</v>
      </c>
      <c r="AF1061" t="s">
        <v>230</v>
      </c>
      <c r="AG1061" t="s">
        <v>230</v>
      </c>
      <c r="AH1061" t="s">
        <v>230</v>
      </c>
      <c r="AI1061" t="s">
        <v>175</v>
      </c>
      <c r="AJ1061" t="s">
        <v>230</v>
      </c>
      <c r="AK1061" t="s">
        <v>181</v>
      </c>
      <c r="AL1061" t="s">
        <v>42</v>
      </c>
      <c r="AM1061" t="s">
        <v>206</v>
      </c>
      <c r="AN1061" t="s">
        <v>185</v>
      </c>
      <c r="AO1061" t="s">
        <v>183</v>
      </c>
      <c r="AP1061" t="s">
        <v>205</v>
      </c>
      <c r="AQ1061" t="s">
        <v>202</v>
      </c>
      <c r="AR1061" t="s">
        <v>182</v>
      </c>
      <c r="AS1061" t="s">
        <v>201</v>
      </c>
      <c r="AT1061" t="s">
        <v>184</v>
      </c>
      <c r="AU1061" t="s">
        <v>204</v>
      </c>
      <c r="AV1061" t="s">
        <v>203</v>
      </c>
      <c r="AW1061" t="s">
        <v>707</v>
      </c>
      <c r="AX1061" t="s">
        <v>186</v>
      </c>
      <c r="BD1061" t="s">
        <v>273</v>
      </c>
      <c r="BE1061" t="s">
        <v>708</v>
      </c>
      <c r="BF1061" t="s">
        <v>292</v>
      </c>
      <c r="BG1061" t="s">
        <v>301</v>
      </c>
      <c r="BH1061" t="s">
        <v>412</v>
      </c>
      <c r="BI1061" t="s">
        <v>709</v>
      </c>
      <c r="BK1061" t="s">
        <v>191</v>
      </c>
      <c r="BL1061" t="s">
        <v>710</v>
      </c>
      <c r="BM1061" t="s">
        <v>191</v>
      </c>
      <c r="BN1061" t="s">
        <v>711</v>
      </c>
      <c r="BO1061" t="s">
        <v>191</v>
      </c>
      <c r="BP1061" t="s">
        <v>712</v>
      </c>
      <c r="BQ1061" t="s">
        <v>713</v>
      </c>
    </row>
    <row r="1062" spans="1:69" x14ac:dyDescent="0.25">
      <c r="A1062" s="1">
        <v>30450490</v>
      </c>
      <c r="B1062" t="s">
        <v>2925</v>
      </c>
      <c r="C1062" t="s">
        <v>39</v>
      </c>
      <c r="D1062" t="s">
        <v>2512</v>
      </c>
      <c r="E1062" t="s">
        <v>175</v>
      </c>
      <c r="L1062" t="s">
        <v>52</v>
      </c>
      <c r="M1062" s="1">
        <v>0</v>
      </c>
      <c r="N1062" s="1">
        <v>0</v>
      </c>
      <c r="O1062" t="s">
        <v>2512</v>
      </c>
      <c r="P1062" t="s">
        <v>176</v>
      </c>
      <c r="Q1062" t="s">
        <v>177</v>
      </c>
      <c r="S1062" t="s">
        <v>178</v>
      </c>
      <c r="T1062" t="s">
        <v>175</v>
      </c>
      <c r="Y1062" t="s">
        <v>224</v>
      </c>
      <c r="Z1062" t="s">
        <v>244</v>
      </c>
      <c r="AC1062" t="s">
        <v>199</v>
      </c>
      <c r="AD1062" t="s">
        <v>181</v>
      </c>
      <c r="AE1062" t="s">
        <v>230</v>
      </c>
      <c r="AF1062" t="s">
        <v>181</v>
      </c>
      <c r="AG1062" t="s">
        <v>299</v>
      </c>
      <c r="AH1062" s="1">
        <v>0</v>
      </c>
      <c r="AI1062" t="s">
        <v>175</v>
      </c>
      <c r="AJ1062" t="s">
        <v>175</v>
      </c>
      <c r="AK1062" t="s">
        <v>181</v>
      </c>
      <c r="AL1062" t="s">
        <v>52</v>
      </c>
      <c r="AM1062" t="s">
        <v>205</v>
      </c>
      <c r="AN1062" t="s">
        <v>184</v>
      </c>
      <c r="AO1062" t="s">
        <v>206</v>
      </c>
      <c r="AP1062" t="s">
        <v>182</v>
      </c>
      <c r="AQ1062" t="s">
        <v>202</v>
      </c>
      <c r="AR1062" t="s">
        <v>203</v>
      </c>
      <c r="AS1062" t="s">
        <v>185</v>
      </c>
      <c r="AT1062" t="s">
        <v>183</v>
      </c>
      <c r="AU1062" t="s">
        <v>201</v>
      </c>
      <c r="AV1062" t="s">
        <v>204</v>
      </c>
      <c r="AW1062" t="s">
        <v>2926</v>
      </c>
      <c r="AX1062" t="s">
        <v>186</v>
      </c>
      <c r="AY1062" t="s">
        <v>187</v>
      </c>
      <c r="AZ1062" t="s">
        <v>207</v>
      </c>
      <c r="BA1062" t="s">
        <v>188</v>
      </c>
      <c r="BB1062" t="s">
        <v>208</v>
      </c>
      <c r="BC1062" t="s">
        <v>209</v>
      </c>
      <c r="BF1062" t="s">
        <v>189</v>
      </c>
      <c r="BG1062" s="1">
        <v>0</v>
      </c>
      <c r="BH1062" t="s">
        <v>247</v>
      </c>
      <c r="BK1062" t="s">
        <v>191</v>
      </c>
      <c r="BL1062" t="s">
        <v>2016</v>
      </c>
      <c r="BM1062" t="s">
        <v>191</v>
      </c>
      <c r="BN1062" t="s">
        <v>2927</v>
      </c>
      <c r="BO1062" t="s">
        <v>191</v>
      </c>
      <c r="BP1062" t="s">
        <v>483</v>
      </c>
    </row>
    <row r="1063" spans="1:69" x14ac:dyDescent="0.25">
      <c r="A1063" s="1">
        <v>30450493</v>
      </c>
      <c r="B1063" t="s">
        <v>3516</v>
      </c>
      <c r="C1063" t="s">
        <v>39</v>
      </c>
      <c r="D1063" t="s">
        <v>3138</v>
      </c>
      <c r="E1063" t="s">
        <v>175</v>
      </c>
      <c r="L1063" t="s">
        <v>52</v>
      </c>
      <c r="M1063" s="1">
        <v>0</v>
      </c>
      <c r="N1063" s="1">
        <v>0</v>
      </c>
      <c r="O1063" t="s">
        <v>3139</v>
      </c>
      <c r="P1063" t="s">
        <v>176</v>
      </c>
      <c r="Q1063" t="s">
        <v>177</v>
      </c>
      <c r="S1063" t="s">
        <v>178</v>
      </c>
      <c r="T1063" t="s">
        <v>175</v>
      </c>
      <c r="Z1063" t="s">
        <v>244</v>
      </c>
      <c r="AC1063" t="s">
        <v>180</v>
      </c>
      <c r="AD1063" t="s">
        <v>200</v>
      </c>
      <c r="AE1063" t="s">
        <v>200</v>
      </c>
      <c r="AF1063" t="s">
        <v>200</v>
      </c>
      <c r="AG1063" t="s">
        <v>200</v>
      </c>
      <c r="AH1063" t="s">
        <v>200</v>
      </c>
      <c r="AI1063" t="s">
        <v>200</v>
      </c>
      <c r="AJ1063" t="s">
        <v>200</v>
      </c>
      <c r="AK1063" t="s">
        <v>200</v>
      </c>
      <c r="AL1063" t="s">
        <v>49</v>
      </c>
      <c r="AM1063" t="s">
        <v>205</v>
      </c>
      <c r="AN1063" t="s">
        <v>184</v>
      </c>
      <c r="AO1063" t="s">
        <v>185</v>
      </c>
      <c r="AP1063" t="s">
        <v>206</v>
      </c>
      <c r="AQ1063" t="s">
        <v>203</v>
      </c>
      <c r="AR1063" t="s">
        <v>202</v>
      </c>
      <c r="AS1063" t="s">
        <v>204</v>
      </c>
      <c r="AT1063" t="s">
        <v>182</v>
      </c>
      <c r="AU1063" t="s">
        <v>183</v>
      </c>
      <c r="AV1063" t="s">
        <v>201</v>
      </c>
      <c r="AW1063" t="s">
        <v>2357</v>
      </c>
      <c r="AX1063" t="s">
        <v>186</v>
      </c>
      <c r="AZ1063" t="s">
        <v>207</v>
      </c>
      <c r="BA1063" t="s">
        <v>188</v>
      </c>
      <c r="BC1063" t="s">
        <v>209</v>
      </c>
      <c r="BF1063" t="s">
        <v>210</v>
      </c>
      <c r="BG1063" s="1">
        <v>0</v>
      </c>
      <c r="BH1063" t="s">
        <v>211</v>
      </c>
      <c r="BK1063" t="s">
        <v>191</v>
      </c>
      <c r="BL1063" t="s">
        <v>3517</v>
      </c>
      <c r="BM1063" t="s">
        <v>191</v>
      </c>
      <c r="BN1063" t="s">
        <v>3518</v>
      </c>
      <c r="BO1063" t="s">
        <v>218</v>
      </c>
      <c r="BP1063" t="s">
        <v>3519</v>
      </c>
      <c r="BQ1063" t="s">
        <v>3520</v>
      </c>
    </row>
    <row r="1064" spans="1:69" x14ac:dyDescent="0.25">
      <c r="A1064" s="1">
        <v>30450497</v>
      </c>
      <c r="B1064" t="s">
        <v>2190</v>
      </c>
      <c r="C1064" t="s">
        <v>39</v>
      </c>
      <c r="D1064" t="s">
        <v>1616</v>
      </c>
      <c r="E1064" t="s">
        <v>195</v>
      </c>
      <c r="L1064" t="s">
        <v>52</v>
      </c>
      <c r="M1064" s="1">
        <v>0</v>
      </c>
      <c r="N1064" s="1">
        <v>0</v>
      </c>
      <c r="O1064" t="s">
        <v>1616</v>
      </c>
      <c r="P1064" t="s">
        <v>176</v>
      </c>
      <c r="Q1064" t="s">
        <v>238</v>
      </c>
      <c r="S1064" s="1">
        <v>0</v>
      </c>
      <c r="T1064" s="1">
        <v>0</v>
      </c>
      <c r="AC1064" s="1">
        <v>0</v>
      </c>
      <c r="AD1064" s="1">
        <v>0</v>
      </c>
      <c r="AE1064" s="1">
        <v>0</v>
      </c>
      <c r="AF1064" s="1">
        <v>0</v>
      </c>
      <c r="AG1064" s="1">
        <v>0</v>
      </c>
      <c r="AH1064" s="1">
        <v>0</v>
      </c>
      <c r="AI1064" s="1">
        <v>0</v>
      </c>
      <c r="AJ1064" s="1">
        <v>0</v>
      </c>
      <c r="AK1064" s="1">
        <v>0</v>
      </c>
      <c r="AL1064" s="1">
        <v>0</v>
      </c>
      <c r="AM1064" s="1">
        <v>0</v>
      </c>
      <c r="AN1064" s="1">
        <v>0</v>
      </c>
      <c r="AO1064" s="1">
        <v>0</v>
      </c>
      <c r="AP1064" s="1">
        <v>0</v>
      </c>
      <c r="AQ1064" s="1">
        <v>0</v>
      </c>
      <c r="AR1064" s="1">
        <v>0</v>
      </c>
      <c r="AS1064" s="1">
        <v>0</v>
      </c>
      <c r="AT1064" s="1">
        <v>0</v>
      </c>
      <c r="AU1064" s="1">
        <v>0</v>
      </c>
      <c r="AV1064" s="1">
        <v>0</v>
      </c>
      <c r="BF1064" s="1">
        <v>0</v>
      </c>
      <c r="BG1064" s="1">
        <v>0</v>
      </c>
      <c r="BH1064" s="1">
        <v>0</v>
      </c>
      <c r="BK1064" s="1">
        <v>0</v>
      </c>
      <c r="BM1064" s="1">
        <v>0</v>
      </c>
      <c r="BO1064" s="1">
        <v>0</v>
      </c>
    </row>
    <row r="1065" spans="1:69" x14ac:dyDescent="0.25">
      <c r="A1065" s="1">
        <v>30450499</v>
      </c>
      <c r="B1065" t="s">
        <v>2191</v>
      </c>
      <c r="C1065" t="s">
        <v>39</v>
      </c>
      <c r="D1065" t="s">
        <v>1616</v>
      </c>
      <c r="E1065" t="s">
        <v>200</v>
      </c>
      <c r="L1065" t="s">
        <v>52</v>
      </c>
      <c r="M1065" s="1">
        <v>0</v>
      </c>
      <c r="N1065" s="1">
        <v>0</v>
      </c>
      <c r="O1065" t="s">
        <v>1616</v>
      </c>
      <c r="P1065" t="s">
        <v>176</v>
      </c>
      <c r="Q1065" t="s">
        <v>238</v>
      </c>
      <c r="S1065" t="s">
        <v>178</v>
      </c>
      <c r="T1065" t="s">
        <v>200</v>
      </c>
      <c r="AA1065" t="s">
        <v>273</v>
      </c>
      <c r="AB1065" t="s">
        <v>2192</v>
      </c>
      <c r="AC1065" t="s">
        <v>180</v>
      </c>
      <c r="AD1065" t="s">
        <v>200</v>
      </c>
      <c r="AE1065" t="s">
        <v>200</v>
      </c>
      <c r="AF1065" t="s">
        <v>200</v>
      </c>
      <c r="AG1065" t="s">
        <v>200</v>
      </c>
      <c r="AH1065" t="s">
        <v>200</v>
      </c>
      <c r="AI1065" t="s">
        <v>200</v>
      </c>
      <c r="AJ1065" t="s">
        <v>200</v>
      </c>
      <c r="AK1065" t="s">
        <v>200</v>
      </c>
      <c r="AL1065" t="s">
        <v>52</v>
      </c>
      <c r="AM1065" t="s">
        <v>183</v>
      </c>
      <c r="AN1065" t="s">
        <v>201</v>
      </c>
      <c r="AO1065" t="s">
        <v>206</v>
      </c>
      <c r="AP1065" t="s">
        <v>184</v>
      </c>
      <c r="AQ1065" t="s">
        <v>202</v>
      </c>
      <c r="AR1065" t="s">
        <v>203</v>
      </c>
      <c r="AS1065" t="s">
        <v>185</v>
      </c>
      <c r="AT1065" t="s">
        <v>204</v>
      </c>
      <c r="AU1065" t="s">
        <v>205</v>
      </c>
      <c r="AV1065" t="s">
        <v>182</v>
      </c>
      <c r="AW1065" t="s">
        <v>2193</v>
      </c>
      <c r="AX1065" t="s">
        <v>186</v>
      </c>
      <c r="AY1065" t="s">
        <v>187</v>
      </c>
      <c r="AZ1065" t="s">
        <v>207</v>
      </c>
      <c r="BA1065" t="s">
        <v>188</v>
      </c>
      <c r="BB1065" t="s">
        <v>208</v>
      </c>
      <c r="BC1065" t="s">
        <v>209</v>
      </c>
      <c r="BF1065" t="s">
        <v>210</v>
      </c>
      <c r="BG1065" s="1">
        <v>0</v>
      </c>
      <c r="BH1065" t="s">
        <v>211</v>
      </c>
      <c r="BK1065" t="s">
        <v>191</v>
      </c>
      <c r="BL1065" t="s">
        <v>2194</v>
      </c>
      <c r="BM1065" t="s">
        <v>191</v>
      </c>
      <c r="BN1065" t="s">
        <v>2195</v>
      </c>
      <c r="BO1065" t="s">
        <v>191</v>
      </c>
      <c r="BP1065" t="s">
        <v>2196</v>
      </c>
      <c r="BQ1065" t="s">
        <v>2197</v>
      </c>
    </row>
    <row r="1066" spans="1:69" x14ac:dyDescent="0.25">
      <c r="A1066" s="1">
        <v>30450501</v>
      </c>
      <c r="B1066" t="s">
        <v>1367</v>
      </c>
      <c r="C1066" t="s">
        <v>39</v>
      </c>
      <c r="D1066" t="s">
        <v>942</v>
      </c>
      <c r="L1066" t="s">
        <v>52</v>
      </c>
      <c r="M1066" s="1">
        <v>0</v>
      </c>
      <c r="N1066" s="1">
        <v>0</v>
      </c>
      <c r="O1066" t="s">
        <v>942</v>
      </c>
      <c r="P1066" t="s">
        <v>49</v>
      </c>
      <c r="Q1066" s="1">
        <v>0</v>
      </c>
      <c r="S1066" s="1">
        <v>0</v>
      </c>
      <c r="T1066" s="1">
        <v>0</v>
      </c>
      <c r="X1066" t="s">
        <v>179</v>
      </c>
      <c r="Y1066" t="s">
        <v>224</v>
      </c>
      <c r="AC1066" t="s">
        <v>225</v>
      </c>
      <c r="AD1066" t="s">
        <v>181</v>
      </c>
      <c r="AE1066" t="s">
        <v>230</v>
      </c>
      <c r="AF1066" t="s">
        <v>230</v>
      </c>
      <c r="AG1066" t="s">
        <v>175</v>
      </c>
      <c r="AH1066" t="s">
        <v>175</v>
      </c>
      <c r="AI1066" t="s">
        <v>230</v>
      </c>
      <c r="AJ1066" t="s">
        <v>230</v>
      </c>
      <c r="AK1066" t="s">
        <v>181</v>
      </c>
      <c r="AL1066" t="s">
        <v>42</v>
      </c>
      <c r="AM1066" s="1">
        <v>0</v>
      </c>
      <c r="AN1066" s="1">
        <v>0</v>
      </c>
      <c r="AO1066" t="s">
        <v>183</v>
      </c>
      <c r="AP1066" t="s">
        <v>182</v>
      </c>
      <c r="AQ1066" s="1">
        <v>0</v>
      </c>
      <c r="AR1066" s="1">
        <v>0</v>
      </c>
      <c r="AS1066" t="s">
        <v>184</v>
      </c>
      <c r="AT1066" t="s">
        <v>185</v>
      </c>
      <c r="AU1066" s="1">
        <v>0</v>
      </c>
      <c r="AV1066" s="1">
        <v>0</v>
      </c>
      <c r="AY1066" t="s">
        <v>187</v>
      </c>
      <c r="BC1066" t="s">
        <v>209</v>
      </c>
      <c r="BF1066" t="s">
        <v>292</v>
      </c>
      <c r="BG1066" t="s">
        <v>233</v>
      </c>
      <c r="BH1066" t="s">
        <v>211</v>
      </c>
      <c r="BK1066" t="s">
        <v>191</v>
      </c>
      <c r="BM1066" t="s">
        <v>191</v>
      </c>
      <c r="BO1066" t="s">
        <v>191</v>
      </c>
    </row>
    <row r="1067" spans="1:69" x14ac:dyDescent="0.25">
      <c r="A1067" s="1">
        <v>30450504</v>
      </c>
      <c r="B1067" t="s">
        <v>3521</v>
      </c>
      <c r="C1067" t="s">
        <v>39</v>
      </c>
      <c r="D1067" t="s">
        <v>3138</v>
      </c>
      <c r="E1067" t="s">
        <v>175</v>
      </c>
      <c r="L1067" t="s">
        <v>52</v>
      </c>
      <c r="M1067" s="1">
        <v>0</v>
      </c>
      <c r="N1067" s="1">
        <v>0</v>
      </c>
      <c r="O1067" t="s">
        <v>3139</v>
      </c>
      <c r="P1067" t="s">
        <v>176</v>
      </c>
      <c r="Q1067" t="s">
        <v>196</v>
      </c>
      <c r="S1067" t="s">
        <v>178</v>
      </c>
      <c r="T1067" t="s">
        <v>175</v>
      </c>
      <c r="Y1067" t="s">
        <v>224</v>
      </c>
      <c r="AC1067" t="s">
        <v>180</v>
      </c>
      <c r="AD1067" t="s">
        <v>175</v>
      </c>
      <c r="AE1067" t="s">
        <v>175</v>
      </c>
      <c r="AF1067" t="s">
        <v>175</v>
      </c>
      <c r="AG1067" t="s">
        <v>175</v>
      </c>
      <c r="AH1067" t="s">
        <v>175</v>
      </c>
      <c r="AI1067" t="s">
        <v>175</v>
      </c>
      <c r="AJ1067" t="s">
        <v>175</v>
      </c>
      <c r="AK1067" t="s">
        <v>175</v>
      </c>
      <c r="AL1067" t="s">
        <v>52</v>
      </c>
      <c r="AM1067" t="s">
        <v>203</v>
      </c>
      <c r="AN1067" t="s">
        <v>183</v>
      </c>
      <c r="AO1067" t="s">
        <v>182</v>
      </c>
      <c r="AP1067" t="s">
        <v>204</v>
      </c>
      <c r="AQ1067" t="s">
        <v>185</v>
      </c>
      <c r="AR1067" t="s">
        <v>184</v>
      </c>
      <c r="AS1067" t="s">
        <v>205</v>
      </c>
      <c r="AT1067" t="s">
        <v>201</v>
      </c>
      <c r="AU1067" t="s">
        <v>206</v>
      </c>
      <c r="AV1067" t="s">
        <v>202</v>
      </c>
      <c r="AX1067" t="s">
        <v>186</v>
      </c>
      <c r="AY1067" t="s">
        <v>187</v>
      </c>
      <c r="AZ1067" t="s">
        <v>207</v>
      </c>
      <c r="BA1067" t="s">
        <v>188</v>
      </c>
      <c r="BB1067" t="s">
        <v>208</v>
      </c>
      <c r="BC1067" t="s">
        <v>209</v>
      </c>
      <c r="BF1067" t="s">
        <v>210</v>
      </c>
      <c r="BG1067" s="1">
        <v>0</v>
      </c>
      <c r="BH1067" t="s">
        <v>211</v>
      </c>
      <c r="BK1067" t="s">
        <v>191</v>
      </c>
      <c r="BL1067" t="s">
        <v>3522</v>
      </c>
      <c r="BM1067" t="s">
        <v>191</v>
      </c>
      <c r="BN1067" t="s">
        <v>3523</v>
      </c>
      <c r="BO1067" t="s">
        <v>218</v>
      </c>
      <c r="BP1067" t="s">
        <v>3524</v>
      </c>
      <c r="BQ1067" t="s">
        <v>3525</v>
      </c>
    </row>
    <row r="1068" spans="1:69" x14ac:dyDescent="0.25">
      <c r="A1068" s="1">
        <v>30450506</v>
      </c>
      <c r="B1068" t="s">
        <v>2928</v>
      </c>
      <c r="C1068" t="s">
        <v>39</v>
      </c>
      <c r="D1068" t="s">
        <v>2512</v>
      </c>
      <c r="L1068" t="s">
        <v>52</v>
      </c>
      <c r="M1068" s="1">
        <v>0</v>
      </c>
      <c r="N1068" s="1">
        <v>0</v>
      </c>
      <c r="O1068" t="s">
        <v>2512</v>
      </c>
      <c r="P1068" s="1">
        <v>0</v>
      </c>
      <c r="Q1068" s="1">
        <v>0</v>
      </c>
      <c r="S1068" s="1">
        <v>0</v>
      </c>
      <c r="T1068" s="1">
        <v>0</v>
      </c>
      <c r="Y1068" t="s">
        <v>224</v>
      </c>
      <c r="AC1068" t="s">
        <v>180</v>
      </c>
      <c r="AD1068" t="s">
        <v>200</v>
      </c>
      <c r="AE1068" t="s">
        <v>200</v>
      </c>
      <c r="AF1068" t="s">
        <v>200</v>
      </c>
      <c r="AG1068" t="s">
        <v>200</v>
      </c>
      <c r="AH1068" t="s">
        <v>200</v>
      </c>
      <c r="AI1068" t="s">
        <v>200</v>
      </c>
      <c r="AJ1068" t="s">
        <v>200</v>
      </c>
      <c r="AK1068" t="s">
        <v>200</v>
      </c>
      <c r="AL1068" t="s">
        <v>52</v>
      </c>
      <c r="AM1068" t="s">
        <v>182</v>
      </c>
      <c r="AN1068" s="1">
        <v>0</v>
      </c>
      <c r="AO1068" t="s">
        <v>184</v>
      </c>
      <c r="AP1068" s="1">
        <v>0</v>
      </c>
      <c r="AQ1068" s="1">
        <v>0</v>
      </c>
      <c r="AR1068" s="1">
        <v>0</v>
      </c>
      <c r="AS1068" s="1">
        <v>0</v>
      </c>
      <c r="AT1068" s="1">
        <v>0</v>
      </c>
      <c r="AU1068" t="s">
        <v>185</v>
      </c>
      <c r="AV1068" s="1">
        <v>0</v>
      </c>
      <c r="AY1068" t="s">
        <v>187</v>
      </c>
      <c r="AZ1068" t="s">
        <v>207</v>
      </c>
      <c r="BB1068" t="s">
        <v>208</v>
      </c>
      <c r="BC1068" t="s">
        <v>209</v>
      </c>
      <c r="BF1068" t="s">
        <v>292</v>
      </c>
      <c r="BG1068" t="s">
        <v>301</v>
      </c>
      <c r="BH1068" t="s">
        <v>247</v>
      </c>
      <c r="BK1068" t="s">
        <v>191</v>
      </c>
      <c r="BL1068" t="s">
        <v>192</v>
      </c>
      <c r="BM1068" s="1">
        <v>0</v>
      </c>
      <c r="BN1068" t="s">
        <v>2929</v>
      </c>
      <c r="BO1068" t="s">
        <v>191</v>
      </c>
      <c r="BP1068" t="s">
        <v>2930</v>
      </c>
    </row>
    <row r="1069" spans="1:69" x14ac:dyDescent="0.25">
      <c r="A1069" s="1">
        <v>30450510</v>
      </c>
      <c r="B1069" t="s">
        <v>1368</v>
      </c>
      <c r="C1069" t="s">
        <v>39</v>
      </c>
      <c r="D1069" t="s">
        <v>942</v>
      </c>
      <c r="E1069" t="s">
        <v>200</v>
      </c>
      <c r="L1069" t="s">
        <v>52</v>
      </c>
      <c r="M1069" s="1">
        <v>0</v>
      </c>
      <c r="N1069" s="1">
        <v>0</v>
      </c>
      <c r="O1069" t="s">
        <v>942</v>
      </c>
      <c r="P1069" t="s">
        <v>176</v>
      </c>
      <c r="Q1069" t="s">
        <v>238</v>
      </c>
      <c r="S1069" t="s">
        <v>178</v>
      </c>
      <c r="T1069" t="s">
        <v>200</v>
      </c>
      <c r="X1069" t="s">
        <v>179</v>
      </c>
      <c r="AC1069" t="s">
        <v>266</v>
      </c>
      <c r="AD1069" t="s">
        <v>175</v>
      </c>
      <c r="AE1069" t="s">
        <v>175</v>
      </c>
      <c r="AF1069" t="s">
        <v>181</v>
      </c>
      <c r="AG1069" t="s">
        <v>175</v>
      </c>
      <c r="AH1069" t="s">
        <v>200</v>
      </c>
      <c r="AI1069" t="s">
        <v>200</v>
      </c>
      <c r="AJ1069" t="s">
        <v>175</v>
      </c>
      <c r="AK1069" t="s">
        <v>181</v>
      </c>
      <c r="AL1069" t="s">
        <v>42</v>
      </c>
      <c r="AM1069" t="s">
        <v>185</v>
      </c>
      <c r="AN1069" s="1">
        <v>0</v>
      </c>
      <c r="AO1069" s="1">
        <v>0</v>
      </c>
      <c r="AP1069" t="s">
        <v>182</v>
      </c>
      <c r="AQ1069" s="1">
        <v>0</v>
      </c>
      <c r="AR1069" s="1">
        <v>0</v>
      </c>
      <c r="AS1069" s="1">
        <v>0</v>
      </c>
      <c r="AT1069" s="1">
        <v>0</v>
      </c>
      <c r="AU1069" s="1">
        <v>0</v>
      </c>
      <c r="AV1069" t="s">
        <v>184</v>
      </c>
      <c r="AY1069" t="s">
        <v>187</v>
      </c>
      <c r="AZ1069" t="s">
        <v>207</v>
      </c>
      <c r="BA1069" t="s">
        <v>188</v>
      </c>
      <c r="BF1069" t="s">
        <v>210</v>
      </c>
      <c r="BG1069" s="1">
        <v>0</v>
      </c>
      <c r="BH1069" t="s">
        <v>464</v>
      </c>
      <c r="BK1069" t="s">
        <v>191</v>
      </c>
      <c r="BL1069" t="s">
        <v>1369</v>
      </c>
      <c r="BM1069" t="s">
        <v>218</v>
      </c>
      <c r="BN1069" t="s">
        <v>1370</v>
      </c>
      <c r="BO1069" t="s">
        <v>218</v>
      </c>
      <c r="BP1069" t="s">
        <v>1371</v>
      </c>
    </row>
    <row r="1070" spans="1:69" x14ac:dyDescent="0.25">
      <c r="A1070" s="1">
        <v>30450511</v>
      </c>
      <c r="B1070" t="s">
        <v>4314</v>
      </c>
      <c r="C1070" t="s">
        <v>39</v>
      </c>
      <c r="D1070" t="s">
        <v>3727</v>
      </c>
      <c r="E1070" t="s">
        <v>200</v>
      </c>
      <c r="L1070" t="s">
        <v>52</v>
      </c>
      <c r="M1070" s="1">
        <v>0</v>
      </c>
      <c r="N1070" s="1">
        <v>0</v>
      </c>
      <c r="O1070" t="s">
        <v>3728</v>
      </c>
      <c r="P1070" t="s">
        <v>216</v>
      </c>
      <c r="Q1070" t="s">
        <v>177</v>
      </c>
      <c r="S1070" s="1">
        <v>0</v>
      </c>
      <c r="T1070" t="s">
        <v>200</v>
      </c>
      <c r="X1070" t="s">
        <v>179</v>
      </c>
      <c r="AC1070" t="s">
        <v>180</v>
      </c>
      <c r="AD1070" t="s">
        <v>175</v>
      </c>
      <c r="AE1070" t="s">
        <v>175</v>
      </c>
      <c r="AF1070" t="s">
        <v>175</v>
      </c>
      <c r="AG1070" t="s">
        <v>175</v>
      </c>
      <c r="AH1070" t="s">
        <v>175</v>
      </c>
      <c r="AI1070" t="s">
        <v>175</v>
      </c>
      <c r="AJ1070" t="s">
        <v>175</v>
      </c>
      <c r="AK1070" t="s">
        <v>175</v>
      </c>
      <c r="AL1070" t="s">
        <v>42</v>
      </c>
      <c r="AM1070" t="s">
        <v>201</v>
      </c>
      <c r="AN1070" t="s">
        <v>205</v>
      </c>
      <c r="AO1070" t="s">
        <v>185</v>
      </c>
      <c r="AP1070" t="s">
        <v>183</v>
      </c>
      <c r="AQ1070" t="s">
        <v>184</v>
      </c>
      <c r="AR1070" t="s">
        <v>182</v>
      </c>
      <c r="AS1070" t="s">
        <v>203</v>
      </c>
      <c r="AT1070" t="s">
        <v>202</v>
      </c>
      <c r="AU1070" t="s">
        <v>204</v>
      </c>
      <c r="AV1070" t="s">
        <v>206</v>
      </c>
      <c r="AX1070" t="s">
        <v>186</v>
      </c>
      <c r="AY1070" t="s">
        <v>187</v>
      </c>
      <c r="AZ1070" t="s">
        <v>207</v>
      </c>
      <c r="BF1070" t="s">
        <v>210</v>
      </c>
      <c r="BG1070" s="1">
        <v>0</v>
      </c>
      <c r="BH1070" t="s">
        <v>211</v>
      </c>
      <c r="BK1070" t="s">
        <v>191</v>
      </c>
      <c r="BM1070" t="s">
        <v>191</v>
      </c>
      <c r="BO1070" t="s">
        <v>218</v>
      </c>
    </row>
    <row r="1071" spans="1:69" x14ac:dyDescent="0.25">
      <c r="A1071" s="1">
        <v>30450514</v>
      </c>
      <c r="B1071" t="s">
        <v>2198</v>
      </c>
      <c r="C1071" t="s">
        <v>39</v>
      </c>
      <c r="D1071" t="s">
        <v>1616</v>
      </c>
      <c r="E1071" t="s">
        <v>216</v>
      </c>
      <c r="L1071" t="s">
        <v>52</v>
      </c>
      <c r="M1071" s="1">
        <v>0</v>
      </c>
      <c r="N1071" s="1">
        <v>0</v>
      </c>
      <c r="O1071" t="s">
        <v>1616</v>
      </c>
      <c r="P1071" t="s">
        <v>216</v>
      </c>
      <c r="Q1071" t="s">
        <v>258</v>
      </c>
      <c r="S1071" s="1">
        <v>0</v>
      </c>
      <c r="T1071" t="s">
        <v>197</v>
      </c>
      <c r="AC1071" s="1">
        <v>0</v>
      </c>
      <c r="AD1071" s="1">
        <v>0</v>
      </c>
      <c r="AE1071" s="1">
        <v>0</v>
      </c>
      <c r="AF1071" s="1">
        <v>0</v>
      </c>
      <c r="AG1071" s="1">
        <v>0</v>
      </c>
      <c r="AH1071" s="1">
        <v>0</v>
      </c>
      <c r="AI1071" s="1">
        <v>0</v>
      </c>
      <c r="AJ1071" s="1">
        <v>0</v>
      </c>
      <c r="AK1071" s="1">
        <v>0</v>
      </c>
      <c r="AL1071" s="1">
        <v>0</v>
      </c>
      <c r="AM1071" s="1">
        <v>0</v>
      </c>
      <c r="AN1071" s="1">
        <v>0</v>
      </c>
      <c r="AO1071" s="1">
        <v>0</v>
      </c>
      <c r="AP1071" s="1">
        <v>0</v>
      </c>
      <c r="AQ1071" s="1">
        <v>0</v>
      </c>
      <c r="AR1071" s="1">
        <v>0</v>
      </c>
      <c r="AS1071" s="1">
        <v>0</v>
      </c>
      <c r="AT1071" s="1">
        <v>0</v>
      </c>
      <c r="AU1071" s="1">
        <v>0</v>
      </c>
      <c r="AV1071" s="1">
        <v>0</v>
      </c>
      <c r="BF1071" s="1">
        <v>0</v>
      </c>
      <c r="BG1071" s="1">
        <v>0</v>
      </c>
      <c r="BH1071" s="1">
        <v>0</v>
      </c>
      <c r="BK1071" s="1">
        <v>0</v>
      </c>
      <c r="BM1071" s="1">
        <v>0</v>
      </c>
      <c r="BO1071" s="1">
        <v>0</v>
      </c>
    </row>
    <row r="1072" spans="1:69" x14ac:dyDescent="0.25">
      <c r="A1072" s="1">
        <v>30450517</v>
      </c>
      <c r="B1072" t="s">
        <v>1372</v>
      </c>
      <c r="C1072" t="s">
        <v>39</v>
      </c>
      <c r="D1072" t="s">
        <v>942</v>
      </c>
      <c r="E1072" t="s">
        <v>175</v>
      </c>
      <c r="L1072" t="s">
        <v>52</v>
      </c>
      <c r="M1072" s="1">
        <v>0</v>
      </c>
      <c r="N1072" s="1">
        <v>0</v>
      </c>
      <c r="O1072" t="s">
        <v>942</v>
      </c>
      <c r="P1072" t="s">
        <v>176</v>
      </c>
      <c r="Q1072" t="s">
        <v>196</v>
      </c>
      <c r="S1072" t="s">
        <v>178</v>
      </c>
      <c r="T1072" t="s">
        <v>175</v>
      </c>
      <c r="W1072" t="s">
        <v>262</v>
      </c>
      <c r="X1072" t="s">
        <v>179</v>
      </c>
      <c r="AC1072" t="s">
        <v>266</v>
      </c>
      <c r="AD1072" t="s">
        <v>175</v>
      </c>
      <c r="AE1072" t="s">
        <v>175</v>
      </c>
      <c r="AF1072" t="s">
        <v>181</v>
      </c>
      <c r="AG1072" t="s">
        <v>175</v>
      </c>
      <c r="AH1072" t="s">
        <v>175</v>
      </c>
      <c r="AI1072" t="s">
        <v>181</v>
      </c>
      <c r="AJ1072" t="s">
        <v>181</v>
      </c>
      <c r="AK1072" t="s">
        <v>181</v>
      </c>
      <c r="AL1072" t="s">
        <v>42</v>
      </c>
      <c r="AM1072" t="s">
        <v>183</v>
      </c>
      <c r="AN1072" t="s">
        <v>205</v>
      </c>
      <c r="AO1072" t="s">
        <v>201</v>
      </c>
      <c r="AP1072" t="s">
        <v>182</v>
      </c>
      <c r="AQ1072" t="s">
        <v>185</v>
      </c>
      <c r="AR1072" t="s">
        <v>203</v>
      </c>
      <c r="AS1072" t="s">
        <v>202</v>
      </c>
      <c r="AT1072" t="s">
        <v>206</v>
      </c>
      <c r="AU1072" t="s">
        <v>204</v>
      </c>
      <c r="AV1072" t="s">
        <v>184</v>
      </c>
      <c r="AY1072" t="s">
        <v>187</v>
      </c>
      <c r="AZ1072" t="s">
        <v>207</v>
      </c>
      <c r="BA1072" t="s">
        <v>188</v>
      </c>
      <c r="BF1072" t="s">
        <v>232</v>
      </c>
      <c r="BG1072" t="s">
        <v>301</v>
      </c>
      <c r="BH1072" t="s">
        <v>211</v>
      </c>
      <c r="BK1072" t="s">
        <v>191</v>
      </c>
      <c r="BL1072" t="s">
        <v>1373</v>
      </c>
      <c r="BM1072" t="s">
        <v>191</v>
      </c>
      <c r="BO1072" t="s">
        <v>218</v>
      </c>
      <c r="BP1072" t="s">
        <v>1374</v>
      </c>
    </row>
    <row r="1073" spans="1:69" x14ac:dyDescent="0.25">
      <c r="A1073" s="1">
        <v>30450518</v>
      </c>
      <c r="B1073" t="s">
        <v>2199</v>
      </c>
      <c r="C1073" t="s">
        <v>39</v>
      </c>
      <c r="D1073" t="s">
        <v>1616</v>
      </c>
      <c r="E1073" t="s">
        <v>175</v>
      </c>
      <c r="L1073" t="s">
        <v>52</v>
      </c>
      <c r="M1073" s="1">
        <v>0</v>
      </c>
      <c r="N1073" s="1">
        <v>0</v>
      </c>
      <c r="O1073" t="s">
        <v>1616</v>
      </c>
      <c r="P1073" t="s">
        <v>216</v>
      </c>
      <c r="Q1073" t="s">
        <v>258</v>
      </c>
      <c r="S1073" s="1">
        <v>0</v>
      </c>
      <c r="T1073" t="s">
        <v>175</v>
      </c>
      <c r="Z1073" t="s">
        <v>244</v>
      </c>
      <c r="AC1073" t="s">
        <v>199</v>
      </c>
      <c r="AD1073" t="s">
        <v>175</v>
      </c>
      <c r="AE1073" t="s">
        <v>175</v>
      </c>
      <c r="AF1073" t="s">
        <v>175</v>
      </c>
      <c r="AG1073" t="s">
        <v>175</v>
      </c>
      <c r="AH1073" t="s">
        <v>175</v>
      </c>
      <c r="AI1073" t="s">
        <v>175</v>
      </c>
      <c r="AJ1073" t="s">
        <v>175</v>
      </c>
      <c r="AK1073" t="s">
        <v>175</v>
      </c>
      <c r="AL1073" t="s">
        <v>52</v>
      </c>
      <c r="AM1073" t="s">
        <v>206</v>
      </c>
      <c r="AN1073" t="s">
        <v>204</v>
      </c>
      <c r="AO1073" t="s">
        <v>182</v>
      </c>
      <c r="AP1073" t="s">
        <v>205</v>
      </c>
      <c r="AQ1073" t="s">
        <v>185</v>
      </c>
      <c r="AR1073" t="s">
        <v>184</v>
      </c>
      <c r="AS1073" t="s">
        <v>201</v>
      </c>
      <c r="AT1073" t="s">
        <v>203</v>
      </c>
      <c r="AU1073" t="s">
        <v>202</v>
      </c>
      <c r="AV1073" t="s">
        <v>183</v>
      </c>
      <c r="AX1073" t="s">
        <v>186</v>
      </c>
      <c r="AY1073" t="s">
        <v>187</v>
      </c>
      <c r="AZ1073" t="s">
        <v>207</v>
      </c>
      <c r="BA1073" t="s">
        <v>188</v>
      </c>
      <c r="BB1073" t="s">
        <v>208</v>
      </c>
      <c r="BC1073" t="s">
        <v>209</v>
      </c>
      <c r="BF1073" t="s">
        <v>49</v>
      </c>
      <c r="BG1073" s="1">
        <v>0</v>
      </c>
      <c r="BH1073" t="s">
        <v>211</v>
      </c>
      <c r="BK1073" t="s">
        <v>191</v>
      </c>
      <c r="BL1073" t="s">
        <v>2200</v>
      </c>
      <c r="BM1073" t="s">
        <v>191</v>
      </c>
      <c r="BN1073" t="s">
        <v>2201</v>
      </c>
      <c r="BO1073" t="s">
        <v>218</v>
      </c>
      <c r="BP1073" t="s">
        <v>2202</v>
      </c>
    </row>
    <row r="1074" spans="1:69" x14ac:dyDescent="0.25">
      <c r="A1074" s="1">
        <v>30450520</v>
      </c>
      <c r="B1074" t="s">
        <v>2203</v>
      </c>
      <c r="C1074" t="s">
        <v>39</v>
      </c>
      <c r="D1074" t="s">
        <v>1616</v>
      </c>
      <c r="E1074" t="s">
        <v>195</v>
      </c>
      <c r="L1074" t="s">
        <v>52</v>
      </c>
      <c r="M1074" s="1">
        <v>0</v>
      </c>
      <c r="N1074" s="1">
        <v>0</v>
      </c>
      <c r="O1074" t="s">
        <v>1616</v>
      </c>
      <c r="P1074" t="s">
        <v>176</v>
      </c>
      <c r="Q1074" t="s">
        <v>177</v>
      </c>
      <c r="S1074" t="s">
        <v>222</v>
      </c>
      <c r="T1074" t="s">
        <v>197</v>
      </c>
      <c r="U1074" t="s">
        <v>2204</v>
      </c>
      <c r="Y1074" t="s">
        <v>224</v>
      </c>
      <c r="AC1074" t="s">
        <v>180</v>
      </c>
      <c r="AD1074" s="1">
        <v>0</v>
      </c>
      <c r="AE1074" s="1">
        <v>0</v>
      </c>
      <c r="AF1074" s="1">
        <v>0</v>
      </c>
      <c r="AG1074" s="1">
        <v>0</v>
      </c>
      <c r="AH1074" s="1">
        <v>0</v>
      </c>
      <c r="AI1074" s="1">
        <v>0</v>
      </c>
      <c r="AJ1074" s="1">
        <v>0</v>
      </c>
      <c r="AK1074" s="1">
        <v>0</v>
      </c>
      <c r="AL1074" s="1">
        <v>0</v>
      </c>
      <c r="AM1074" s="1">
        <v>0</v>
      </c>
      <c r="AN1074" s="1">
        <v>0</v>
      </c>
      <c r="AO1074" s="1">
        <v>0</v>
      </c>
      <c r="AP1074" s="1">
        <v>0</v>
      </c>
      <c r="AQ1074" s="1">
        <v>0</v>
      </c>
      <c r="AR1074" s="1">
        <v>0</v>
      </c>
      <c r="AS1074" s="1">
        <v>0</v>
      </c>
      <c r="AT1074" s="1">
        <v>0</v>
      </c>
      <c r="AU1074" s="1">
        <v>0</v>
      </c>
      <c r="AV1074" s="1">
        <v>0</v>
      </c>
      <c r="BF1074" s="1">
        <v>0</v>
      </c>
      <c r="BG1074" s="1">
        <v>0</v>
      </c>
      <c r="BH1074" s="1">
        <v>0</v>
      </c>
      <c r="BK1074" s="1">
        <v>0</v>
      </c>
      <c r="BM1074" s="1">
        <v>0</v>
      </c>
      <c r="BO1074" s="1">
        <v>0</v>
      </c>
    </row>
    <row r="1075" spans="1:69" x14ac:dyDescent="0.25">
      <c r="A1075" s="1">
        <v>30450524</v>
      </c>
      <c r="B1075" t="s">
        <v>2205</v>
      </c>
      <c r="C1075" t="s">
        <v>39</v>
      </c>
      <c r="D1075" t="s">
        <v>1616</v>
      </c>
      <c r="E1075" t="s">
        <v>175</v>
      </c>
      <c r="L1075" t="s">
        <v>52</v>
      </c>
      <c r="M1075" s="1">
        <v>0</v>
      </c>
      <c r="N1075" s="1">
        <v>0</v>
      </c>
      <c r="O1075" t="s">
        <v>1616</v>
      </c>
      <c r="P1075" t="s">
        <v>176</v>
      </c>
      <c r="Q1075" t="s">
        <v>177</v>
      </c>
      <c r="S1075" t="s">
        <v>178</v>
      </c>
      <c r="T1075" t="s">
        <v>175</v>
      </c>
      <c r="Y1075" t="s">
        <v>224</v>
      </c>
      <c r="AC1075" t="s">
        <v>180</v>
      </c>
      <c r="AD1075" t="s">
        <v>175</v>
      </c>
      <c r="AE1075" t="s">
        <v>175</v>
      </c>
      <c r="AF1075" t="s">
        <v>175</v>
      </c>
      <c r="AG1075" s="1">
        <v>0</v>
      </c>
      <c r="AH1075" t="s">
        <v>175</v>
      </c>
      <c r="AI1075" s="1">
        <v>0</v>
      </c>
      <c r="AJ1075" t="s">
        <v>175</v>
      </c>
      <c r="AK1075" t="s">
        <v>175</v>
      </c>
      <c r="AL1075" t="s">
        <v>42</v>
      </c>
      <c r="AM1075" t="s">
        <v>183</v>
      </c>
      <c r="AN1075" t="s">
        <v>184</v>
      </c>
      <c r="AO1075" t="s">
        <v>182</v>
      </c>
      <c r="AP1075" t="s">
        <v>204</v>
      </c>
      <c r="AQ1075" t="s">
        <v>202</v>
      </c>
      <c r="AR1075" t="s">
        <v>203</v>
      </c>
      <c r="AS1075" t="s">
        <v>201</v>
      </c>
      <c r="AT1075" t="s">
        <v>185</v>
      </c>
      <c r="AU1075" t="s">
        <v>205</v>
      </c>
      <c r="AV1075" t="s">
        <v>206</v>
      </c>
      <c r="AX1075" t="s">
        <v>186</v>
      </c>
      <c r="AY1075" t="s">
        <v>187</v>
      </c>
      <c r="AZ1075" t="s">
        <v>207</v>
      </c>
      <c r="BB1075" t="s">
        <v>208</v>
      </c>
      <c r="BF1075" t="s">
        <v>292</v>
      </c>
      <c r="BG1075" t="s">
        <v>301</v>
      </c>
      <c r="BH1075" t="s">
        <v>211</v>
      </c>
      <c r="BK1075" t="s">
        <v>191</v>
      </c>
      <c r="BL1075" t="s">
        <v>2206</v>
      </c>
      <c r="BM1075" t="s">
        <v>191</v>
      </c>
      <c r="BN1075" t="s">
        <v>2207</v>
      </c>
      <c r="BO1075" t="s">
        <v>191</v>
      </c>
      <c r="BP1075" t="s">
        <v>2208</v>
      </c>
    </row>
    <row r="1076" spans="1:69" x14ac:dyDescent="0.25">
      <c r="A1076" s="1">
        <v>30450534</v>
      </c>
      <c r="B1076" t="s">
        <v>4315</v>
      </c>
      <c r="C1076" t="s">
        <v>39</v>
      </c>
      <c r="D1076" t="s">
        <v>3727</v>
      </c>
      <c r="E1076" t="s">
        <v>175</v>
      </c>
      <c r="L1076" t="s">
        <v>52</v>
      </c>
      <c r="M1076" s="1">
        <v>0</v>
      </c>
      <c r="N1076" s="1">
        <v>0</v>
      </c>
      <c r="O1076" t="s">
        <v>3728</v>
      </c>
      <c r="P1076" t="s">
        <v>216</v>
      </c>
      <c r="Q1076" t="s">
        <v>196</v>
      </c>
      <c r="S1076" s="1">
        <v>0</v>
      </c>
      <c r="T1076" t="s">
        <v>175</v>
      </c>
      <c r="V1076" t="s">
        <v>397</v>
      </c>
      <c r="AC1076" t="s">
        <v>266</v>
      </c>
      <c r="AD1076" t="s">
        <v>175</v>
      </c>
      <c r="AE1076" t="s">
        <v>175</v>
      </c>
      <c r="AF1076" t="s">
        <v>175</v>
      </c>
      <c r="AG1076" t="s">
        <v>175</v>
      </c>
      <c r="AH1076" t="s">
        <v>175</v>
      </c>
      <c r="AI1076" t="s">
        <v>175</v>
      </c>
      <c r="AJ1076" t="s">
        <v>175</v>
      </c>
      <c r="AK1076" t="s">
        <v>175</v>
      </c>
      <c r="AL1076" t="s">
        <v>52</v>
      </c>
      <c r="AM1076" s="1">
        <v>0</v>
      </c>
      <c r="AN1076" s="1">
        <v>0</v>
      </c>
      <c r="AO1076" s="1">
        <v>0</v>
      </c>
      <c r="AP1076" s="1">
        <v>0</v>
      </c>
      <c r="AQ1076" s="1">
        <v>0</v>
      </c>
      <c r="AR1076" s="1">
        <v>0</v>
      </c>
      <c r="AS1076" s="1">
        <v>0</v>
      </c>
      <c r="AT1076" s="1">
        <v>0</v>
      </c>
      <c r="AU1076" s="1">
        <v>0</v>
      </c>
      <c r="AV1076" s="1">
        <v>0</v>
      </c>
      <c r="BF1076" s="1">
        <v>0</v>
      </c>
      <c r="BG1076" s="1">
        <v>0</v>
      </c>
      <c r="BH1076" s="1">
        <v>0</v>
      </c>
      <c r="BK1076" s="1">
        <v>0</v>
      </c>
      <c r="BM1076" s="1">
        <v>0</v>
      </c>
      <c r="BO1076" s="1">
        <v>0</v>
      </c>
    </row>
    <row r="1077" spans="1:69" x14ac:dyDescent="0.25">
      <c r="A1077" s="1">
        <v>30450543</v>
      </c>
      <c r="B1077" t="s">
        <v>2209</v>
      </c>
      <c r="C1077" t="s">
        <v>39</v>
      </c>
      <c r="D1077" t="s">
        <v>1616</v>
      </c>
      <c r="E1077" t="s">
        <v>200</v>
      </c>
      <c r="L1077" t="s">
        <v>52</v>
      </c>
      <c r="M1077" s="1">
        <v>0</v>
      </c>
      <c r="N1077" s="1">
        <v>0</v>
      </c>
      <c r="O1077" t="s">
        <v>1616</v>
      </c>
      <c r="P1077" t="s">
        <v>176</v>
      </c>
      <c r="Q1077" t="s">
        <v>238</v>
      </c>
      <c r="S1077" t="s">
        <v>178</v>
      </c>
      <c r="T1077" t="s">
        <v>200</v>
      </c>
      <c r="X1077" t="s">
        <v>179</v>
      </c>
      <c r="AC1077" t="s">
        <v>199</v>
      </c>
      <c r="AD1077" t="s">
        <v>200</v>
      </c>
      <c r="AE1077" t="s">
        <v>200</v>
      </c>
      <c r="AF1077" t="s">
        <v>175</v>
      </c>
      <c r="AG1077" t="s">
        <v>200</v>
      </c>
      <c r="AH1077" t="s">
        <v>200</v>
      </c>
      <c r="AI1077" t="s">
        <v>200</v>
      </c>
      <c r="AJ1077" t="s">
        <v>200</v>
      </c>
      <c r="AK1077" t="s">
        <v>200</v>
      </c>
      <c r="AL1077" t="s">
        <v>42</v>
      </c>
      <c r="AM1077" t="s">
        <v>206</v>
      </c>
      <c r="AN1077" t="s">
        <v>185</v>
      </c>
      <c r="AO1077" t="s">
        <v>205</v>
      </c>
      <c r="AP1077" t="s">
        <v>183</v>
      </c>
      <c r="AQ1077" t="s">
        <v>202</v>
      </c>
      <c r="AR1077" t="s">
        <v>203</v>
      </c>
      <c r="AS1077" t="s">
        <v>201</v>
      </c>
      <c r="AT1077" t="s">
        <v>184</v>
      </c>
      <c r="AU1077" t="s">
        <v>182</v>
      </c>
      <c r="AV1077" t="s">
        <v>204</v>
      </c>
      <c r="AX1077" t="s">
        <v>186</v>
      </c>
      <c r="AZ1077" t="s">
        <v>207</v>
      </c>
      <c r="BC1077" t="s">
        <v>209</v>
      </c>
      <c r="BF1077" t="s">
        <v>210</v>
      </c>
      <c r="BG1077" s="1">
        <v>0</v>
      </c>
      <c r="BH1077" t="s">
        <v>247</v>
      </c>
      <c r="BK1077" t="s">
        <v>191</v>
      </c>
      <c r="BL1077" t="s">
        <v>1007</v>
      </c>
      <c r="BM1077" t="s">
        <v>218</v>
      </c>
      <c r="BN1077" t="s">
        <v>2210</v>
      </c>
      <c r="BO1077" t="s">
        <v>218</v>
      </c>
      <c r="BP1077" t="s">
        <v>2211</v>
      </c>
    </row>
    <row r="1078" spans="1:69" x14ac:dyDescent="0.25">
      <c r="A1078" s="1">
        <v>30450558</v>
      </c>
      <c r="B1078" t="s">
        <v>1375</v>
      </c>
      <c r="C1078" t="s">
        <v>39</v>
      </c>
      <c r="D1078" t="s">
        <v>942</v>
      </c>
      <c r="E1078" t="s">
        <v>200</v>
      </c>
      <c r="L1078" t="s">
        <v>52</v>
      </c>
      <c r="M1078" s="1">
        <v>0</v>
      </c>
      <c r="N1078" s="1">
        <v>0</v>
      </c>
      <c r="O1078" t="s">
        <v>942</v>
      </c>
      <c r="P1078" t="s">
        <v>176</v>
      </c>
      <c r="Q1078" t="s">
        <v>177</v>
      </c>
      <c r="S1078" t="s">
        <v>222</v>
      </c>
      <c r="T1078" t="s">
        <v>200</v>
      </c>
      <c r="AC1078" t="s">
        <v>225</v>
      </c>
      <c r="AD1078" t="s">
        <v>200</v>
      </c>
      <c r="AE1078" t="s">
        <v>200</v>
      </c>
      <c r="AF1078" t="s">
        <v>200</v>
      </c>
      <c r="AG1078" t="s">
        <v>200</v>
      </c>
      <c r="AH1078" t="s">
        <v>200</v>
      </c>
      <c r="AI1078" t="s">
        <v>200</v>
      </c>
      <c r="AJ1078" t="s">
        <v>200</v>
      </c>
      <c r="AK1078" t="s">
        <v>200</v>
      </c>
      <c r="AL1078" t="s">
        <v>52</v>
      </c>
      <c r="AM1078" t="s">
        <v>182</v>
      </c>
      <c r="AN1078" s="1">
        <v>0</v>
      </c>
      <c r="AO1078" s="1">
        <v>0</v>
      </c>
      <c r="AP1078" t="s">
        <v>185</v>
      </c>
      <c r="AQ1078" s="1">
        <v>0</v>
      </c>
      <c r="AR1078" s="1">
        <v>0</v>
      </c>
      <c r="AS1078" s="1">
        <v>0</v>
      </c>
      <c r="AT1078" t="s">
        <v>184</v>
      </c>
      <c r="AU1078" s="1">
        <v>0</v>
      </c>
      <c r="AV1078" s="1">
        <v>0</v>
      </c>
      <c r="AX1078" t="s">
        <v>186</v>
      </c>
      <c r="AY1078" t="s">
        <v>187</v>
      </c>
      <c r="AZ1078" t="s">
        <v>207</v>
      </c>
      <c r="BF1078" t="s">
        <v>210</v>
      </c>
      <c r="BG1078" s="1">
        <v>0</v>
      </c>
      <c r="BH1078" t="s">
        <v>211</v>
      </c>
      <c r="BK1078" t="s">
        <v>191</v>
      </c>
      <c r="BM1078" t="s">
        <v>218</v>
      </c>
      <c r="BO1078" t="s">
        <v>218</v>
      </c>
    </row>
    <row r="1079" spans="1:69" x14ac:dyDescent="0.25">
      <c r="A1079" s="1">
        <v>30450561</v>
      </c>
      <c r="B1079" t="s">
        <v>1376</v>
      </c>
      <c r="C1079" t="s">
        <v>39</v>
      </c>
      <c r="D1079" t="s">
        <v>942</v>
      </c>
      <c r="E1079" t="s">
        <v>175</v>
      </c>
      <c r="L1079" t="s">
        <v>52</v>
      </c>
      <c r="M1079" s="1">
        <v>0</v>
      </c>
      <c r="N1079" s="1">
        <v>0</v>
      </c>
      <c r="O1079" t="s">
        <v>942</v>
      </c>
      <c r="P1079" t="s">
        <v>216</v>
      </c>
      <c r="Q1079" t="s">
        <v>322</v>
      </c>
      <c r="S1079" s="1">
        <v>0</v>
      </c>
      <c r="T1079" t="s">
        <v>175</v>
      </c>
      <c r="W1079" t="s">
        <v>262</v>
      </c>
      <c r="X1079" t="s">
        <v>179</v>
      </c>
      <c r="Y1079" t="s">
        <v>224</v>
      </c>
      <c r="AC1079" t="s">
        <v>199</v>
      </c>
      <c r="AD1079" t="s">
        <v>181</v>
      </c>
      <c r="AE1079" t="s">
        <v>181</v>
      </c>
      <c r="AF1079" t="s">
        <v>181</v>
      </c>
      <c r="AG1079" t="s">
        <v>175</v>
      </c>
      <c r="AH1079" t="s">
        <v>175</v>
      </c>
      <c r="AI1079" t="s">
        <v>181</v>
      </c>
      <c r="AJ1079" t="s">
        <v>175</v>
      </c>
      <c r="AK1079" t="s">
        <v>175</v>
      </c>
      <c r="AL1079" t="s">
        <v>42</v>
      </c>
      <c r="AM1079" t="s">
        <v>184</v>
      </c>
      <c r="AN1079" t="s">
        <v>201</v>
      </c>
      <c r="AO1079" t="s">
        <v>182</v>
      </c>
      <c r="AP1079" t="s">
        <v>185</v>
      </c>
      <c r="AQ1079" t="s">
        <v>204</v>
      </c>
      <c r="AR1079" t="s">
        <v>202</v>
      </c>
      <c r="AS1079" t="s">
        <v>203</v>
      </c>
      <c r="AT1079" t="s">
        <v>206</v>
      </c>
      <c r="AU1079" t="s">
        <v>205</v>
      </c>
      <c r="AV1079" t="s">
        <v>183</v>
      </c>
      <c r="AW1079" t="s">
        <v>1377</v>
      </c>
      <c r="AX1079" t="s">
        <v>186</v>
      </c>
      <c r="AY1079" t="s">
        <v>187</v>
      </c>
      <c r="AZ1079" t="s">
        <v>207</v>
      </c>
      <c r="BA1079" t="s">
        <v>188</v>
      </c>
      <c r="BB1079" t="s">
        <v>208</v>
      </c>
      <c r="BC1079" t="s">
        <v>209</v>
      </c>
      <c r="BF1079" t="s">
        <v>189</v>
      </c>
      <c r="BG1079" s="1">
        <v>0</v>
      </c>
      <c r="BH1079" t="s">
        <v>247</v>
      </c>
      <c r="BK1079" t="s">
        <v>191</v>
      </c>
      <c r="BM1079" t="s">
        <v>191</v>
      </c>
      <c r="BN1079" t="s">
        <v>1378</v>
      </c>
      <c r="BO1079" t="s">
        <v>191</v>
      </c>
      <c r="BP1079" t="s">
        <v>1379</v>
      </c>
      <c r="BQ1079" t="s">
        <v>1380</v>
      </c>
    </row>
    <row r="1080" spans="1:69" x14ac:dyDescent="0.25">
      <c r="A1080" s="1">
        <v>30450570</v>
      </c>
      <c r="B1080" t="s">
        <v>1381</v>
      </c>
      <c r="C1080" t="s">
        <v>39</v>
      </c>
      <c r="D1080" t="s">
        <v>942</v>
      </c>
      <c r="E1080" t="s">
        <v>175</v>
      </c>
      <c r="L1080" t="s">
        <v>52</v>
      </c>
      <c r="M1080" s="1">
        <v>0</v>
      </c>
      <c r="N1080" s="1">
        <v>0</v>
      </c>
      <c r="O1080" t="s">
        <v>942</v>
      </c>
      <c r="P1080" t="s">
        <v>176</v>
      </c>
      <c r="Q1080" t="s">
        <v>196</v>
      </c>
      <c r="S1080" t="s">
        <v>315</v>
      </c>
      <c r="T1080" t="s">
        <v>175</v>
      </c>
      <c r="Y1080" t="s">
        <v>224</v>
      </c>
      <c r="AC1080" s="1">
        <v>0</v>
      </c>
      <c r="AD1080" s="1">
        <v>0</v>
      </c>
      <c r="AE1080" s="1">
        <v>0</v>
      </c>
      <c r="AF1080" s="1">
        <v>0</v>
      </c>
      <c r="AG1080" s="1">
        <v>0</v>
      </c>
      <c r="AH1080" t="s">
        <v>175</v>
      </c>
      <c r="AI1080" s="1">
        <v>0</v>
      </c>
      <c r="AJ1080" s="1">
        <v>0</v>
      </c>
      <c r="AK1080" s="1">
        <v>0</v>
      </c>
      <c r="AL1080" t="s">
        <v>42</v>
      </c>
      <c r="AM1080" t="s">
        <v>205</v>
      </c>
      <c r="AN1080" t="s">
        <v>201</v>
      </c>
      <c r="AO1080" t="s">
        <v>185</v>
      </c>
      <c r="AP1080" t="s">
        <v>203</v>
      </c>
      <c r="AQ1080" t="s">
        <v>184</v>
      </c>
      <c r="AR1080" t="s">
        <v>183</v>
      </c>
      <c r="AS1080" t="s">
        <v>202</v>
      </c>
      <c r="AT1080" t="s">
        <v>204</v>
      </c>
      <c r="AU1080" t="s">
        <v>206</v>
      </c>
      <c r="AV1080" t="s">
        <v>182</v>
      </c>
      <c r="AX1080" t="s">
        <v>186</v>
      </c>
      <c r="AY1080" t="s">
        <v>187</v>
      </c>
      <c r="AZ1080" t="s">
        <v>207</v>
      </c>
      <c r="BA1080" t="s">
        <v>188</v>
      </c>
      <c r="BB1080" t="s">
        <v>208</v>
      </c>
      <c r="BF1080" t="s">
        <v>232</v>
      </c>
      <c r="BG1080" t="s">
        <v>1382</v>
      </c>
      <c r="BH1080" t="s">
        <v>190</v>
      </c>
      <c r="BK1080" s="1">
        <v>0</v>
      </c>
      <c r="BM1080" t="s">
        <v>191</v>
      </c>
      <c r="BN1080" t="s">
        <v>1383</v>
      </c>
      <c r="BO1080" t="s">
        <v>191</v>
      </c>
      <c r="BP1080" t="s">
        <v>1384</v>
      </c>
    </row>
    <row r="1081" spans="1:69" x14ac:dyDescent="0.25">
      <c r="A1081" s="1">
        <v>30450582</v>
      </c>
      <c r="B1081" t="s">
        <v>2931</v>
      </c>
      <c r="C1081" t="s">
        <v>39</v>
      </c>
      <c r="D1081" t="s">
        <v>2512</v>
      </c>
      <c r="E1081" t="s">
        <v>175</v>
      </c>
      <c r="L1081" t="s">
        <v>52</v>
      </c>
      <c r="M1081" s="1">
        <v>0</v>
      </c>
      <c r="N1081" s="1">
        <v>0</v>
      </c>
      <c r="O1081" t="s">
        <v>2512</v>
      </c>
      <c r="P1081" t="s">
        <v>216</v>
      </c>
      <c r="Q1081" t="s">
        <v>322</v>
      </c>
      <c r="S1081" s="1">
        <v>0</v>
      </c>
      <c r="T1081" t="s">
        <v>175</v>
      </c>
      <c r="AC1081" t="s">
        <v>180</v>
      </c>
      <c r="AD1081" t="s">
        <v>181</v>
      </c>
      <c r="AE1081" t="s">
        <v>175</v>
      </c>
      <c r="AF1081" t="s">
        <v>175</v>
      </c>
      <c r="AG1081" t="s">
        <v>175</v>
      </c>
      <c r="AH1081" t="s">
        <v>175</v>
      </c>
      <c r="AI1081" t="s">
        <v>175</v>
      </c>
      <c r="AJ1081" t="s">
        <v>175</v>
      </c>
      <c r="AK1081" t="s">
        <v>175</v>
      </c>
      <c r="AL1081" t="s">
        <v>42</v>
      </c>
      <c r="AM1081" s="1">
        <v>0</v>
      </c>
      <c r="AN1081" s="1">
        <v>0</v>
      </c>
      <c r="AO1081" t="s">
        <v>183</v>
      </c>
      <c r="AP1081" t="s">
        <v>185</v>
      </c>
      <c r="AQ1081" t="s">
        <v>184</v>
      </c>
      <c r="AR1081" t="s">
        <v>182</v>
      </c>
      <c r="AS1081" s="1">
        <v>0</v>
      </c>
      <c r="AT1081" s="1">
        <v>0</v>
      </c>
      <c r="AU1081" s="1">
        <v>0</v>
      </c>
      <c r="AV1081" s="1">
        <v>0</v>
      </c>
      <c r="AZ1081" t="s">
        <v>207</v>
      </c>
      <c r="BF1081" t="s">
        <v>49</v>
      </c>
      <c r="BG1081" s="1">
        <v>0</v>
      </c>
      <c r="BH1081" t="s">
        <v>211</v>
      </c>
      <c r="BK1081" t="s">
        <v>191</v>
      </c>
      <c r="BL1081" t="s">
        <v>2932</v>
      </c>
      <c r="BM1081" t="s">
        <v>191</v>
      </c>
      <c r="BO1081" t="s">
        <v>218</v>
      </c>
    </row>
    <row r="1082" spans="1:69" x14ac:dyDescent="0.25">
      <c r="A1082" s="1">
        <v>30450584</v>
      </c>
      <c r="B1082" t="s">
        <v>2933</v>
      </c>
      <c r="C1082" t="s">
        <v>39</v>
      </c>
      <c r="D1082" t="s">
        <v>2512</v>
      </c>
      <c r="E1082" t="s">
        <v>175</v>
      </c>
      <c r="L1082" t="s">
        <v>52</v>
      </c>
      <c r="M1082" s="1">
        <v>0</v>
      </c>
      <c r="N1082" s="1">
        <v>0</v>
      </c>
      <c r="O1082" t="s">
        <v>2512</v>
      </c>
      <c r="P1082" t="s">
        <v>216</v>
      </c>
      <c r="Q1082" t="s">
        <v>328</v>
      </c>
      <c r="S1082" s="1">
        <v>0</v>
      </c>
      <c r="T1082" t="s">
        <v>175</v>
      </c>
      <c r="AC1082" s="1">
        <v>0</v>
      </c>
      <c r="AD1082" s="1">
        <v>0</v>
      </c>
      <c r="AE1082" s="1">
        <v>0</v>
      </c>
      <c r="AF1082" s="1">
        <v>0</v>
      </c>
      <c r="AG1082" s="1">
        <v>0</v>
      </c>
      <c r="AH1082" s="1">
        <v>0</v>
      </c>
      <c r="AI1082" s="1">
        <v>0</v>
      </c>
      <c r="AJ1082" s="1">
        <v>0</v>
      </c>
      <c r="AK1082" s="1">
        <v>0</v>
      </c>
      <c r="AL1082" s="1">
        <v>0</v>
      </c>
      <c r="AM1082" s="1">
        <v>0</v>
      </c>
      <c r="AN1082" s="1">
        <v>0</v>
      </c>
      <c r="AO1082" s="1">
        <v>0</v>
      </c>
      <c r="AP1082" s="1">
        <v>0</v>
      </c>
      <c r="AQ1082" s="1">
        <v>0</v>
      </c>
      <c r="AR1082" s="1">
        <v>0</v>
      </c>
      <c r="AS1082" s="1">
        <v>0</v>
      </c>
      <c r="AT1082" s="1">
        <v>0</v>
      </c>
      <c r="AU1082" s="1">
        <v>0</v>
      </c>
      <c r="AV1082" s="1">
        <v>0</v>
      </c>
      <c r="BF1082" s="1">
        <v>0</v>
      </c>
      <c r="BG1082" s="1">
        <v>0</v>
      </c>
      <c r="BH1082" s="1">
        <v>0</v>
      </c>
      <c r="BK1082" s="1">
        <v>0</v>
      </c>
      <c r="BM1082" s="1">
        <v>0</v>
      </c>
      <c r="BO1082" s="1">
        <v>0</v>
      </c>
    </row>
    <row r="1083" spans="1:69" x14ac:dyDescent="0.25">
      <c r="A1083" s="1">
        <v>30450597</v>
      </c>
      <c r="B1083" t="s">
        <v>3526</v>
      </c>
      <c r="C1083" t="s">
        <v>39</v>
      </c>
      <c r="D1083" t="s">
        <v>3138</v>
      </c>
      <c r="E1083" t="s">
        <v>175</v>
      </c>
      <c r="L1083" t="s">
        <v>52</v>
      </c>
      <c r="M1083" s="1">
        <v>0</v>
      </c>
      <c r="N1083" s="1">
        <v>0</v>
      </c>
      <c r="O1083" t="s">
        <v>3139</v>
      </c>
      <c r="P1083" t="s">
        <v>176</v>
      </c>
      <c r="Q1083" t="s">
        <v>238</v>
      </c>
      <c r="S1083" t="s">
        <v>178</v>
      </c>
      <c r="T1083" t="s">
        <v>175</v>
      </c>
      <c r="W1083" t="s">
        <v>262</v>
      </c>
      <c r="Y1083" t="s">
        <v>224</v>
      </c>
      <c r="AC1083" t="s">
        <v>180</v>
      </c>
      <c r="AD1083" t="s">
        <v>230</v>
      </c>
      <c r="AE1083" t="s">
        <v>181</v>
      </c>
      <c r="AF1083" t="s">
        <v>181</v>
      </c>
      <c r="AG1083" t="s">
        <v>181</v>
      </c>
      <c r="AH1083" t="s">
        <v>181</v>
      </c>
      <c r="AI1083" t="s">
        <v>230</v>
      </c>
      <c r="AJ1083" t="s">
        <v>181</v>
      </c>
      <c r="AK1083" t="s">
        <v>181</v>
      </c>
      <c r="AL1083" t="s">
        <v>52</v>
      </c>
      <c r="AM1083" t="s">
        <v>182</v>
      </c>
      <c r="AN1083" t="s">
        <v>185</v>
      </c>
      <c r="AO1083" t="s">
        <v>183</v>
      </c>
      <c r="AP1083" t="s">
        <v>201</v>
      </c>
      <c r="AQ1083" t="s">
        <v>203</v>
      </c>
      <c r="AR1083" t="s">
        <v>202</v>
      </c>
      <c r="AS1083" t="s">
        <v>205</v>
      </c>
      <c r="AT1083" t="s">
        <v>184</v>
      </c>
      <c r="AU1083" t="s">
        <v>206</v>
      </c>
      <c r="AV1083" t="s">
        <v>204</v>
      </c>
      <c r="AX1083" t="s">
        <v>186</v>
      </c>
      <c r="AY1083" t="s">
        <v>187</v>
      </c>
      <c r="AZ1083" t="s">
        <v>207</v>
      </c>
      <c r="BC1083" t="s">
        <v>209</v>
      </c>
      <c r="BF1083" t="s">
        <v>292</v>
      </c>
      <c r="BG1083" t="s">
        <v>301</v>
      </c>
      <c r="BH1083" t="s">
        <v>211</v>
      </c>
      <c r="BK1083" t="s">
        <v>191</v>
      </c>
      <c r="BL1083" t="s">
        <v>3527</v>
      </c>
      <c r="BM1083" t="s">
        <v>191</v>
      </c>
      <c r="BN1083" t="s">
        <v>3528</v>
      </c>
      <c r="BO1083" t="s">
        <v>191</v>
      </c>
      <c r="BP1083" t="s">
        <v>3529</v>
      </c>
      <c r="BQ1083" t="s">
        <v>3530</v>
      </c>
    </row>
    <row r="1084" spans="1:69" x14ac:dyDescent="0.25">
      <c r="A1084" s="1">
        <v>30450628</v>
      </c>
      <c r="B1084" t="s">
        <v>3531</v>
      </c>
      <c r="C1084" t="s">
        <v>39</v>
      </c>
      <c r="D1084" t="s">
        <v>3138</v>
      </c>
      <c r="E1084" t="s">
        <v>200</v>
      </c>
      <c r="L1084" t="s">
        <v>52</v>
      </c>
      <c r="M1084" s="1">
        <v>0</v>
      </c>
      <c r="N1084" s="1">
        <v>0</v>
      </c>
      <c r="O1084" t="s">
        <v>3139</v>
      </c>
      <c r="P1084" t="s">
        <v>176</v>
      </c>
      <c r="Q1084" t="s">
        <v>177</v>
      </c>
      <c r="S1084" t="s">
        <v>178</v>
      </c>
      <c r="T1084" t="s">
        <v>200</v>
      </c>
      <c r="Y1084" t="s">
        <v>224</v>
      </c>
      <c r="AC1084" t="s">
        <v>180</v>
      </c>
      <c r="AD1084" t="s">
        <v>299</v>
      </c>
      <c r="AE1084" t="s">
        <v>299</v>
      </c>
      <c r="AF1084" t="s">
        <v>299</v>
      </c>
      <c r="AG1084" t="s">
        <v>299</v>
      </c>
      <c r="AH1084" t="s">
        <v>299</v>
      </c>
      <c r="AI1084" t="s">
        <v>299</v>
      </c>
      <c r="AJ1084" t="s">
        <v>299</v>
      </c>
      <c r="AK1084" t="s">
        <v>299</v>
      </c>
      <c r="AL1084" t="s">
        <v>52</v>
      </c>
      <c r="AM1084" s="1">
        <v>0</v>
      </c>
      <c r="AN1084" s="1">
        <v>0</v>
      </c>
      <c r="AO1084" s="1">
        <v>0</v>
      </c>
      <c r="AP1084" s="1">
        <v>0</v>
      </c>
      <c r="AQ1084" s="1">
        <v>0</v>
      </c>
      <c r="AR1084" s="1">
        <v>0</v>
      </c>
      <c r="AS1084" s="1">
        <v>0</v>
      </c>
      <c r="AT1084" s="1">
        <v>0</v>
      </c>
      <c r="AU1084" s="1">
        <v>0</v>
      </c>
      <c r="AV1084" s="1">
        <v>0</v>
      </c>
      <c r="BF1084" s="1">
        <v>0</v>
      </c>
      <c r="BG1084" s="1">
        <v>0</v>
      </c>
      <c r="BH1084" s="1">
        <v>0</v>
      </c>
      <c r="BK1084" s="1">
        <v>0</v>
      </c>
      <c r="BM1084" s="1">
        <v>0</v>
      </c>
      <c r="BO1084" s="1">
        <v>0</v>
      </c>
    </row>
    <row r="1085" spans="1:69" x14ac:dyDescent="0.25">
      <c r="A1085" s="1">
        <v>30450648</v>
      </c>
      <c r="B1085" t="s">
        <v>714</v>
      </c>
      <c r="C1085" t="s">
        <v>39</v>
      </c>
      <c r="D1085" t="s">
        <v>174</v>
      </c>
      <c r="E1085" t="s">
        <v>216</v>
      </c>
      <c r="L1085" t="s">
        <v>52</v>
      </c>
      <c r="M1085" s="1">
        <v>0</v>
      </c>
      <c r="N1085" s="1">
        <v>0</v>
      </c>
      <c r="O1085" t="s">
        <v>174</v>
      </c>
      <c r="P1085" t="s">
        <v>216</v>
      </c>
      <c r="Q1085" t="s">
        <v>322</v>
      </c>
      <c r="S1085" s="1">
        <v>0</v>
      </c>
      <c r="T1085" t="s">
        <v>197</v>
      </c>
      <c r="U1085" t="s">
        <v>715</v>
      </c>
      <c r="X1085" t="s">
        <v>179</v>
      </c>
      <c r="AC1085" t="s">
        <v>199</v>
      </c>
      <c r="AD1085" s="1">
        <v>0</v>
      </c>
      <c r="AE1085" t="s">
        <v>230</v>
      </c>
      <c r="AF1085" t="s">
        <v>230</v>
      </c>
      <c r="AG1085" t="s">
        <v>230</v>
      </c>
      <c r="AH1085" s="1">
        <v>0</v>
      </c>
      <c r="AI1085" s="1">
        <v>0</v>
      </c>
      <c r="AJ1085" t="s">
        <v>230</v>
      </c>
      <c r="AK1085" s="1">
        <v>0</v>
      </c>
      <c r="AL1085" t="s">
        <v>42</v>
      </c>
      <c r="AM1085" t="s">
        <v>182</v>
      </c>
      <c r="AN1085" t="s">
        <v>201</v>
      </c>
      <c r="AO1085" t="s">
        <v>185</v>
      </c>
      <c r="AP1085" t="s">
        <v>184</v>
      </c>
      <c r="AQ1085" t="s">
        <v>204</v>
      </c>
      <c r="AR1085" t="s">
        <v>202</v>
      </c>
      <c r="AS1085" t="s">
        <v>203</v>
      </c>
      <c r="AT1085" t="s">
        <v>206</v>
      </c>
      <c r="AU1085" t="s">
        <v>205</v>
      </c>
      <c r="AV1085" t="s">
        <v>183</v>
      </c>
      <c r="AX1085" t="s">
        <v>186</v>
      </c>
      <c r="AY1085" t="s">
        <v>187</v>
      </c>
      <c r="AZ1085" t="s">
        <v>207</v>
      </c>
      <c r="BF1085" t="s">
        <v>49</v>
      </c>
      <c r="BG1085" s="1">
        <v>0</v>
      </c>
      <c r="BH1085" t="s">
        <v>211</v>
      </c>
      <c r="BK1085" t="s">
        <v>191</v>
      </c>
      <c r="BL1085" t="s">
        <v>716</v>
      </c>
      <c r="BM1085" t="s">
        <v>191</v>
      </c>
      <c r="BN1085" t="s">
        <v>717</v>
      </c>
      <c r="BO1085" t="s">
        <v>191</v>
      </c>
      <c r="BP1085" t="s">
        <v>718</v>
      </c>
    </row>
    <row r="1086" spans="1:69" x14ac:dyDescent="0.25">
      <c r="A1086" s="1">
        <v>30450651</v>
      </c>
      <c r="B1086" t="s">
        <v>1385</v>
      </c>
      <c r="C1086" t="s">
        <v>39</v>
      </c>
      <c r="D1086" t="s">
        <v>942</v>
      </c>
      <c r="E1086" t="s">
        <v>175</v>
      </c>
      <c r="L1086" t="s">
        <v>52</v>
      </c>
      <c r="M1086" s="1">
        <v>0</v>
      </c>
      <c r="N1086" s="1">
        <v>0</v>
      </c>
      <c r="O1086" t="s">
        <v>942</v>
      </c>
      <c r="P1086" t="s">
        <v>216</v>
      </c>
      <c r="Q1086" t="s">
        <v>177</v>
      </c>
      <c r="S1086" s="1">
        <v>0</v>
      </c>
      <c r="T1086" t="s">
        <v>175</v>
      </c>
      <c r="W1086" t="s">
        <v>262</v>
      </c>
      <c r="X1086" t="s">
        <v>179</v>
      </c>
      <c r="Z1086" t="s">
        <v>244</v>
      </c>
      <c r="AC1086" t="s">
        <v>199</v>
      </c>
      <c r="AD1086" t="s">
        <v>175</v>
      </c>
      <c r="AE1086" t="s">
        <v>175</v>
      </c>
      <c r="AF1086" t="s">
        <v>175</v>
      </c>
      <c r="AG1086" t="s">
        <v>175</v>
      </c>
      <c r="AH1086" t="s">
        <v>175</v>
      </c>
      <c r="AI1086" t="s">
        <v>175</v>
      </c>
      <c r="AJ1086" t="s">
        <v>175</v>
      </c>
      <c r="AK1086" t="s">
        <v>175</v>
      </c>
      <c r="AL1086" t="s">
        <v>52</v>
      </c>
      <c r="AM1086" t="s">
        <v>184</v>
      </c>
      <c r="AN1086" t="s">
        <v>182</v>
      </c>
      <c r="AO1086" t="s">
        <v>204</v>
      </c>
      <c r="AP1086" t="s">
        <v>185</v>
      </c>
      <c r="AQ1086" t="s">
        <v>202</v>
      </c>
      <c r="AR1086" t="s">
        <v>203</v>
      </c>
      <c r="AS1086" t="s">
        <v>201</v>
      </c>
      <c r="AT1086" t="s">
        <v>183</v>
      </c>
      <c r="AU1086" t="s">
        <v>206</v>
      </c>
      <c r="AV1086" t="s">
        <v>205</v>
      </c>
      <c r="AX1086" t="s">
        <v>186</v>
      </c>
      <c r="AY1086" t="s">
        <v>187</v>
      </c>
      <c r="AZ1086" t="s">
        <v>207</v>
      </c>
      <c r="BA1086" t="s">
        <v>188</v>
      </c>
      <c r="BB1086" t="s">
        <v>208</v>
      </c>
      <c r="BC1086" t="s">
        <v>209</v>
      </c>
      <c r="BF1086" t="s">
        <v>210</v>
      </c>
      <c r="BG1086" s="1">
        <v>0</v>
      </c>
      <c r="BH1086" t="s">
        <v>211</v>
      </c>
      <c r="BK1086" t="s">
        <v>191</v>
      </c>
      <c r="BL1086" t="s">
        <v>1386</v>
      </c>
      <c r="BM1086" t="s">
        <v>218</v>
      </c>
      <c r="BN1086" t="s">
        <v>1387</v>
      </c>
      <c r="BO1086" t="s">
        <v>218</v>
      </c>
      <c r="BP1086" t="s">
        <v>1388</v>
      </c>
    </row>
    <row r="1087" spans="1:69" x14ac:dyDescent="0.25">
      <c r="A1087" s="1">
        <v>30450661</v>
      </c>
      <c r="B1087" t="s">
        <v>719</v>
      </c>
      <c r="C1087" t="s">
        <v>39</v>
      </c>
      <c r="D1087" t="s">
        <v>174</v>
      </c>
      <c r="E1087" t="s">
        <v>195</v>
      </c>
      <c r="L1087" t="s">
        <v>52</v>
      </c>
      <c r="M1087" s="1">
        <v>0</v>
      </c>
      <c r="N1087" s="1">
        <v>0</v>
      </c>
      <c r="O1087" t="s">
        <v>174</v>
      </c>
      <c r="P1087" t="s">
        <v>176</v>
      </c>
      <c r="Q1087" t="s">
        <v>238</v>
      </c>
      <c r="S1087" t="s">
        <v>178</v>
      </c>
      <c r="T1087" t="s">
        <v>197</v>
      </c>
      <c r="AC1087" s="1">
        <v>0</v>
      </c>
      <c r="AD1087" s="1">
        <v>0</v>
      </c>
      <c r="AE1087" s="1">
        <v>0</v>
      </c>
      <c r="AF1087" s="1">
        <v>0</v>
      </c>
      <c r="AG1087" s="1">
        <v>0</v>
      </c>
      <c r="AH1087" s="1">
        <v>0</v>
      </c>
      <c r="AI1087" s="1">
        <v>0</v>
      </c>
      <c r="AJ1087" s="1">
        <v>0</v>
      </c>
      <c r="AK1087" s="1">
        <v>0</v>
      </c>
      <c r="AL1087" s="1">
        <v>0</v>
      </c>
      <c r="AM1087" s="1">
        <v>0</v>
      </c>
      <c r="AN1087" s="1">
        <v>0</v>
      </c>
      <c r="AO1087" s="1">
        <v>0</v>
      </c>
      <c r="AP1087" s="1">
        <v>0</v>
      </c>
      <c r="AQ1087" s="1">
        <v>0</v>
      </c>
      <c r="AR1087" s="1">
        <v>0</v>
      </c>
      <c r="AS1087" s="1">
        <v>0</v>
      </c>
      <c r="AT1087" s="1">
        <v>0</v>
      </c>
      <c r="AU1087" s="1">
        <v>0</v>
      </c>
      <c r="AV1087" s="1">
        <v>0</v>
      </c>
      <c r="BF1087" s="1">
        <v>0</v>
      </c>
      <c r="BG1087" s="1">
        <v>0</v>
      </c>
      <c r="BH1087" s="1">
        <v>0</v>
      </c>
      <c r="BK1087" s="1">
        <v>0</v>
      </c>
      <c r="BM1087" s="1">
        <v>0</v>
      </c>
      <c r="BO1087" s="1">
        <v>0</v>
      </c>
    </row>
    <row r="1088" spans="1:69" x14ac:dyDescent="0.25">
      <c r="A1088" s="1">
        <v>30450669</v>
      </c>
      <c r="B1088" t="s">
        <v>4316</v>
      </c>
      <c r="C1088" t="s">
        <v>39</v>
      </c>
      <c r="D1088" t="s">
        <v>3727</v>
      </c>
      <c r="E1088" t="s">
        <v>200</v>
      </c>
      <c r="L1088" t="s">
        <v>52</v>
      </c>
      <c r="M1088" s="1">
        <v>0</v>
      </c>
      <c r="N1088" s="1">
        <v>0</v>
      </c>
      <c r="O1088" t="s">
        <v>3728</v>
      </c>
      <c r="P1088" t="s">
        <v>216</v>
      </c>
      <c r="Q1088" t="s">
        <v>322</v>
      </c>
      <c r="S1088" s="1">
        <v>0</v>
      </c>
      <c r="T1088" t="s">
        <v>200</v>
      </c>
      <c r="Y1088" t="s">
        <v>224</v>
      </c>
      <c r="AC1088" t="s">
        <v>225</v>
      </c>
      <c r="AD1088" t="s">
        <v>175</v>
      </c>
      <c r="AE1088" t="s">
        <v>175</v>
      </c>
      <c r="AF1088" t="s">
        <v>175</v>
      </c>
      <c r="AG1088" t="s">
        <v>175</v>
      </c>
      <c r="AH1088" t="s">
        <v>175</v>
      </c>
      <c r="AI1088" t="s">
        <v>175</v>
      </c>
      <c r="AJ1088" t="s">
        <v>175</v>
      </c>
      <c r="AK1088" t="s">
        <v>175</v>
      </c>
      <c r="AL1088" t="s">
        <v>49</v>
      </c>
      <c r="AM1088" t="s">
        <v>203</v>
      </c>
      <c r="AN1088" t="s">
        <v>206</v>
      </c>
      <c r="AO1088" t="s">
        <v>205</v>
      </c>
      <c r="AP1088" t="s">
        <v>185</v>
      </c>
      <c r="AQ1088" t="s">
        <v>182</v>
      </c>
      <c r="AR1088" t="s">
        <v>183</v>
      </c>
      <c r="AS1088" t="s">
        <v>202</v>
      </c>
      <c r="AT1088" t="s">
        <v>201</v>
      </c>
      <c r="AU1088" t="s">
        <v>184</v>
      </c>
      <c r="AV1088" t="s">
        <v>204</v>
      </c>
      <c r="AX1088" t="s">
        <v>186</v>
      </c>
      <c r="AZ1088" t="s">
        <v>207</v>
      </c>
      <c r="BC1088" t="s">
        <v>209</v>
      </c>
      <c r="BF1088" t="s">
        <v>292</v>
      </c>
      <c r="BG1088" t="s">
        <v>315</v>
      </c>
      <c r="BH1088" t="s">
        <v>211</v>
      </c>
      <c r="BK1088" t="s">
        <v>191</v>
      </c>
      <c r="BL1088" t="s">
        <v>1373</v>
      </c>
      <c r="BM1088" t="s">
        <v>191</v>
      </c>
      <c r="BN1088" t="s">
        <v>4317</v>
      </c>
      <c r="BO1088" t="s">
        <v>218</v>
      </c>
      <c r="BP1088" t="s">
        <v>4318</v>
      </c>
    </row>
    <row r="1089" spans="1:69" x14ac:dyDescent="0.25">
      <c r="A1089" s="1">
        <v>30450671</v>
      </c>
      <c r="B1089" t="s">
        <v>4319</v>
      </c>
      <c r="C1089" t="s">
        <v>39</v>
      </c>
      <c r="D1089" t="s">
        <v>3727</v>
      </c>
      <c r="E1089" t="s">
        <v>200</v>
      </c>
      <c r="L1089" t="s">
        <v>52</v>
      </c>
      <c r="M1089" s="1">
        <v>0</v>
      </c>
      <c r="N1089" s="1">
        <v>0</v>
      </c>
      <c r="O1089" t="s">
        <v>3728</v>
      </c>
      <c r="P1089" t="s">
        <v>176</v>
      </c>
      <c r="Q1089" t="s">
        <v>196</v>
      </c>
      <c r="S1089" t="s">
        <v>178</v>
      </c>
      <c r="T1089" t="s">
        <v>200</v>
      </c>
      <c r="AA1089" t="s">
        <v>273</v>
      </c>
      <c r="AB1089" t="s">
        <v>4320</v>
      </c>
      <c r="AC1089" t="s">
        <v>199</v>
      </c>
      <c r="AD1089" t="s">
        <v>200</v>
      </c>
      <c r="AE1089" t="s">
        <v>200</v>
      </c>
      <c r="AF1089" t="s">
        <v>200</v>
      </c>
      <c r="AG1089" t="s">
        <v>200</v>
      </c>
      <c r="AH1089" t="s">
        <v>200</v>
      </c>
      <c r="AI1089" t="s">
        <v>200</v>
      </c>
      <c r="AJ1089" t="s">
        <v>200</v>
      </c>
      <c r="AK1089" t="s">
        <v>200</v>
      </c>
      <c r="AL1089" t="s">
        <v>42</v>
      </c>
      <c r="AM1089" t="s">
        <v>201</v>
      </c>
      <c r="AN1089" t="s">
        <v>184</v>
      </c>
      <c r="AO1089" t="s">
        <v>205</v>
      </c>
      <c r="AP1089" t="s">
        <v>185</v>
      </c>
      <c r="AQ1089" t="s">
        <v>204</v>
      </c>
      <c r="AR1089" t="s">
        <v>202</v>
      </c>
      <c r="AS1089" t="s">
        <v>203</v>
      </c>
      <c r="AT1089" t="s">
        <v>182</v>
      </c>
      <c r="AU1089" t="s">
        <v>183</v>
      </c>
      <c r="AV1089" t="s">
        <v>206</v>
      </c>
      <c r="AX1089" t="s">
        <v>186</v>
      </c>
      <c r="AY1089" t="s">
        <v>187</v>
      </c>
      <c r="BB1089" t="s">
        <v>208</v>
      </c>
      <c r="BF1089" t="s">
        <v>210</v>
      </c>
      <c r="BG1089" s="1">
        <v>0</v>
      </c>
      <c r="BH1089" t="s">
        <v>211</v>
      </c>
      <c r="BK1089" t="s">
        <v>191</v>
      </c>
      <c r="BL1089" t="s">
        <v>4321</v>
      </c>
      <c r="BM1089" t="s">
        <v>191</v>
      </c>
      <c r="BN1089" t="s">
        <v>4322</v>
      </c>
      <c r="BO1089" t="s">
        <v>191</v>
      </c>
      <c r="BP1089" t="s">
        <v>4323</v>
      </c>
    </row>
    <row r="1090" spans="1:69" x14ac:dyDescent="0.25">
      <c r="A1090" s="1">
        <v>30450682</v>
      </c>
      <c r="B1090" t="s">
        <v>3532</v>
      </c>
      <c r="C1090" t="s">
        <v>39</v>
      </c>
      <c r="D1090" t="s">
        <v>3138</v>
      </c>
      <c r="E1090" t="s">
        <v>200</v>
      </c>
      <c r="L1090" t="s">
        <v>52</v>
      </c>
      <c r="M1090" s="1">
        <v>0</v>
      </c>
      <c r="N1090" s="1">
        <v>0</v>
      </c>
      <c r="O1090" t="s">
        <v>3139</v>
      </c>
      <c r="P1090" t="s">
        <v>176</v>
      </c>
      <c r="Q1090" t="s">
        <v>196</v>
      </c>
      <c r="S1090" t="s">
        <v>315</v>
      </c>
      <c r="T1090" t="s">
        <v>200</v>
      </c>
      <c r="AA1090" t="s">
        <v>273</v>
      </c>
      <c r="AB1090" t="s">
        <v>3533</v>
      </c>
      <c r="AC1090" t="s">
        <v>225</v>
      </c>
      <c r="AD1090" t="s">
        <v>200</v>
      </c>
      <c r="AE1090" t="s">
        <v>200</v>
      </c>
      <c r="AF1090" t="s">
        <v>200</v>
      </c>
      <c r="AG1090" t="s">
        <v>200</v>
      </c>
      <c r="AH1090" t="s">
        <v>200</v>
      </c>
      <c r="AI1090" t="s">
        <v>200</v>
      </c>
      <c r="AJ1090" t="s">
        <v>200</v>
      </c>
      <c r="AK1090" t="s">
        <v>200</v>
      </c>
      <c r="AL1090" t="s">
        <v>52</v>
      </c>
      <c r="AM1090" t="s">
        <v>203</v>
      </c>
      <c r="AN1090" t="s">
        <v>183</v>
      </c>
      <c r="AO1090" t="s">
        <v>182</v>
      </c>
      <c r="AP1090" t="s">
        <v>184</v>
      </c>
      <c r="AQ1090" t="s">
        <v>205</v>
      </c>
      <c r="AR1090" t="s">
        <v>204</v>
      </c>
      <c r="AS1090" t="s">
        <v>185</v>
      </c>
      <c r="AT1090" t="s">
        <v>201</v>
      </c>
      <c r="AU1090" t="s">
        <v>206</v>
      </c>
      <c r="AV1090" t="s">
        <v>202</v>
      </c>
      <c r="AW1090" t="s">
        <v>3534</v>
      </c>
      <c r="AX1090" t="s">
        <v>186</v>
      </c>
      <c r="AZ1090" t="s">
        <v>207</v>
      </c>
      <c r="BA1090" t="s">
        <v>188</v>
      </c>
      <c r="BC1090" t="s">
        <v>209</v>
      </c>
      <c r="BF1090" t="s">
        <v>210</v>
      </c>
      <c r="BG1090" s="1">
        <v>0</v>
      </c>
      <c r="BH1090" t="s">
        <v>211</v>
      </c>
      <c r="BK1090" t="s">
        <v>191</v>
      </c>
      <c r="BL1090" t="s">
        <v>3535</v>
      </c>
      <c r="BM1090" t="s">
        <v>191</v>
      </c>
      <c r="BN1090" t="s">
        <v>3536</v>
      </c>
      <c r="BO1090" t="s">
        <v>191</v>
      </c>
      <c r="BP1090" t="s">
        <v>3537</v>
      </c>
      <c r="BQ1090" t="s">
        <v>3538</v>
      </c>
    </row>
    <row r="1091" spans="1:69" x14ac:dyDescent="0.25">
      <c r="A1091" s="1">
        <v>30450686</v>
      </c>
      <c r="B1091" t="s">
        <v>1389</v>
      </c>
      <c r="C1091" t="s">
        <v>39</v>
      </c>
      <c r="D1091" t="s">
        <v>942</v>
      </c>
      <c r="E1091" t="s">
        <v>175</v>
      </c>
      <c r="L1091" t="s">
        <v>52</v>
      </c>
      <c r="M1091" s="1">
        <v>0</v>
      </c>
      <c r="N1091" s="1">
        <v>0</v>
      </c>
      <c r="O1091" t="s">
        <v>942</v>
      </c>
      <c r="P1091" t="s">
        <v>216</v>
      </c>
      <c r="Q1091" t="s">
        <v>322</v>
      </c>
      <c r="S1091" s="1">
        <v>0</v>
      </c>
      <c r="T1091" t="s">
        <v>175</v>
      </c>
      <c r="W1091" t="s">
        <v>262</v>
      </c>
      <c r="Y1091" t="s">
        <v>224</v>
      </c>
      <c r="AC1091" t="s">
        <v>266</v>
      </c>
      <c r="AD1091" t="s">
        <v>230</v>
      </c>
      <c r="AE1091" t="s">
        <v>175</v>
      </c>
      <c r="AF1091" t="s">
        <v>181</v>
      </c>
      <c r="AG1091" t="s">
        <v>181</v>
      </c>
      <c r="AH1091" t="s">
        <v>200</v>
      </c>
      <c r="AI1091" t="s">
        <v>200</v>
      </c>
      <c r="AJ1091" t="s">
        <v>181</v>
      </c>
      <c r="AK1091" t="s">
        <v>230</v>
      </c>
      <c r="AL1091" t="s">
        <v>42</v>
      </c>
      <c r="AM1091" t="s">
        <v>184</v>
      </c>
      <c r="AN1091" t="s">
        <v>202</v>
      </c>
      <c r="AO1091" t="s">
        <v>185</v>
      </c>
      <c r="AP1091" t="s">
        <v>182</v>
      </c>
      <c r="AQ1091" t="s">
        <v>201</v>
      </c>
      <c r="AR1091" t="s">
        <v>206</v>
      </c>
      <c r="AS1091" t="s">
        <v>203</v>
      </c>
      <c r="AT1091" t="s">
        <v>204</v>
      </c>
      <c r="AU1091" t="s">
        <v>205</v>
      </c>
      <c r="AV1091" t="s">
        <v>183</v>
      </c>
      <c r="BF1091" t="s">
        <v>189</v>
      </c>
      <c r="BG1091" s="1">
        <v>0</v>
      </c>
      <c r="BH1091" t="s">
        <v>302</v>
      </c>
      <c r="BI1091" t="s">
        <v>1390</v>
      </c>
      <c r="BK1091" t="s">
        <v>191</v>
      </c>
      <c r="BL1091" t="s">
        <v>1391</v>
      </c>
      <c r="BM1091" t="s">
        <v>191</v>
      </c>
      <c r="BN1091" t="s">
        <v>1392</v>
      </c>
      <c r="BO1091" t="s">
        <v>191</v>
      </c>
      <c r="BP1091" t="s">
        <v>1393</v>
      </c>
    </row>
    <row r="1092" spans="1:69" x14ac:dyDescent="0.25">
      <c r="A1092" s="1">
        <v>30450688</v>
      </c>
      <c r="B1092" t="s">
        <v>720</v>
      </c>
      <c r="C1092" t="s">
        <v>39</v>
      </c>
      <c r="D1092" t="s">
        <v>174</v>
      </c>
      <c r="E1092" t="s">
        <v>200</v>
      </c>
      <c r="L1092" t="s">
        <v>52</v>
      </c>
      <c r="M1092" s="1">
        <v>0</v>
      </c>
      <c r="N1092" s="1">
        <v>0</v>
      </c>
      <c r="O1092" t="s">
        <v>174</v>
      </c>
      <c r="P1092" t="s">
        <v>216</v>
      </c>
      <c r="Q1092" t="s">
        <v>322</v>
      </c>
      <c r="S1092" s="1">
        <v>0</v>
      </c>
      <c r="T1092" t="s">
        <v>200</v>
      </c>
      <c r="Y1092" t="s">
        <v>224</v>
      </c>
      <c r="AC1092" t="s">
        <v>199</v>
      </c>
      <c r="AD1092" t="s">
        <v>299</v>
      </c>
      <c r="AE1092" t="s">
        <v>299</v>
      </c>
      <c r="AF1092" t="s">
        <v>299</v>
      </c>
      <c r="AG1092" t="s">
        <v>299</v>
      </c>
      <c r="AH1092" t="s">
        <v>299</v>
      </c>
      <c r="AI1092" t="s">
        <v>299</v>
      </c>
      <c r="AJ1092" t="s">
        <v>299</v>
      </c>
      <c r="AK1092" t="s">
        <v>299</v>
      </c>
      <c r="AL1092" t="s">
        <v>52</v>
      </c>
      <c r="AM1092" s="1">
        <v>0</v>
      </c>
      <c r="AN1092" s="1">
        <v>0</v>
      </c>
      <c r="AO1092" s="1">
        <v>0</v>
      </c>
      <c r="AP1092" s="1">
        <v>0</v>
      </c>
      <c r="AQ1092" s="1">
        <v>0</v>
      </c>
      <c r="AR1092" s="1">
        <v>0</v>
      </c>
      <c r="AS1092" s="1">
        <v>0</v>
      </c>
      <c r="AT1092" s="1">
        <v>0</v>
      </c>
      <c r="AU1092" s="1">
        <v>0</v>
      </c>
      <c r="AV1092" s="1">
        <v>0</v>
      </c>
      <c r="BF1092" s="1">
        <v>0</v>
      </c>
      <c r="BG1092" s="1">
        <v>0</v>
      </c>
      <c r="BH1092" s="1">
        <v>0</v>
      </c>
      <c r="BK1092" s="1">
        <v>0</v>
      </c>
      <c r="BM1092" s="1">
        <v>0</v>
      </c>
      <c r="BO1092" s="1">
        <v>0</v>
      </c>
    </row>
    <row r="1093" spans="1:69" x14ac:dyDescent="0.25">
      <c r="A1093" s="1">
        <v>30450689</v>
      </c>
      <c r="B1093" t="s">
        <v>2212</v>
      </c>
      <c r="C1093" t="s">
        <v>39</v>
      </c>
      <c r="D1093" t="s">
        <v>1616</v>
      </c>
      <c r="E1093" t="s">
        <v>175</v>
      </c>
      <c r="L1093" t="s">
        <v>52</v>
      </c>
      <c r="M1093" s="1">
        <v>0</v>
      </c>
      <c r="N1093" s="1">
        <v>0</v>
      </c>
      <c r="O1093" t="s">
        <v>1616</v>
      </c>
      <c r="P1093" t="s">
        <v>176</v>
      </c>
      <c r="Q1093" t="s">
        <v>238</v>
      </c>
      <c r="S1093" t="s">
        <v>178</v>
      </c>
      <c r="T1093" t="s">
        <v>175</v>
      </c>
      <c r="W1093" t="s">
        <v>262</v>
      </c>
      <c r="X1093" t="s">
        <v>179</v>
      </c>
      <c r="AC1093" t="s">
        <v>199</v>
      </c>
      <c r="AD1093" t="s">
        <v>175</v>
      </c>
      <c r="AE1093" t="s">
        <v>175</v>
      </c>
      <c r="AF1093" t="s">
        <v>230</v>
      </c>
      <c r="AG1093" t="s">
        <v>175</v>
      </c>
      <c r="AH1093" t="s">
        <v>175</v>
      </c>
      <c r="AI1093" t="s">
        <v>175</v>
      </c>
      <c r="AJ1093" t="s">
        <v>175</v>
      </c>
      <c r="AK1093" t="s">
        <v>175</v>
      </c>
      <c r="AL1093" t="s">
        <v>42</v>
      </c>
      <c r="AM1093" t="s">
        <v>182</v>
      </c>
      <c r="AN1093" t="s">
        <v>183</v>
      </c>
      <c r="AO1093" t="s">
        <v>185</v>
      </c>
      <c r="AP1093" t="s">
        <v>184</v>
      </c>
      <c r="AQ1093" t="s">
        <v>202</v>
      </c>
      <c r="AR1093" t="s">
        <v>204</v>
      </c>
      <c r="AS1093" t="s">
        <v>203</v>
      </c>
      <c r="AT1093" t="s">
        <v>206</v>
      </c>
      <c r="AU1093" t="s">
        <v>201</v>
      </c>
      <c r="AV1093" t="s">
        <v>205</v>
      </c>
      <c r="AX1093" t="s">
        <v>186</v>
      </c>
      <c r="AZ1093" t="s">
        <v>207</v>
      </c>
      <c r="BA1093" t="s">
        <v>188</v>
      </c>
      <c r="BF1093" t="s">
        <v>189</v>
      </c>
      <c r="BG1093" s="1">
        <v>0</v>
      </c>
      <c r="BH1093" t="s">
        <v>190</v>
      </c>
      <c r="BK1093" t="s">
        <v>191</v>
      </c>
      <c r="BL1093" t="s">
        <v>2213</v>
      </c>
      <c r="BM1093" t="s">
        <v>191</v>
      </c>
      <c r="BN1093" t="s">
        <v>2214</v>
      </c>
      <c r="BO1093" t="s">
        <v>218</v>
      </c>
      <c r="BP1093" t="s">
        <v>2215</v>
      </c>
    </row>
    <row r="1094" spans="1:69" x14ac:dyDescent="0.25">
      <c r="A1094" s="1">
        <v>30450695</v>
      </c>
      <c r="B1094" t="s">
        <v>4324</v>
      </c>
      <c r="C1094" t="s">
        <v>39</v>
      </c>
      <c r="D1094" t="s">
        <v>3727</v>
      </c>
      <c r="E1094" t="s">
        <v>175</v>
      </c>
      <c r="L1094" t="s">
        <v>52</v>
      </c>
      <c r="M1094" s="1">
        <v>0</v>
      </c>
      <c r="N1094" s="1">
        <v>0</v>
      </c>
      <c r="O1094" t="s">
        <v>3728</v>
      </c>
      <c r="P1094" t="s">
        <v>176</v>
      </c>
      <c r="Q1094" t="s">
        <v>238</v>
      </c>
      <c r="S1094" t="s">
        <v>178</v>
      </c>
      <c r="T1094" t="s">
        <v>175</v>
      </c>
      <c r="Y1094" t="s">
        <v>224</v>
      </c>
      <c r="AC1094" t="s">
        <v>180</v>
      </c>
      <c r="AD1094" t="s">
        <v>200</v>
      </c>
      <c r="AE1094" t="s">
        <v>175</v>
      </c>
      <c r="AF1094" t="s">
        <v>175</v>
      </c>
      <c r="AG1094" t="s">
        <v>175</v>
      </c>
      <c r="AH1094" t="s">
        <v>200</v>
      </c>
      <c r="AI1094" t="s">
        <v>175</v>
      </c>
      <c r="AJ1094" t="s">
        <v>175</v>
      </c>
      <c r="AK1094" t="s">
        <v>175</v>
      </c>
      <c r="AL1094" t="s">
        <v>42</v>
      </c>
      <c r="AM1094" t="s">
        <v>205</v>
      </c>
      <c r="AN1094" t="s">
        <v>183</v>
      </c>
      <c r="AO1094" t="s">
        <v>185</v>
      </c>
      <c r="AP1094" t="s">
        <v>206</v>
      </c>
      <c r="AQ1094" t="s">
        <v>202</v>
      </c>
      <c r="AR1094" t="s">
        <v>203</v>
      </c>
      <c r="AS1094" t="s">
        <v>204</v>
      </c>
      <c r="AT1094" t="s">
        <v>184</v>
      </c>
      <c r="AU1094" t="s">
        <v>201</v>
      </c>
      <c r="AV1094" t="s">
        <v>182</v>
      </c>
      <c r="AW1094" t="s">
        <v>4325</v>
      </c>
      <c r="AX1094" t="s">
        <v>186</v>
      </c>
      <c r="AZ1094" t="s">
        <v>207</v>
      </c>
      <c r="BA1094" t="s">
        <v>188</v>
      </c>
      <c r="BC1094" t="s">
        <v>209</v>
      </c>
      <c r="BF1094" t="s">
        <v>210</v>
      </c>
      <c r="BG1094" s="1">
        <v>0</v>
      </c>
      <c r="BH1094" t="s">
        <v>211</v>
      </c>
      <c r="BK1094" t="s">
        <v>191</v>
      </c>
      <c r="BL1094" t="s">
        <v>4326</v>
      </c>
      <c r="BM1094" t="s">
        <v>191</v>
      </c>
      <c r="BN1094" t="s">
        <v>4327</v>
      </c>
      <c r="BO1094" t="s">
        <v>191</v>
      </c>
      <c r="BP1094" t="s">
        <v>4328</v>
      </c>
      <c r="BQ1094" t="s">
        <v>4329</v>
      </c>
    </row>
    <row r="1095" spans="1:69" x14ac:dyDescent="0.25">
      <c r="A1095" s="1">
        <v>30450696</v>
      </c>
      <c r="B1095" t="s">
        <v>721</v>
      </c>
      <c r="C1095" t="s">
        <v>39</v>
      </c>
      <c r="D1095" t="s">
        <v>174</v>
      </c>
      <c r="E1095" t="s">
        <v>175</v>
      </c>
      <c r="L1095" t="s">
        <v>52</v>
      </c>
      <c r="M1095" s="1">
        <v>0</v>
      </c>
      <c r="N1095" s="1">
        <v>0</v>
      </c>
      <c r="O1095" t="s">
        <v>174</v>
      </c>
      <c r="P1095" t="s">
        <v>176</v>
      </c>
      <c r="Q1095" t="s">
        <v>238</v>
      </c>
      <c r="S1095" t="s">
        <v>178</v>
      </c>
      <c r="T1095" t="s">
        <v>175</v>
      </c>
      <c r="AA1095" t="s">
        <v>273</v>
      </c>
      <c r="AC1095" t="s">
        <v>180</v>
      </c>
      <c r="AD1095" s="1">
        <v>0</v>
      </c>
      <c r="AE1095" s="1">
        <v>0</v>
      </c>
      <c r="AF1095" s="1">
        <v>0</v>
      </c>
      <c r="AG1095" s="1">
        <v>0</v>
      </c>
      <c r="AH1095" s="1">
        <v>0</v>
      </c>
      <c r="AI1095" s="1">
        <v>0</v>
      </c>
      <c r="AJ1095" s="1">
        <v>0</v>
      </c>
      <c r="AK1095" s="1">
        <v>0</v>
      </c>
      <c r="AL1095" s="1">
        <v>0</v>
      </c>
      <c r="AM1095" s="1">
        <v>0</v>
      </c>
      <c r="AN1095" s="1">
        <v>0</v>
      </c>
      <c r="AO1095" s="1">
        <v>0</v>
      </c>
      <c r="AP1095" s="1">
        <v>0</v>
      </c>
      <c r="AQ1095" s="1">
        <v>0</v>
      </c>
      <c r="AR1095" s="1">
        <v>0</v>
      </c>
      <c r="AS1095" s="1">
        <v>0</v>
      </c>
      <c r="AT1095" s="1">
        <v>0</v>
      </c>
      <c r="AU1095" s="1">
        <v>0</v>
      </c>
      <c r="AV1095" s="1">
        <v>0</v>
      </c>
      <c r="BF1095" s="1">
        <v>0</v>
      </c>
      <c r="BG1095" s="1">
        <v>0</v>
      </c>
      <c r="BH1095" s="1">
        <v>0</v>
      </c>
      <c r="BK1095" s="1">
        <v>0</v>
      </c>
      <c r="BM1095" s="1">
        <v>0</v>
      </c>
      <c r="BO1095" s="1">
        <v>0</v>
      </c>
    </row>
    <row r="1096" spans="1:69" x14ac:dyDescent="0.25">
      <c r="A1096" s="1">
        <v>30450698</v>
      </c>
      <c r="B1096" t="s">
        <v>1394</v>
      </c>
      <c r="C1096" t="s">
        <v>39</v>
      </c>
      <c r="D1096" t="s">
        <v>942</v>
      </c>
      <c r="E1096" t="s">
        <v>175</v>
      </c>
      <c r="L1096" t="s">
        <v>52</v>
      </c>
      <c r="M1096" s="1">
        <v>0</v>
      </c>
      <c r="N1096" s="1">
        <v>0</v>
      </c>
      <c r="O1096" t="s">
        <v>942</v>
      </c>
      <c r="P1096" t="s">
        <v>176</v>
      </c>
      <c r="Q1096" t="s">
        <v>258</v>
      </c>
      <c r="S1096" t="s">
        <v>178</v>
      </c>
      <c r="T1096" t="s">
        <v>175</v>
      </c>
      <c r="X1096" t="s">
        <v>179</v>
      </c>
      <c r="AC1096" t="s">
        <v>199</v>
      </c>
      <c r="AD1096" t="s">
        <v>175</v>
      </c>
      <c r="AE1096" t="s">
        <v>175</v>
      </c>
      <c r="AF1096" t="s">
        <v>175</v>
      </c>
      <c r="AG1096" t="s">
        <v>181</v>
      </c>
      <c r="AH1096" t="s">
        <v>175</v>
      </c>
      <c r="AI1096" t="s">
        <v>175</v>
      </c>
      <c r="AJ1096" t="s">
        <v>175</v>
      </c>
      <c r="AK1096" t="s">
        <v>175</v>
      </c>
      <c r="AL1096" t="s">
        <v>42</v>
      </c>
      <c r="AM1096" t="s">
        <v>182</v>
      </c>
      <c r="AN1096" t="s">
        <v>201</v>
      </c>
      <c r="AO1096" t="s">
        <v>185</v>
      </c>
      <c r="AP1096" t="s">
        <v>184</v>
      </c>
      <c r="AQ1096" t="s">
        <v>204</v>
      </c>
      <c r="AR1096" t="s">
        <v>202</v>
      </c>
      <c r="AS1096" t="s">
        <v>183</v>
      </c>
      <c r="AT1096" t="s">
        <v>206</v>
      </c>
      <c r="AU1096" t="s">
        <v>205</v>
      </c>
      <c r="AV1096" t="s">
        <v>203</v>
      </c>
      <c r="AY1096" t="s">
        <v>187</v>
      </c>
      <c r="AZ1096" t="s">
        <v>207</v>
      </c>
      <c r="BA1096" t="s">
        <v>188</v>
      </c>
      <c r="BB1096" t="s">
        <v>208</v>
      </c>
      <c r="BC1096" t="s">
        <v>209</v>
      </c>
      <c r="BF1096" t="s">
        <v>292</v>
      </c>
      <c r="BG1096" t="s">
        <v>276</v>
      </c>
      <c r="BH1096" t="s">
        <v>211</v>
      </c>
      <c r="BK1096" t="s">
        <v>191</v>
      </c>
      <c r="BL1096" t="s">
        <v>1395</v>
      </c>
      <c r="BM1096" t="s">
        <v>191</v>
      </c>
      <c r="BN1096" t="s">
        <v>1396</v>
      </c>
      <c r="BO1096" t="s">
        <v>191</v>
      </c>
      <c r="BP1096" t="s">
        <v>1397</v>
      </c>
      <c r="BQ1096" t="s">
        <v>1398</v>
      </c>
    </row>
    <row r="1097" spans="1:69" x14ac:dyDescent="0.25">
      <c r="A1097" s="1">
        <v>30450699</v>
      </c>
      <c r="B1097" t="s">
        <v>3539</v>
      </c>
      <c r="C1097" t="s">
        <v>39</v>
      </c>
      <c r="D1097" t="s">
        <v>3138</v>
      </c>
      <c r="E1097" t="s">
        <v>175</v>
      </c>
      <c r="L1097" t="s">
        <v>52</v>
      </c>
      <c r="M1097" s="1">
        <v>0</v>
      </c>
      <c r="N1097" s="1">
        <v>0</v>
      </c>
      <c r="O1097" t="s">
        <v>3139</v>
      </c>
      <c r="P1097" t="s">
        <v>216</v>
      </c>
      <c r="Q1097" t="s">
        <v>322</v>
      </c>
      <c r="S1097" s="1">
        <v>0</v>
      </c>
      <c r="T1097" t="s">
        <v>175</v>
      </c>
      <c r="X1097" t="s">
        <v>179</v>
      </c>
      <c r="AC1097" t="s">
        <v>199</v>
      </c>
      <c r="AD1097" t="s">
        <v>181</v>
      </c>
      <c r="AE1097" t="s">
        <v>181</v>
      </c>
      <c r="AF1097" t="s">
        <v>181</v>
      </c>
      <c r="AG1097" t="s">
        <v>181</v>
      </c>
      <c r="AH1097" s="1">
        <v>0</v>
      </c>
      <c r="AI1097" t="s">
        <v>175</v>
      </c>
      <c r="AJ1097" t="s">
        <v>181</v>
      </c>
      <c r="AK1097" t="s">
        <v>175</v>
      </c>
      <c r="AL1097" t="s">
        <v>42</v>
      </c>
      <c r="AM1097" s="1">
        <v>0</v>
      </c>
      <c r="AN1097" s="1">
        <v>0</v>
      </c>
      <c r="AO1097" s="1">
        <v>0</v>
      </c>
      <c r="AP1097" s="1">
        <v>0</v>
      </c>
      <c r="AQ1097" s="1">
        <v>0</v>
      </c>
      <c r="AR1097" s="1">
        <v>0</v>
      </c>
      <c r="AS1097" s="1">
        <v>0</v>
      </c>
      <c r="AT1097" s="1">
        <v>0</v>
      </c>
      <c r="AU1097" s="1">
        <v>0</v>
      </c>
      <c r="AV1097" s="1">
        <v>0</v>
      </c>
      <c r="AX1097" t="s">
        <v>186</v>
      </c>
      <c r="AY1097" t="s">
        <v>187</v>
      </c>
      <c r="AZ1097" t="s">
        <v>207</v>
      </c>
      <c r="BA1097" t="s">
        <v>188</v>
      </c>
      <c r="BB1097" t="s">
        <v>208</v>
      </c>
      <c r="BC1097" t="s">
        <v>209</v>
      </c>
      <c r="BF1097" t="s">
        <v>189</v>
      </c>
      <c r="BG1097" s="1">
        <v>0</v>
      </c>
      <c r="BH1097" t="s">
        <v>211</v>
      </c>
      <c r="BK1097" t="s">
        <v>191</v>
      </c>
      <c r="BL1097" t="s">
        <v>576</v>
      </c>
      <c r="BM1097" t="s">
        <v>191</v>
      </c>
      <c r="BN1097" t="s">
        <v>3540</v>
      </c>
      <c r="BO1097" t="s">
        <v>191</v>
      </c>
      <c r="BP1097" t="s">
        <v>3541</v>
      </c>
    </row>
    <row r="1098" spans="1:69" x14ac:dyDescent="0.25">
      <c r="A1098" s="1">
        <v>30450703</v>
      </c>
      <c r="B1098" t="s">
        <v>4330</v>
      </c>
      <c r="C1098" t="s">
        <v>39</v>
      </c>
      <c r="D1098" t="s">
        <v>3727</v>
      </c>
      <c r="E1098" t="s">
        <v>200</v>
      </c>
      <c r="L1098" t="s">
        <v>52</v>
      </c>
      <c r="M1098" s="1">
        <v>0</v>
      </c>
      <c r="N1098" s="1">
        <v>0</v>
      </c>
      <c r="O1098" t="s">
        <v>3728</v>
      </c>
      <c r="P1098" t="s">
        <v>216</v>
      </c>
      <c r="Q1098" t="s">
        <v>328</v>
      </c>
      <c r="S1098" s="1">
        <v>0</v>
      </c>
      <c r="T1098" t="s">
        <v>200</v>
      </c>
      <c r="Y1098" t="s">
        <v>224</v>
      </c>
      <c r="AC1098" t="s">
        <v>49</v>
      </c>
      <c r="AD1098" t="s">
        <v>175</v>
      </c>
      <c r="AE1098" t="s">
        <v>181</v>
      </c>
      <c r="AF1098" t="s">
        <v>181</v>
      </c>
      <c r="AG1098" t="s">
        <v>181</v>
      </c>
      <c r="AH1098" t="s">
        <v>175</v>
      </c>
      <c r="AI1098" t="s">
        <v>175</v>
      </c>
      <c r="AJ1098" t="s">
        <v>175</v>
      </c>
      <c r="AK1098" t="s">
        <v>181</v>
      </c>
      <c r="AL1098" t="s">
        <v>42</v>
      </c>
      <c r="AM1098" s="1">
        <v>0</v>
      </c>
      <c r="AN1098" s="1">
        <v>0</v>
      </c>
      <c r="AO1098" t="s">
        <v>185</v>
      </c>
      <c r="AP1098" s="1">
        <v>0</v>
      </c>
      <c r="AQ1098" s="1">
        <v>0</v>
      </c>
      <c r="AR1098" s="1">
        <v>0</v>
      </c>
      <c r="AS1098" s="1">
        <v>0</v>
      </c>
      <c r="AT1098" t="s">
        <v>182</v>
      </c>
      <c r="AU1098" t="s">
        <v>184</v>
      </c>
      <c r="AV1098" s="1">
        <v>0</v>
      </c>
      <c r="AY1098" t="s">
        <v>187</v>
      </c>
      <c r="AZ1098" t="s">
        <v>207</v>
      </c>
      <c r="BA1098" t="s">
        <v>188</v>
      </c>
      <c r="BF1098" t="s">
        <v>49</v>
      </c>
      <c r="BG1098" s="1">
        <v>0</v>
      </c>
      <c r="BH1098" t="s">
        <v>190</v>
      </c>
      <c r="BK1098" t="s">
        <v>191</v>
      </c>
      <c r="BM1098" t="s">
        <v>218</v>
      </c>
      <c r="BO1098" t="s">
        <v>218</v>
      </c>
    </row>
    <row r="1099" spans="1:69" x14ac:dyDescent="0.25">
      <c r="A1099" s="1">
        <v>30450710</v>
      </c>
      <c r="B1099" t="s">
        <v>2216</v>
      </c>
      <c r="C1099" t="s">
        <v>39</v>
      </c>
      <c r="D1099" t="s">
        <v>1616</v>
      </c>
      <c r="E1099" t="s">
        <v>200</v>
      </c>
      <c r="L1099" t="s">
        <v>52</v>
      </c>
      <c r="M1099" s="1">
        <v>0</v>
      </c>
      <c r="N1099" s="1">
        <v>0</v>
      </c>
      <c r="O1099" t="s">
        <v>1616</v>
      </c>
      <c r="P1099" t="s">
        <v>176</v>
      </c>
      <c r="Q1099" t="s">
        <v>177</v>
      </c>
      <c r="S1099" t="s">
        <v>178</v>
      </c>
      <c r="T1099" t="s">
        <v>200</v>
      </c>
      <c r="Y1099" t="s">
        <v>224</v>
      </c>
      <c r="AC1099" t="s">
        <v>180</v>
      </c>
      <c r="AD1099" t="s">
        <v>200</v>
      </c>
      <c r="AE1099" t="s">
        <v>200</v>
      </c>
      <c r="AF1099" t="s">
        <v>200</v>
      </c>
      <c r="AG1099" t="s">
        <v>200</v>
      </c>
      <c r="AH1099" t="s">
        <v>200</v>
      </c>
      <c r="AI1099" t="s">
        <v>200</v>
      </c>
      <c r="AJ1099" t="s">
        <v>200</v>
      </c>
      <c r="AK1099" t="s">
        <v>200</v>
      </c>
      <c r="AL1099" t="s">
        <v>42</v>
      </c>
      <c r="AM1099" t="s">
        <v>201</v>
      </c>
      <c r="AN1099" t="s">
        <v>185</v>
      </c>
      <c r="AO1099" t="s">
        <v>183</v>
      </c>
      <c r="AP1099" t="s">
        <v>204</v>
      </c>
      <c r="AQ1099" t="s">
        <v>202</v>
      </c>
      <c r="AR1099" t="s">
        <v>182</v>
      </c>
      <c r="AS1099" t="s">
        <v>203</v>
      </c>
      <c r="AT1099" t="s">
        <v>184</v>
      </c>
      <c r="AU1099" t="s">
        <v>206</v>
      </c>
      <c r="AV1099" t="s">
        <v>205</v>
      </c>
      <c r="AY1099" t="s">
        <v>187</v>
      </c>
      <c r="AZ1099" t="s">
        <v>207</v>
      </c>
      <c r="BA1099" t="s">
        <v>188</v>
      </c>
      <c r="BC1099" t="s">
        <v>209</v>
      </c>
      <c r="BF1099" t="s">
        <v>210</v>
      </c>
      <c r="BG1099" s="1">
        <v>0</v>
      </c>
      <c r="BH1099" t="s">
        <v>464</v>
      </c>
      <c r="BK1099" t="s">
        <v>191</v>
      </c>
      <c r="BL1099" t="s">
        <v>2217</v>
      </c>
      <c r="BM1099" t="s">
        <v>191</v>
      </c>
      <c r="BN1099" t="s">
        <v>2218</v>
      </c>
      <c r="BO1099" t="s">
        <v>191</v>
      </c>
      <c r="BP1099" t="s">
        <v>2219</v>
      </c>
    </row>
    <row r="1100" spans="1:69" x14ac:dyDescent="0.25">
      <c r="A1100" s="1">
        <v>30450717</v>
      </c>
      <c r="B1100" t="s">
        <v>2934</v>
      </c>
      <c r="C1100" t="s">
        <v>39</v>
      </c>
      <c r="D1100" t="s">
        <v>2512</v>
      </c>
      <c r="E1100" t="s">
        <v>175</v>
      </c>
      <c r="L1100" t="s">
        <v>52</v>
      </c>
      <c r="M1100" s="1">
        <v>0</v>
      </c>
      <c r="N1100" s="1">
        <v>0</v>
      </c>
      <c r="O1100" t="s">
        <v>2512</v>
      </c>
      <c r="P1100" t="s">
        <v>176</v>
      </c>
      <c r="Q1100" t="s">
        <v>238</v>
      </c>
      <c r="S1100" t="s">
        <v>315</v>
      </c>
      <c r="T1100" t="s">
        <v>175</v>
      </c>
      <c r="AA1100" t="s">
        <v>273</v>
      </c>
      <c r="AB1100" t="s">
        <v>1121</v>
      </c>
      <c r="AC1100" t="s">
        <v>225</v>
      </c>
      <c r="AD1100" s="1">
        <v>0</v>
      </c>
      <c r="AE1100" s="1">
        <v>0</v>
      </c>
      <c r="AF1100" s="1">
        <v>0</v>
      </c>
      <c r="AG1100" s="1">
        <v>0</v>
      </c>
      <c r="AH1100" s="1">
        <v>0</v>
      </c>
      <c r="AI1100" s="1">
        <v>0</v>
      </c>
      <c r="AJ1100" s="1">
        <v>0</v>
      </c>
      <c r="AK1100" s="1">
        <v>0</v>
      </c>
      <c r="AL1100" s="1">
        <v>0</v>
      </c>
      <c r="AM1100" s="1">
        <v>0</v>
      </c>
      <c r="AN1100" s="1">
        <v>0</v>
      </c>
      <c r="AO1100" s="1">
        <v>0</v>
      </c>
      <c r="AP1100" s="1">
        <v>0</v>
      </c>
      <c r="AQ1100" s="1">
        <v>0</v>
      </c>
      <c r="AR1100" s="1">
        <v>0</v>
      </c>
      <c r="AS1100" s="1">
        <v>0</v>
      </c>
      <c r="AT1100" s="1">
        <v>0</v>
      </c>
      <c r="AU1100" s="1">
        <v>0</v>
      </c>
      <c r="AV1100" s="1">
        <v>0</v>
      </c>
      <c r="BF1100" s="1">
        <v>0</v>
      </c>
      <c r="BG1100" s="1">
        <v>0</v>
      </c>
      <c r="BH1100" s="1">
        <v>0</v>
      </c>
      <c r="BK1100" s="1">
        <v>0</v>
      </c>
      <c r="BM1100" s="1">
        <v>0</v>
      </c>
      <c r="BO1100" s="1">
        <v>0</v>
      </c>
    </row>
    <row r="1101" spans="1:69" x14ac:dyDescent="0.25">
      <c r="A1101" s="1">
        <v>30450719</v>
      </c>
      <c r="B1101" t="s">
        <v>2935</v>
      </c>
      <c r="C1101" t="s">
        <v>39</v>
      </c>
      <c r="D1101" t="s">
        <v>2512</v>
      </c>
      <c r="E1101" t="s">
        <v>200</v>
      </c>
      <c r="L1101" t="s">
        <v>52</v>
      </c>
      <c r="M1101" s="1">
        <v>0</v>
      </c>
      <c r="N1101" s="1">
        <v>0</v>
      </c>
      <c r="O1101" t="s">
        <v>2512</v>
      </c>
      <c r="P1101" t="s">
        <v>176</v>
      </c>
      <c r="Q1101" t="s">
        <v>177</v>
      </c>
      <c r="S1101" t="s">
        <v>178</v>
      </c>
      <c r="T1101" t="s">
        <v>200</v>
      </c>
      <c r="Z1101" t="s">
        <v>244</v>
      </c>
      <c r="AC1101" t="s">
        <v>199</v>
      </c>
      <c r="AD1101" t="s">
        <v>175</v>
      </c>
      <c r="AE1101" t="s">
        <v>175</v>
      </c>
      <c r="AF1101" t="s">
        <v>175</v>
      </c>
      <c r="AG1101" t="s">
        <v>175</v>
      </c>
      <c r="AH1101" t="s">
        <v>175</v>
      </c>
      <c r="AI1101" t="s">
        <v>175</v>
      </c>
      <c r="AJ1101" t="s">
        <v>175</v>
      </c>
      <c r="AK1101" t="s">
        <v>175</v>
      </c>
      <c r="AL1101" t="s">
        <v>42</v>
      </c>
      <c r="AM1101" t="s">
        <v>206</v>
      </c>
      <c r="AN1101" t="s">
        <v>182</v>
      </c>
      <c r="AO1101" t="s">
        <v>185</v>
      </c>
      <c r="AP1101" t="s">
        <v>183</v>
      </c>
      <c r="AQ1101" t="s">
        <v>202</v>
      </c>
      <c r="AR1101" t="s">
        <v>203</v>
      </c>
      <c r="AS1101" t="s">
        <v>204</v>
      </c>
      <c r="AT1101" t="s">
        <v>201</v>
      </c>
      <c r="AU1101" t="s">
        <v>184</v>
      </c>
      <c r="AV1101" t="s">
        <v>205</v>
      </c>
      <c r="AX1101" t="s">
        <v>186</v>
      </c>
      <c r="AY1101" t="s">
        <v>187</v>
      </c>
      <c r="AZ1101" t="s">
        <v>207</v>
      </c>
      <c r="BA1101" t="s">
        <v>188</v>
      </c>
      <c r="BB1101" t="s">
        <v>208</v>
      </c>
      <c r="BF1101" t="s">
        <v>232</v>
      </c>
      <c r="BG1101" t="s">
        <v>301</v>
      </c>
      <c r="BH1101" t="s">
        <v>211</v>
      </c>
      <c r="BK1101" t="s">
        <v>191</v>
      </c>
      <c r="BM1101" t="s">
        <v>191</v>
      </c>
      <c r="BO1101" t="s">
        <v>191</v>
      </c>
      <c r="BP1101" t="s">
        <v>518</v>
      </c>
    </row>
    <row r="1102" spans="1:69" x14ac:dyDescent="0.25">
      <c r="A1102" s="1">
        <v>30450732</v>
      </c>
      <c r="B1102" t="s">
        <v>1399</v>
      </c>
      <c r="C1102" t="s">
        <v>39</v>
      </c>
      <c r="D1102" t="s">
        <v>942</v>
      </c>
      <c r="E1102" t="s">
        <v>175</v>
      </c>
      <c r="L1102" t="s">
        <v>52</v>
      </c>
      <c r="M1102" s="1">
        <v>0</v>
      </c>
      <c r="N1102" s="1">
        <v>0</v>
      </c>
      <c r="O1102" t="s">
        <v>942</v>
      </c>
      <c r="P1102" t="s">
        <v>176</v>
      </c>
      <c r="Q1102" t="s">
        <v>177</v>
      </c>
      <c r="S1102" t="s">
        <v>349</v>
      </c>
      <c r="T1102" t="s">
        <v>175</v>
      </c>
      <c r="W1102" t="s">
        <v>262</v>
      </c>
      <c r="Y1102" t="s">
        <v>224</v>
      </c>
      <c r="Z1102" t="s">
        <v>244</v>
      </c>
      <c r="AC1102" t="s">
        <v>199</v>
      </c>
      <c r="AD1102" t="s">
        <v>230</v>
      </c>
      <c r="AE1102" t="s">
        <v>230</v>
      </c>
      <c r="AF1102" t="s">
        <v>181</v>
      </c>
      <c r="AG1102" t="s">
        <v>181</v>
      </c>
      <c r="AH1102" t="s">
        <v>175</v>
      </c>
      <c r="AI1102" t="s">
        <v>175</v>
      </c>
      <c r="AJ1102" t="s">
        <v>230</v>
      </c>
      <c r="AK1102" t="s">
        <v>230</v>
      </c>
      <c r="AL1102" t="s">
        <v>52</v>
      </c>
      <c r="AM1102" t="s">
        <v>182</v>
      </c>
      <c r="AN1102" s="1">
        <v>0</v>
      </c>
      <c r="AO1102" s="1">
        <v>0</v>
      </c>
      <c r="AP1102" s="1">
        <v>0</v>
      </c>
      <c r="AQ1102" t="s">
        <v>185</v>
      </c>
      <c r="AR1102" t="s">
        <v>184</v>
      </c>
      <c r="AS1102" s="1">
        <v>0</v>
      </c>
      <c r="AT1102" s="1">
        <v>0</v>
      </c>
      <c r="AU1102" s="1">
        <v>0</v>
      </c>
      <c r="AV1102" s="1">
        <v>0</v>
      </c>
      <c r="AX1102" t="s">
        <v>186</v>
      </c>
      <c r="AZ1102" t="s">
        <v>207</v>
      </c>
      <c r="BA1102" t="s">
        <v>188</v>
      </c>
      <c r="BC1102" t="s">
        <v>209</v>
      </c>
      <c r="BF1102" t="s">
        <v>232</v>
      </c>
      <c r="BG1102" t="s">
        <v>233</v>
      </c>
      <c r="BH1102" t="s">
        <v>211</v>
      </c>
      <c r="BK1102" t="s">
        <v>191</v>
      </c>
      <c r="BL1102" t="s">
        <v>192</v>
      </c>
      <c r="BM1102" t="s">
        <v>191</v>
      </c>
      <c r="BO1102" t="s">
        <v>191</v>
      </c>
    </row>
    <row r="1103" spans="1:69" x14ac:dyDescent="0.25">
      <c r="A1103" s="1">
        <v>30450742</v>
      </c>
      <c r="B1103" t="s">
        <v>1400</v>
      </c>
      <c r="C1103" t="s">
        <v>39</v>
      </c>
      <c r="D1103" t="s">
        <v>942</v>
      </c>
      <c r="E1103" t="s">
        <v>200</v>
      </c>
      <c r="L1103" t="s">
        <v>52</v>
      </c>
      <c r="M1103" s="1">
        <v>0</v>
      </c>
      <c r="N1103" s="1">
        <v>0</v>
      </c>
      <c r="O1103" t="s">
        <v>942</v>
      </c>
      <c r="P1103" t="s">
        <v>216</v>
      </c>
      <c r="Q1103" t="s">
        <v>258</v>
      </c>
      <c r="S1103" s="1">
        <v>0</v>
      </c>
      <c r="T1103" t="s">
        <v>200</v>
      </c>
      <c r="AA1103" t="s">
        <v>273</v>
      </c>
      <c r="AB1103" t="s">
        <v>1401</v>
      </c>
      <c r="AC1103" t="s">
        <v>609</v>
      </c>
      <c r="AD1103" t="s">
        <v>200</v>
      </c>
      <c r="AE1103" t="s">
        <v>200</v>
      </c>
      <c r="AF1103" t="s">
        <v>200</v>
      </c>
      <c r="AG1103" t="s">
        <v>200</v>
      </c>
      <c r="AH1103" t="s">
        <v>200</v>
      </c>
      <c r="AI1103" t="s">
        <v>200</v>
      </c>
      <c r="AJ1103" t="s">
        <v>200</v>
      </c>
      <c r="AK1103" t="s">
        <v>200</v>
      </c>
      <c r="AL1103" t="s">
        <v>42</v>
      </c>
      <c r="AM1103" t="s">
        <v>206</v>
      </c>
      <c r="AN1103" t="s">
        <v>182</v>
      </c>
      <c r="AO1103" t="s">
        <v>183</v>
      </c>
      <c r="AP1103" t="s">
        <v>201</v>
      </c>
      <c r="AQ1103" t="s">
        <v>185</v>
      </c>
      <c r="AR1103" t="s">
        <v>184</v>
      </c>
      <c r="AS1103" t="s">
        <v>203</v>
      </c>
      <c r="AT1103" t="s">
        <v>205</v>
      </c>
      <c r="AU1103" t="s">
        <v>204</v>
      </c>
      <c r="AV1103" t="s">
        <v>202</v>
      </c>
      <c r="AW1103" t="s">
        <v>1402</v>
      </c>
      <c r="AX1103" t="s">
        <v>186</v>
      </c>
      <c r="AZ1103" t="s">
        <v>207</v>
      </c>
      <c r="BA1103" t="s">
        <v>188</v>
      </c>
      <c r="BF1103" t="s">
        <v>210</v>
      </c>
      <c r="BG1103" s="1">
        <v>0</v>
      </c>
      <c r="BH1103" t="s">
        <v>247</v>
      </c>
      <c r="BK1103" t="s">
        <v>191</v>
      </c>
      <c r="BL1103" t="s">
        <v>986</v>
      </c>
      <c r="BM1103" t="s">
        <v>191</v>
      </c>
      <c r="BN1103" t="s">
        <v>1085</v>
      </c>
      <c r="BO1103" t="s">
        <v>191</v>
      </c>
      <c r="BP1103" t="s">
        <v>1403</v>
      </c>
    </row>
    <row r="1104" spans="1:69" x14ac:dyDescent="0.25">
      <c r="A1104" s="1">
        <v>30450744</v>
      </c>
      <c r="B1104" t="s">
        <v>3542</v>
      </c>
      <c r="C1104" t="s">
        <v>39</v>
      </c>
      <c r="D1104" t="s">
        <v>3138</v>
      </c>
      <c r="E1104" t="s">
        <v>216</v>
      </c>
      <c r="L1104" t="s">
        <v>52</v>
      </c>
      <c r="M1104" s="1">
        <v>0</v>
      </c>
      <c r="N1104" s="1">
        <v>0</v>
      </c>
      <c r="O1104" t="s">
        <v>3139</v>
      </c>
      <c r="P1104" t="s">
        <v>216</v>
      </c>
      <c r="Q1104" t="s">
        <v>196</v>
      </c>
      <c r="S1104" s="1">
        <v>0</v>
      </c>
      <c r="T1104" t="s">
        <v>197</v>
      </c>
      <c r="U1104" t="s">
        <v>3543</v>
      </c>
      <c r="V1104" t="s">
        <v>397</v>
      </c>
      <c r="Z1104" t="s">
        <v>244</v>
      </c>
      <c r="AC1104" t="s">
        <v>180</v>
      </c>
      <c r="AD1104" t="s">
        <v>181</v>
      </c>
      <c r="AE1104" t="s">
        <v>230</v>
      </c>
      <c r="AF1104" t="s">
        <v>230</v>
      </c>
      <c r="AG1104" t="s">
        <v>230</v>
      </c>
      <c r="AH1104" t="s">
        <v>175</v>
      </c>
      <c r="AI1104" t="s">
        <v>230</v>
      </c>
      <c r="AJ1104" t="s">
        <v>181</v>
      </c>
      <c r="AK1104" t="s">
        <v>230</v>
      </c>
      <c r="AL1104" t="s">
        <v>42</v>
      </c>
      <c r="AM1104" t="s">
        <v>184</v>
      </c>
      <c r="AN1104" s="1">
        <v>0</v>
      </c>
      <c r="AO1104" t="s">
        <v>183</v>
      </c>
      <c r="AP1104" t="s">
        <v>182</v>
      </c>
      <c r="AQ1104" s="1">
        <v>0</v>
      </c>
      <c r="AR1104" s="1">
        <v>0</v>
      </c>
      <c r="AS1104" s="1">
        <v>0</v>
      </c>
      <c r="AT1104" t="s">
        <v>185</v>
      </c>
      <c r="AU1104" s="1">
        <v>0</v>
      </c>
      <c r="AV1104" t="s">
        <v>201</v>
      </c>
      <c r="AX1104" t="s">
        <v>186</v>
      </c>
      <c r="AZ1104" t="s">
        <v>207</v>
      </c>
      <c r="BA1104" t="s">
        <v>188</v>
      </c>
      <c r="BF1104" t="s">
        <v>49</v>
      </c>
      <c r="BG1104" s="1">
        <v>0</v>
      </c>
      <c r="BH1104" t="s">
        <v>302</v>
      </c>
      <c r="BI1104" t="s">
        <v>3544</v>
      </c>
      <c r="BK1104" t="s">
        <v>191</v>
      </c>
      <c r="BL1104" t="s">
        <v>3545</v>
      </c>
      <c r="BM1104" t="s">
        <v>191</v>
      </c>
      <c r="BN1104" t="s">
        <v>3546</v>
      </c>
      <c r="BO1104" t="s">
        <v>191</v>
      </c>
      <c r="BP1104" t="s">
        <v>3547</v>
      </c>
    </row>
    <row r="1105" spans="1:69" x14ac:dyDescent="0.25">
      <c r="A1105" s="1">
        <v>30450755</v>
      </c>
      <c r="B1105" t="s">
        <v>3133</v>
      </c>
      <c r="C1105" t="s">
        <v>39</v>
      </c>
      <c r="D1105" t="s">
        <v>3125</v>
      </c>
      <c r="L1105" t="s">
        <v>52</v>
      </c>
      <c r="M1105" s="1">
        <v>0</v>
      </c>
      <c r="N1105" s="1">
        <v>0</v>
      </c>
      <c r="O1105" t="s">
        <v>49</v>
      </c>
      <c r="P1105" s="1">
        <v>0</v>
      </c>
      <c r="Q1105" s="1">
        <v>0</v>
      </c>
      <c r="S1105" s="1">
        <v>0</v>
      </c>
      <c r="T1105" s="1">
        <v>0</v>
      </c>
      <c r="AC1105" s="1">
        <v>0</v>
      </c>
      <c r="AD1105" s="1">
        <v>0</v>
      </c>
      <c r="AE1105" s="1">
        <v>0</v>
      </c>
      <c r="AF1105" s="1">
        <v>0</v>
      </c>
      <c r="AG1105" s="1">
        <v>0</v>
      </c>
      <c r="AH1105" s="1">
        <v>0</v>
      </c>
      <c r="AI1105" s="1">
        <v>0</v>
      </c>
      <c r="AJ1105" s="1">
        <v>0</v>
      </c>
      <c r="AK1105" s="1">
        <v>0</v>
      </c>
      <c r="AL1105" s="1">
        <v>0</v>
      </c>
      <c r="AM1105" s="1">
        <v>0</v>
      </c>
      <c r="AN1105" s="1">
        <v>0</v>
      </c>
      <c r="AO1105" s="1">
        <v>0</v>
      </c>
      <c r="AP1105" s="1">
        <v>0</v>
      </c>
      <c r="AQ1105" s="1">
        <v>0</v>
      </c>
      <c r="AR1105" s="1">
        <v>0</v>
      </c>
      <c r="AS1105" s="1">
        <v>0</v>
      </c>
      <c r="AT1105" s="1">
        <v>0</v>
      </c>
      <c r="AU1105" s="1">
        <v>0</v>
      </c>
      <c r="AV1105" s="1">
        <v>0</v>
      </c>
      <c r="BF1105" s="1">
        <v>0</v>
      </c>
      <c r="BG1105" s="1">
        <v>0</v>
      </c>
      <c r="BH1105" s="1">
        <v>0</v>
      </c>
      <c r="BK1105" s="1">
        <v>0</v>
      </c>
      <c r="BM1105" s="1">
        <v>0</v>
      </c>
      <c r="BO1105" s="1">
        <v>0</v>
      </c>
    </row>
    <row r="1106" spans="1:69" x14ac:dyDescent="0.25">
      <c r="A1106" s="1">
        <v>30450760</v>
      </c>
      <c r="B1106" t="s">
        <v>1404</v>
      </c>
      <c r="C1106" t="s">
        <v>39</v>
      </c>
      <c r="D1106" t="s">
        <v>942</v>
      </c>
      <c r="E1106" t="s">
        <v>195</v>
      </c>
      <c r="L1106" t="s">
        <v>52</v>
      </c>
      <c r="M1106" s="1">
        <v>0</v>
      </c>
      <c r="N1106" s="1">
        <v>0</v>
      </c>
      <c r="O1106" t="s">
        <v>942</v>
      </c>
      <c r="P1106" t="s">
        <v>176</v>
      </c>
      <c r="Q1106" t="s">
        <v>177</v>
      </c>
      <c r="S1106" t="s">
        <v>178</v>
      </c>
      <c r="T1106" t="s">
        <v>197</v>
      </c>
      <c r="Y1106" t="s">
        <v>224</v>
      </c>
      <c r="AC1106" t="s">
        <v>180</v>
      </c>
      <c r="AD1106" t="s">
        <v>181</v>
      </c>
      <c r="AE1106" t="s">
        <v>181</v>
      </c>
      <c r="AF1106" t="s">
        <v>181</v>
      </c>
      <c r="AG1106" t="s">
        <v>181</v>
      </c>
      <c r="AH1106" t="s">
        <v>181</v>
      </c>
      <c r="AI1106" t="s">
        <v>181</v>
      </c>
      <c r="AJ1106" t="s">
        <v>181</v>
      </c>
      <c r="AK1106" t="s">
        <v>181</v>
      </c>
      <c r="AL1106" t="s">
        <v>42</v>
      </c>
      <c r="AM1106" s="1">
        <v>0</v>
      </c>
      <c r="AN1106" s="1">
        <v>0</v>
      </c>
      <c r="AO1106" s="1">
        <v>0</v>
      </c>
      <c r="AP1106" t="s">
        <v>184</v>
      </c>
      <c r="AQ1106" s="1">
        <v>0</v>
      </c>
      <c r="AR1106" s="1">
        <v>0</v>
      </c>
      <c r="AS1106" s="1">
        <v>0</v>
      </c>
      <c r="AT1106" s="1">
        <v>0</v>
      </c>
      <c r="AU1106" s="1">
        <v>0</v>
      </c>
      <c r="AV1106" t="s">
        <v>185</v>
      </c>
      <c r="AX1106" t="s">
        <v>186</v>
      </c>
      <c r="AY1106" t="s">
        <v>187</v>
      </c>
      <c r="AZ1106" t="s">
        <v>207</v>
      </c>
      <c r="BF1106" t="s">
        <v>232</v>
      </c>
      <c r="BG1106" t="s">
        <v>276</v>
      </c>
      <c r="BH1106" t="s">
        <v>211</v>
      </c>
      <c r="BK1106" t="s">
        <v>191</v>
      </c>
      <c r="BM1106" t="s">
        <v>191</v>
      </c>
      <c r="BO1106" t="s">
        <v>218</v>
      </c>
    </row>
    <row r="1107" spans="1:69" x14ac:dyDescent="0.25">
      <c r="A1107" s="1">
        <v>30450761</v>
      </c>
      <c r="B1107" t="s">
        <v>4331</v>
      </c>
      <c r="C1107" t="s">
        <v>39</v>
      </c>
      <c r="D1107" t="s">
        <v>3727</v>
      </c>
      <c r="E1107" t="s">
        <v>200</v>
      </c>
      <c r="L1107" t="s">
        <v>52</v>
      </c>
      <c r="M1107" s="1">
        <v>0</v>
      </c>
      <c r="N1107" s="1">
        <v>0</v>
      </c>
      <c r="O1107" t="s">
        <v>3728</v>
      </c>
      <c r="P1107" t="s">
        <v>176</v>
      </c>
      <c r="Q1107" t="s">
        <v>196</v>
      </c>
      <c r="S1107" t="s">
        <v>178</v>
      </c>
      <c r="T1107" t="s">
        <v>200</v>
      </c>
      <c r="AA1107" t="s">
        <v>273</v>
      </c>
      <c r="AB1107" t="s">
        <v>4332</v>
      </c>
      <c r="AC1107" t="s">
        <v>180</v>
      </c>
      <c r="AD1107" t="s">
        <v>200</v>
      </c>
      <c r="AE1107" t="s">
        <v>200</v>
      </c>
      <c r="AF1107" t="s">
        <v>200</v>
      </c>
      <c r="AG1107" t="s">
        <v>200</v>
      </c>
      <c r="AH1107" t="s">
        <v>200</v>
      </c>
      <c r="AI1107" t="s">
        <v>200</v>
      </c>
      <c r="AJ1107" t="s">
        <v>200</v>
      </c>
      <c r="AK1107" t="s">
        <v>200</v>
      </c>
      <c r="AL1107" t="s">
        <v>52</v>
      </c>
      <c r="AM1107" t="s">
        <v>201</v>
      </c>
      <c r="AN1107" t="s">
        <v>183</v>
      </c>
      <c r="AO1107" t="s">
        <v>185</v>
      </c>
      <c r="AP1107" t="s">
        <v>182</v>
      </c>
      <c r="AQ1107" t="s">
        <v>184</v>
      </c>
      <c r="AR1107" t="s">
        <v>206</v>
      </c>
      <c r="AS1107" t="s">
        <v>203</v>
      </c>
      <c r="AT1107" t="s">
        <v>205</v>
      </c>
      <c r="AU1107" t="s">
        <v>202</v>
      </c>
      <c r="AV1107" t="s">
        <v>204</v>
      </c>
      <c r="AY1107" t="s">
        <v>187</v>
      </c>
      <c r="BF1107" t="s">
        <v>210</v>
      </c>
      <c r="BG1107" s="1">
        <v>0</v>
      </c>
      <c r="BH1107" t="s">
        <v>211</v>
      </c>
      <c r="BK1107" t="s">
        <v>191</v>
      </c>
      <c r="BL1107" t="s">
        <v>4333</v>
      </c>
      <c r="BM1107" t="s">
        <v>191</v>
      </c>
      <c r="BN1107" t="s">
        <v>4334</v>
      </c>
      <c r="BO1107" t="s">
        <v>218</v>
      </c>
    </row>
    <row r="1108" spans="1:69" x14ac:dyDescent="0.25">
      <c r="A1108" s="1">
        <v>30450762</v>
      </c>
      <c r="B1108" t="s">
        <v>1405</v>
      </c>
      <c r="C1108" t="s">
        <v>39</v>
      </c>
      <c r="D1108" t="s">
        <v>942</v>
      </c>
      <c r="E1108" t="s">
        <v>216</v>
      </c>
      <c r="L1108" t="s">
        <v>52</v>
      </c>
      <c r="M1108" s="1">
        <v>0</v>
      </c>
      <c r="N1108" s="1">
        <v>0</v>
      </c>
      <c r="O1108" t="s">
        <v>942</v>
      </c>
      <c r="P1108" t="s">
        <v>216</v>
      </c>
      <c r="Q1108" t="s">
        <v>196</v>
      </c>
      <c r="S1108" s="1">
        <v>0</v>
      </c>
      <c r="T1108" t="s">
        <v>297</v>
      </c>
      <c r="U1108" t="s">
        <v>1406</v>
      </c>
      <c r="W1108" t="s">
        <v>262</v>
      </c>
      <c r="X1108" t="s">
        <v>179</v>
      </c>
      <c r="AC1108" t="s">
        <v>180</v>
      </c>
      <c r="AD1108" t="s">
        <v>299</v>
      </c>
      <c r="AE1108" t="s">
        <v>299</v>
      </c>
      <c r="AF1108" t="s">
        <v>299</v>
      </c>
      <c r="AG1108" t="s">
        <v>175</v>
      </c>
      <c r="AH1108" t="s">
        <v>175</v>
      </c>
      <c r="AI1108" t="s">
        <v>175</v>
      </c>
      <c r="AJ1108" t="s">
        <v>175</v>
      </c>
      <c r="AK1108" t="s">
        <v>181</v>
      </c>
      <c r="AL1108" t="s">
        <v>52</v>
      </c>
      <c r="AM1108" t="s">
        <v>185</v>
      </c>
      <c r="AN1108" t="s">
        <v>201</v>
      </c>
      <c r="AO1108" t="s">
        <v>184</v>
      </c>
      <c r="AP1108" t="s">
        <v>182</v>
      </c>
      <c r="AQ1108" t="s">
        <v>204</v>
      </c>
      <c r="AR1108" t="s">
        <v>202</v>
      </c>
      <c r="AS1108" t="s">
        <v>183</v>
      </c>
      <c r="AT1108" t="s">
        <v>206</v>
      </c>
      <c r="AU1108" t="s">
        <v>205</v>
      </c>
      <c r="AV1108" t="s">
        <v>203</v>
      </c>
      <c r="AW1108" t="s">
        <v>1407</v>
      </c>
      <c r="AX1108" t="s">
        <v>186</v>
      </c>
      <c r="AY1108" t="s">
        <v>187</v>
      </c>
      <c r="AZ1108" t="s">
        <v>207</v>
      </c>
      <c r="BA1108" t="s">
        <v>188</v>
      </c>
      <c r="BB1108" t="s">
        <v>208</v>
      </c>
      <c r="BC1108" t="s">
        <v>209</v>
      </c>
      <c r="BF1108" t="s">
        <v>189</v>
      </c>
      <c r="BG1108" s="1">
        <v>0</v>
      </c>
      <c r="BH1108" t="s">
        <v>247</v>
      </c>
      <c r="BK1108" t="s">
        <v>191</v>
      </c>
      <c r="BL1108" t="s">
        <v>1408</v>
      </c>
      <c r="BM1108" s="1">
        <v>0</v>
      </c>
      <c r="BN1108" t="s">
        <v>1409</v>
      </c>
      <c r="BO1108" t="s">
        <v>191</v>
      </c>
      <c r="BP1108" t="s">
        <v>1410</v>
      </c>
      <c r="BQ1108" t="s">
        <v>1411</v>
      </c>
    </row>
    <row r="1109" spans="1:69" x14ac:dyDescent="0.25">
      <c r="A1109" s="1">
        <v>30450764</v>
      </c>
      <c r="B1109" t="s">
        <v>3548</v>
      </c>
      <c r="C1109" t="s">
        <v>39</v>
      </c>
      <c r="D1109" t="s">
        <v>3138</v>
      </c>
      <c r="E1109" t="s">
        <v>216</v>
      </c>
      <c r="L1109" t="s">
        <v>52</v>
      </c>
      <c r="M1109" s="1">
        <v>0</v>
      </c>
      <c r="N1109" s="1">
        <v>0</v>
      </c>
      <c r="O1109" t="s">
        <v>3139</v>
      </c>
      <c r="P1109" t="s">
        <v>216</v>
      </c>
      <c r="Q1109" t="s">
        <v>322</v>
      </c>
      <c r="S1109" s="1">
        <v>0</v>
      </c>
      <c r="T1109" t="s">
        <v>197</v>
      </c>
      <c r="U1109" t="s">
        <v>3549</v>
      </c>
      <c r="Z1109" t="s">
        <v>244</v>
      </c>
      <c r="AC1109" t="s">
        <v>180</v>
      </c>
      <c r="AD1109" t="s">
        <v>175</v>
      </c>
      <c r="AE1109" t="s">
        <v>175</v>
      </c>
      <c r="AF1109" t="s">
        <v>181</v>
      </c>
      <c r="AG1109" t="s">
        <v>181</v>
      </c>
      <c r="AH1109" t="s">
        <v>200</v>
      </c>
      <c r="AI1109" t="s">
        <v>200</v>
      </c>
      <c r="AJ1109" t="s">
        <v>175</v>
      </c>
      <c r="AK1109" t="s">
        <v>175</v>
      </c>
      <c r="AL1109" t="s">
        <v>42</v>
      </c>
      <c r="AM1109" t="s">
        <v>182</v>
      </c>
      <c r="AN1109" s="1">
        <v>0</v>
      </c>
      <c r="AO1109" t="s">
        <v>185</v>
      </c>
      <c r="AP1109" s="1">
        <v>0</v>
      </c>
      <c r="AQ1109" s="1">
        <v>0</v>
      </c>
      <c r="AR1109" s="1">
        <v>0</v>
      </c>
      <c r="AS1109" s="1">
        <v>0</v>
      </c>
      <c r="AT1109" s="1">
        <v>0</v>
      </c>
      <c r="AU1109" s="1">
        <v>0</v>
      </c>
      <c r="AV1109" t="s">
        <v>184</v>
      </c>
      <c r="AZ1109" t="s">
        <v>207</v>
      </c>
      <c r="BF1109" t="s">
        <v>232</v>
      </c>
      <c r="BG1109" t="s">
        <v>315</v>
      </c>
      <c r="BH1109" t="s">
        <v>190</v>
      </c>
      <c r="BK1109" t="s">
        <v>191</v>
      </c>
      <c r="BL1109" t="s">
        <v>3550</v>
      </c>
      <c r="BM1109" t="s">
        <v>191</v>
      </c>
      <c r="BN1109" t="s">
        <v>3551</v>
      </c>
      <c r="BO1109" t="s">
        <v>191</v>
      </c>
      <c r="BP1109" t="s">
        <v>3552</v>
      </c>
      <c r="BQ1109" t="s">
        <v>3553</v>
      </c>
    </row>
    <row r="1110" spans="1:69" x14ac:dyDescent="0.25">
      <c r="A1110" s="1">
        <v>30450771</v>
      </c>
      <c r="B1110" t="s">
        <v>4335</v>
      </c>
      <c r="C1110" t="s">
        <v>39</v>
      </c>
      <c r="D1110" t="s">
        <v>3727</v>
      </c>
      <c r="E1110" t="s">
        <v>175</v>
      </c>
      <c r="L1110" t="s">
        <v>42</v>
      </c>
      <c r="M1110" t="s">
        <v>52</v>
      </c>
      <c r="N1110" t="s">
        <v>470</v>
      </c>
      <c r="O1110" t="s">
        <v>3728</v>
      </c>
      <c r="P1110" t="s">
        <v>216</v>
      </c>
      <c r="Q1110" t="s">
        <v>258</v>
      </c>
      <c r="S1110" s="1">
        <v>0</v>
      </c>
      <c r="T1110" t="s">
        <v>175</v>
      </c>
      <c r="Y1110" t="s">
        <v>224</v>
      </c>
      <c r="AC1110" t="s">
        <v>225</v>
      </c>
      <c r="AD1110" t="s">
        <v>299</v>
      </c>
      <c r="AE1110" t="s">
        <v>181</v>
      </c>
      <c r="AF1110" t="s">
        <v>299</v>
      </c>
      <c r="AG1110" t="s">
        <v>181</v>
      </c>
      <c r="AH1110" t="s">
        <v>299</v>
      </c>
      <c r="AI1110" t="s">
        <v>299</v>
      </c>
      <c r="AJ1110" t="s">
        <v>181</v>
      </c>
      <c r="AK1110" t="s">
        <v>299</v>
      </c>
      <c r="AL1110" t="s">
        <v>49</v>
      </c>
      <c r="AM1110" t="s">
        <v>206</v>
      </c>
      <c r="AN1110" t="s">
        <v>202</v>
      </c>
      <c r="AO1110" t="s">
        <v>182</v>
      </c>
      <c r="AP1110" t="s">
        <v>183</v>
      </c>
      <c r="AQ1110" t="s">
        <v>203</v>
      </c>
      <c r="AR1110" t="s">
        <v>184</v>
      </c>
      <c r="AS1110" t="s">
        <v>201</v>
      </c>
      <c r="AT1110" t="s">
        <v>205</v>
      </c>
      <c r="AU1110" t="s">
        <v>185</v>
      </c>
      <c r="AV1110" t="s">
        <v>204</v>
      </c>
      <c r="AZ1110" t="s">
        <v>207</v>
      </c>
      <c r="BA1110" t="s">
        <v>188</v>
      </c>
      <c r="BB1110" t="s">
        <v>208</v>
      </c>
      <c r="BF1110" t="s">
        <v>210</v>
      </c>
      <c r="BG1110" s="1">
        <v>0</v>
      </c>
      <c r="BH1110" t="s">
        <v>211</v>
      </c>
      <c r="BK1110" t="s">
        <v>191</v>
      </c>
      <c r="BL1110" t="s">
        <v>4336</v>
      </c>
      <c r="BM1110" t="s">
        <v>191</v>
      </c>
      <c r="BN1110" t="s">
        <v>4337</v>
      </c>
      <c r="BO1110" t="s">
        <v>191</v>
      </c>
      <c r="BP1110" t="s">
        <v>4338</v>
      </c>
      <c r="BQ1110" t="s">
        <v>2357</v>
      </c>
    </row>
    <row r="1111" spans="1:69" x14ac:dyDescent="0.25">
      <c r="A1111" s="1">
        <v>30450777</v>
      </c>
      <c r="B1111" t="s">
        <v>1412</v>
      </c>
      <c r="C1111" t="s">
        <v>39</v>
      </c>
      <c r="D1111" t="s">
        <v>942</v>
      </c>
      <c r="L1111" t="s">
        <v>52</v>
      </c>
      <c r="M1111" s="1">
        <v>0</v>
      </c>
      <c r="N1111" s="1">
        <v>0</v>
      </c>
      <c r="O1111" t="s">
        <v>942</v>
      </c>
      <c r="P1111" t="s">
        <v>49</v>
      </c>
      <c r="Q1111" s="1">
        <v>0</v>
      </c>
      <c r="S1111" s="1">
        <v>0</v>
      </c>
      <c r="T1111" s="1">
        <v>0</v>
      </c>
      <c r="X1111" t="s">
        <v>179</v>
      </c>
      <c r="Y1111" t="s">
        <v>224</v>
      </c>
      <c r="Z1111" t="s">
        <v>244</v>
      </c>
      <c r="AC1111" t="s">
        <v>199</v>
      </c>
      <c r="AD1111" t="s">
        <v>181</v>
      </c>
      <c r="AE1111" t="s">
        <v>181</v>
      </c>
      <c r="AF1111" t="s">
        <v>181</v>
      </c>
      <c r="AG1111" t="s">
        <v>181</v>
      </c>
      <c r="AH1111" t="s">
        <v>181</v>
      </c>
      <c r="AI1111" t="s">
        <v>181</v>
      </c>
      <c r="AJ1111" t="s">
        <v>181</v>
      </c>
      <c r="AK1111" t="s">
        <v>181</v>
      </c>
      <c r="AL1111" t="s">
        <v>52</v>
      </c>
      <c r="AM1111" s="1">
        <v>0</v>
      </c>
      <c r="AN1111" s="1">
        <v>0</v>
      </c>
      <c r="AO1111" s="1">
        <v>0</v>
      </c>
      <c r="AP1111" s="1">
        <v>0</v>
      </c>
      <c r="AQ1111" t="s">
        <v>182</v>
      </c>
      <c r="AR1111" t="s">
        <v>183</v>
      </c>
      <c r="AS1111" t="s">
        <v>201</v>
      </c>
      <c r="AT1111" t="s">
        <v>184</v>
      </c>
      <c r="AU1111" t="s">
        <v>185</v>
      </c>
      <c r="AV1111" s="1">
        <v>0</v>
      </c>
      <c r="AW1111" t="s">
        <v>225</v>
      </c>
      <c r="AX1111" t="s">
        <v>186</v>
      </c>
      <c r="AY1111" t="s">
        <v>187</v>
      </c>
      <c r="AZ1111" t="s">
        <v>207</v>
      </c>
      <c r="BA1111" t="s">
        <v>188</v>
      </c>
      <c r="BC1111" t="s">
        <v>209</v>
      </c>
      <c r="BF1111" t="s">
        <v>49</v>
      </c>
      <c r="BG1111" s="1">
        <v>0</v>
      </c>
      <c r="BH1111" t="s">
        <v>302</v>
      </c>
      <c r="BI1111" t="s">
        <v>1413</v>
      </c>
      <c r="BK1111" t="s">
        <v>191</v>
      </c>
      <c r="BL1111" t="s">
        <v>1414</v>
      </c>
      <c r="BM1111" t="s">
        <v>191</v>
      </c>
      <c r="BO1111" t="s">
        <v>191</v>
      </c>
      <c r="BQ1111" t="s">
        <v>225</v>
      </c>
    </row>
    <row r="1112" spans="1:69" x14ac:dyDescent="0.25">
      <c r="A1112" s="1">
        <v>30450783</v>
      </c>
      <c r="B1112" t="s">
        <v>2936</v>
      </c>
      <c r="C1112" t="s">
        <v>39</v>
      </c>
      <c r="D1112" t="s">
        <v>2512</v>
      </c>
      <c r="E1112" t="s">
        <v>175</v>
      </c>
      <c r="L1112" t="s">
        <v>52</v>
      </c>
      <c r="M1112" s="1">
        <v>0</v>
      </c>
      <c r="N1112" s="1">
        <v>0</v>
      </c>
      <c r="O1112" t="s">
        <v>2512</v>
      </c>
      <c r="P1112" t="s">
        <v>216</v>
      </c>
      <c r="Q1112" t="s">
        <v>322</v>
      </c>
      <c r="S1112" s="1">
        <v>0</v>
      </c>
      <c r="T1112" t="s">
        <v>175</v>
      </c>
      <c r="V1112" t="s">
        <v>397</v>
      </c>
      <c r="W1112" t="s">
        <v>262</v>
      </c>
      <c r="X1112" t="s">
        <v>179</v>
      </c>
      <c r="Y1112" t="s">
        <v>224</v>
      </c>
      <c r="AC1112" t="s">
        <v>180</v>
      </c>
      <c r="AD1112" t="s">
        <v>175</v>
      </c>
      <c r="AE1112" t="s">
        <v>181</v>
      </c>
      <c r="AF1112" t="s">
        <v>230</v>
      </c>
      <c r="AG1112" t="s">
        <v>175</v>
      </c>
      <c r="AH1112" t="s">
        <v>200</v>
      </c>
      <c r="AI1112" t="s">
        <v>175</v>
      </c>
      <c r="AJ1112" t="s">
        <v>175</v>
      </c>
      <c r="AK1112" t="s">
        <v>175</v>
      </c>
      <c r="AL1112" t="s">
        <v>42</v>
      </c>
      <c r="AM1112" t="s">
        <v>182</v>
      </c>
      <c r="AN1112" t="s">
        <v>202</v>
      </c>
      <c r="AO1112" t="s">
        <v>185</v>
      </c>
      <c r="AP1112" t="s">
        <v>201</v>
      </c>
      <c r="AQ1112" t="s">
        <v>184</v>
      </c>
      <c r="AR1112" t="s">
        <v>206</v>
      </c>
      <c r="AS1112" t="s">
        <v>203</v>
      </c>
      <c r="AT1112" t="s">
        <v>183</v>
      </c>
      <c r="AU1112" t="s">
        <v>204</v>
      </c>
      <c r="AV1112" t="s">
        <v>205</v>
      </c>
      <c r="AY1112" t="s">
        <v>187</v>
      </c>
      <c r="AZ1112" t="s">
        <v>207</v>
      </c>
      <c r="BF1112" t="s">
        <v>189</v>
      </c>
      <c r="BG1112" s="1">
        <v>0</v>
      </c>
      <c r="BH1112" s="1">
        <v>0</v>
      </c>
      <c r="BK1112" t="s">
        <v>191</v>
      </c>
      <c r="BM1112" t="s">
        <v>191</v>
      </c>
      <c r="BO1112" t="s">
        <v>191</v>
      </c>
    </row>
    <row r="1113" spans="1:69" x14ac:dyDescent="0.25">
      <c r="A1113" s="1">
        <v>30450798</v>
      </c>
      <c r="B1113" t="s">
        <v>4339</v>
      </c>
      <c r="C1113" t="s">
        <v>39</v>
      </c>
      <c r="D1113" t="s">
        <v>3727</v>
      </c>
      <c r="L1113" t="s">
        <v>52</v>
      </c>
      <c r="M1113" s="1">
        <v>0</v>
      </c>
      <c r="N1113" s="1">
        <v>0</v>
      </c>
      <c r="O1113" t="s">
        <v>3728</v>
      </c>
      <c r="P1113" s="1">
        <v>0</v>
      </c>
      <c r="Q1113" s="1">
        <v>0</v>
      </c>
      <c r="S1113" s="1">
        <v>0</v>
      </c>
      <c r="T1113" s="1">
        <v>0</v>
      </c>
      <c r="AA1113" t="s">
        <v>273</v>
      </c>
      <c r="AB1113" t="s">
        <v>4340</v>
      </c>
      <c r="AC1113" t="s">
        <v>225</v>
      </c>
      <c r="AD1113" t="s">
        <v>181</v>
      </c>
      <c r="AE1113" t="s">
        <v>181</v>
      </c>
      <c r="AF1113" t="s">
        <v>181</v>
      </c>
      <c r="AG1113" t="s">
        <v>181</v>
      </c>
      <c r="AH1113" t="s">
        <v>181</v>
      </c>
      <c r="AI1113" t="s">
        <v>181</v>
      </c>
      <c r="AJ1113" t="s">
        <v>181</v>
      </c>
      <c r="AK1113" t="s">
        <v>181</v>
      </c>
      <c r="AL1113" t="s">
        <v>42</v>
      </c>
      <c r="AM1113" s="1">
        <v>0</v>
      </c>
      <c r="AN1113" s="1">
        <v>0</v>
      </c>
      <c r="AO1113" s="1">
        <v>0</v>
      </c>
      <c r="AP1113" s="1">
        <v>0</v>
      </c>
      <c r="AQ1113" s="1">
        <v>0</v>
      </c>
      <c r="AR1113" s="1">
        <v>0</v>
      </c>
      <c r="AS1113" s="1">
        <v>0</v>
      </c>
      <c r="AT1113" s="1">
        <v>0</v>
      </c>
      <c r="AU1113" s="1">
        <v>0</v>
      </c>
      <c r="AV1113" s="1">
        <v>0</v>
      </c>
      <c r="BF1113" s="1">
        <v>0</v>
      </c>
      <c r="BG1113" s="1">
        <v>0</v>
      </c>
      <c r="BH1113" t="s">
        <v>211</v>
      </c>
      <c r="BK1113" t="s">
        <v>191</v>
      </c>
      <c r="BL1113" t="s">
        <v>4341</v>
      </c>
      <c r="BM1113" t="s">
        <v>191</v>
      </c>
      <c r="BN1113" t="s">
        <v>4342</v>
      </c>
      <c r="BO1113" t="s">
        <v>191</v>
      </c>
      <c r="BP1113" t="s">
        <v>4343</v>
      </c>
      <c r="BQ1113" t="s">
        <v>4344</v>
      </c>
    </row>
    <row r="1114" spans="1:69" x14ac:dyDescent="0.25">
      <c r="A1114" s="1">
        <v>30450801</v>
      </c>
      <c r="B1114" t="s">
        <v>4345</v>
      </c>
      <c r="C1114" t="s">
        <v>39</v>
      </c>
      <c r="D1114" t="s">
        <v>3727</v>
      </c>
      <c r="E1114" t="s">
        <v>200</v>
      </c>
      <c r="L1114" t="s">
        <v>52</v>
      </c>
      <c r="M1114" s="1">
        <v>0</v>
      </c>
      <c r="N1114" s="1">
        <v>0</v>
      </c>
      <c r="O1114" t="s">
        <v>3728</v>
      </c>
      <c r="P1114" t="s">
        <v>216</v>
      </c>
      <c r="Q1114" t="s">
        <v>322</v>
      </c>
      <c r="S1114" s="1">
        <v>0</v>
      </c>
      <c r="T1114" t="s">
        <v>200</v>
      </c>
      <c r="W1114" t="s">
        <v>262</v>
      </c>
      <c r="AC1114" t="s">
        <v>180</v>
      </c>
      <c r="AD1114" t="s">
        <v>200</v>
      </c>
      <c r="AE1114" t="s">
        <v>200</v>
      </c>
      <c r="AF1114" t="s">
        <v>200</v>
      </c>
      <c r="AG1114" t="s">
        <v>200</v>
      </c>
      <c r="AH1114" t="s">
        <v>200</v>
      </c>
      <c r="AI1114" t="s">
        <v>200</v>
      </c>
      <c r="AJ1114" t="s">
        <v>200</v>
      </c>
      <c r="AK1114" t="s">
        <v>200</v>
      </c>
      <c r="AL1114" t="s">
        <v>42</v>
      </c>
      <c r="AM1114" t="s">
        <v>182</v>
      </c>
      <c r="AN1114" t="s">
        <v>183</v>
      </c>
      <c r="AO1114" t="s">
        <v>184</v>
      </c>
      <c r="AP1114" t="s">
        <v>202</v>
      </c>
      <c r="AQ1114" t="s">
        <v>185</v>
      </c>
      <c r="AR1114" t="s">
        <v>204</v>
      </c>
      <c r="AS1114" t="s">
        <v>203</v>
      </c>
      <c r="AT1114" t="s">
        <v>206</v>
      </c>
      <c r="AU1114" t="s">
        <v>205</v>
      </c>
      <c r="AV1114" t="s">
        <v>201</v>
      </c>
      <c r="AX1114" t="s">
        <v>186</v>
      </c>
      <c r="AZ1114" t="s">
        <v>207</v>
      </c>
      <c r="BF1114" t="s">
        <v>210</v>
      </c>
      <c r="BG1114" s="1">
        <v>0</v>
      </c>
      <c r="BH1114" t="s">
        <v>247</v>
      </c>
      <c r="BK1114" t="s">
        <v>191</v>
      </c>
      <c r="BM1114" t="s">
        <v>191</v>
      </c>
      <c r="BO1114" t="s">
        <v>218</v>
      </c>
    </row>
    <row r="1115" spans="1:69" x14ac:dyDescent="0.25">
      <c r="A1115" s="1">
        <v>30450803</v>
      </c>
      <c r="B1115" t="s">
        <v>4346</v>
      </c>
      <c r="C1115" t="s">
        <v>39</v>
      </c>
      <c r="D1115" t="s">
        <v>3727</v>
      </c>
      <c r="E1115" t="s">
        <v>175</v>
      </c>
      <c r="L1115" t="s">
        <v>52</v>
      </c>
      <c r="M1115" s="1">
        <v>0</v>
      </c>
      <c r="N1115" s="1">
        <v>0</v>
      </c>
      <c r="O1115" t="s">
        <v>3728</v>
      </c>
      <c r="P1115" t="s">
        <v>216</v>
      </c>
      <c r="Q1115" t="s">
        <v>238</v>
      </c>
      <c r="S1115" s="1">
        <v>0</v>
      </c>
      <c r="T1115" t="s">
        <v>175</v>
      </c>
      <c r="Z1115" t="s">
        <v>244</v>
      </c>
      <c r="AC1115" t="s">
        <v>199</v>
      </c>
      <c r="AD1115" t="s">
        <v>230</v>
      </c>
      <c r="AE1115" t="s">
        <v>230</v>
      </c>
      <c r="AF1115" t="s">
        <v>230</v>
      </c>
      <c r="AG1115" t="s">
        <v>230</v>
      </c>
      <c r="AH1115" t="s">
        <v>230</v>
      </c>
      <c r="AI1115" t="s">
        <v>230</v>
      </c>
      <c r="AJ1115" t="s">
        <v>230</v>
      </c>
      <c r="AK1115" t="s">
        <v>230</v>
      </c>
      <c r="AL1115" t="s">
        <v>42</v>
      </c>
      <c r="AM1115" t="s">
        <v>205</v>
      </c>
      <c r="AN1115" t="s">
        <v>185</v>
      </c>
      <c r="AO1115" t="s">
        <v>183</v>
      </c>
      <c r="AP1115" s="1">
        <v>0</v>
      </c>
      <c r="AQ1115" t="s">
        <v>201</v>
      </c>
      <c r="AR1115" t="s">
        <v>206</v>
      </c>
      <c r="AS1115" t="s">
        <v>204</v>
      </c>
      <c r="AT1115" t="s">
        <v>184</v>
      </c>
      <c r="AU1115" t="s">
        <v>182</v>
      </c>
      <c r="AV1115" s="1">
        <v>0</v>
      </c>
      <c r="AX1115" t="s">
        <v>186</v>
      </c>
      <c r="AZ1115" t="s">
        <v>207</v>
      </c>
      <c r="BF1115" t="s">
        <v>210</v>
      </c>
      <c r="BG1115" s="1">
        <v>0</v>
      </c>
      <c r="BH1115" t="s">
        <v>211</v>
      </c>
      <c r="BK1115" t="s">
        <v>191</v>
      </c>
      <c r="BL1115" t="s">
        <v>575</v>
      </c>
      <c r="BM1115" t="s">
        <v>191</v>
      </c>
      <c r="BN1115" t="s">
        <v>4347</v>
      </c>
      <c r="BO1115" t="s">
        <v>191</v>
      </c>
      <c r="BP1115" t="s">
        <v>4348</v>
      </c>
      <c r="BQ1115" t="s">
        <v>4349</v>
      </c>
    </row>
    <row r="1116" spans="1:69" x14ac:dyDescent="0.25">
      <c r="A1116" s="1">
        <v>30450816</v>
      </c>
      <c r="B1116" t="s">
        <v>2220</v>
      </c>
      <c r="C1116" t="s">
        <v>39</v>
      </c>
      <c r="D1116" t="s">
        <v>1616</v>
      </c>
      <c r="E1116" t="s">
        <v>200</v>
      </c>
      <c r="L1116" t="s">
        <v>52</v>
      </c>
      <c r="M1116" s="1">
        <v>0</v>
      </c>
      <c r="N1116" s="1">
        <v>0</v>
      </c>
      <c r="O1116" t="s">
        <v>1616</v>
      </c>
      <c r="P1116" t="s">
        <v>216</v>
      </c>
      <c r="Q1116" t="s">
        <v>258</v>
      </c>
      <c r="S1116" s="1">
        <v>0</v>
      </c>
      <c r="T1116" t="s">
        <v>200</v>
      </c>
      <c r="Y1116" t="s">
        <v>224</v>
      </c>
      <c r="Z1116" t="s">
        <v>244</v>
      </c>
      <c r="AC1116" t="s">
        <v>199</v>
      </c>
      <c r="AD1116" s="1">
        <v>0</v>
      </c>
      <c r="AE1116" s="1">
        <v>0</v>
      </c>
      <c r="AF1116" s="1">
        <v>0</v>
      </c>
      <c r="AG1116" s="1">
        <v>0</v>
      </c>
      <c r="AH1116" s="1">
        <v>0</v>
      </c>
      <c r="AI1116" s="1">
        <v>0</v>
      </c>
      <c r="AJ1116" s="1">
        <v>0</v>
      </c>
      <c r="AK1116" s="1">
        <v>0</v>
      </c>
      <c r="AL1116" s="1">
        <v>0</v>
      </c>
      <c r="AM1116" s="1">
        <v>0</v>
      </c>
      <c r="AN1116" s="1">
        <v>0</v>
      </c>
      <c r="AO1116" s="1">
        <v>0</v>
      </c>
      <c r="AP1116" s="1">
        <v>0</v>
      </c>
      <c r="AQ1116" s="1">
        <v>0</v>
      </c>
      <c r="AR1116" s="1">
        <v>0</v>
      </c>
      <c r="AS1116" s="1">
        <v>0</v>
      </c>
      <c r="AT1116" s="1">
        <v>0</v>
      </c>
      <c r="AU1116" s="1">
        <v>0</v>
      </c>
      <c r="AV1116" s="1">
        <v>0</v>
      </c>
      <c r="BF1116" s="1">
        <v>0</v>
      </c>
      <c r="BG1116" s="1">
        <v>0</v>
      </c>
      <c r="BH1116" s="1">
        <v>0</v>
      </c>
      <c r="BK1116" s="1">
        <v>0</v>
      </c>
      <c r="BM1116" s="1">
        <v>0</v>
      </c>
      <c r="BO1116" s="1">
        <v>0</v>
      </c>
    </row>
    <row r="1117" spans="1:69" x14ac:dyDescent="0.25">
      <c r="A1117" s="1">
        <v>30450821</v>
      </c>
      <c r="B1117" t="s">
        <v>2221</v>
      </c>
      <c r="C1117" t="s">
        <v>39</v>
      </c>
      <c r="D1117" t="s">
        <v>1616</v>
      </c>
      <c r="E1117" t="s">
        <v>175</v>
      </c>
      <c r="L1117" t="s">
        <v>52</v>
      </c>
      <c r="M1117" s="1">
        <v>0</v>
      </c>
      <c r="N1117" s="1">
        <v>0</v>
      </c>
      <c r="O1117" t="s">
        <v>1616</v>
      </c>
      <c r="P1117" t="s">
        <v>176</v>
      </c>
      <c r="Q1117" t="s">
        <v>238</v>
      </c>
      <c r="S1117" t="s">
        <v>178</v>
      </c>
      <c r="T1117" t="s">
        <v>175</v>
      </c>
      <c r="X1117" t="s">
        <v>179</v>
      </c>
      <c r="AC1117" t="s">
        <v>199</v>
      </c>
      <c r="AD1117" t="s">
        <v>175</v>
      </c>
      <c r="AE1117" t="s">
        <v>175</v>
      </c>
      <c r="AF1117" t="s">
        <v>230</v>
      </c>
      <c r="AG1117" t="s">
        <v>181</v>
      </c>
      <c r="AH1117" t="s">
        <v>175</v>
      </c>
      <c r="AI1117" t="s">
        <v>175</v>
      </c>
      <c r="AJ1117" t="s">
        <v>175</v>
      </c>
      <c r="AK1117" t="s">
        <v>175</v>
      </c>
      <c r="AL1117" t="s">
        <v>42</v>
      </c>
      <c r="AM1117" t="s">
        <v>182</v>
      </c>
      <c r="AN1117" t="s">
        <v>206</v>
      </c>
      <c r="AO1117" t="s">
        <v>184</v>
      </c>
      <c r="AP1117" t="s">
        <v>185</v>
      </c>
      <c r="AQ1117" t="s">
        <v>203</v>
      </c>
      <c r="AR1117" t="s">
        <v>202</v>
      </c>
      <c r="AS1117" t="s">
        <v>183</v>
      </c>
      <c r="AT1117" t="s">
        <v>205</v>
      </c>
      <c r="AU1117" t="s">
        <v>204</v>
      </c>
      <c r="AV1117" t="s">
        <v>201</v>
      </c>
      <c r="AX1117" t="s">
        <v>186</v>
      </c>
      <c r="AY1117" t="s">
        <v>187</v>
      </c>
      <c r="AZ1117" t="s">
        <v>207</v>
      </c>
      <c r="BA1117" t="s">
        <v>188</v>
      </c>
      <c r="BB1117" t="s">
        <v>208</v>
      </c>
      <c r="BC1117" t="s">
        <v>209</v>
      </c>
      <c r="BF1117" t="s">
        <v>49</v>
      </c>
      <c r="BG1117" s="1">
        <v>0</v>
      </c>
      <c r="BH1117" t="s">
        <v>247</v>
      </c>
      <c r="BK1117" t="s">
        <v>191</v>
      </c>
      <c r="BL1117" t="s">
        <v>2222</v>
      </c>
      <c r="BM1117" t="s">
        <v>191</v>
      </c>
      <c r="BN1117" t="s">
        <v>2223</v>
      </c>
      <c r="BO1117" t="s">
        <v>191</v>
      </c>
      <c r="BP1117" t="s">
        <v>2224</v>
      </c>
      <c r="BQ1117" t="s">
        <v>2225</v>
      </c>
    </row>
    <row r="1118" spans="1:69" x14ac:dyDescent="0.25">
      <c r="A1118" s="1">
        <v>30450833</v>
      </c>
      <c r="B1118" t="s">
        <v>722</v>
      </c>
      <c r="C1118" t="s">
        <v>39</v>
      </c>
      <c r="D1118" t="s">
        <v>174</v>
      </c>
      <c r="E1118" t="s">
        <v>175</v>
      </c>
      <c r="L1118" t="s">
        <v>52</v>
      </c>
      <c r="M1118" s="1">
        <v>0</v>
      </c>
      <c r="N1118" s="1">
        <v>0</v>
      </c>
      <c r="O1118" t="s">
        <v>174</v>
      </c>
      <c r="P1118" t="s">
        <v>176</v>
      </c>
      <c r="Q1118" t="s">
        <v>258</v>
      </c>
      <c r="S1118" t="s">
        <v>178</v>
      </c>
      <c r="T1118" t="s">
        <v>175</v>
      </c>
      <c r="W1118" t="s">
        <v>262</v>
      </c>
      <c r="AC1118" t="s">
        <v>609</v>
      </c>
      <c r="AD1118" t="s">
        <v>181</v>
      </c>
      <c r="AE1118" t="s">
        <v>181</v>
      </c>
      <c r="AF1118" t="s">
        <v>299</v>
      </c>
      <c r="AG1118" t="s">
        <v>299</v>
      </c>
      <c r="AH1118" t="s">
        <v>181</v>
      </c>
      <c r="AI1118" t="s">
        <v>181</v>
      </c>
      <c r="AJ1118" t="s">
        <v>181</v>
      </c>
      <c r="AK1118" t="s">
        <v>181</v>
      </c>
      <c r="AL1118" t="s">
        <v>52</v>
      </c>
      <c r="AM1118" t="s">
        <v>201</v>
      </c>
      <c r="AN1118" t="s">
        <v>182</v>
      </c>
      <c r="AO1118" t="s">
        <v>185</v>
      </c>
      <c r="AP1118" t="s">
        <v>206</v>
      </c>
      <c r="AQ1118" t="s">
        <v>183</v>
      </c>
      <c r="AR1118" t="s">
        <v>203</v>
      </c>
      <c r="AS1118" t="s">
        <v>202</v>
      </c>
      <c r="AT1118" t="s">
        <v>204</v>
      </c>
      <c r="AU1118" t="s">
        <v>205</v>
      </c>
      <c r="AV1118" t="s">
        <v>184</v>
      </c>
      <c r="BC1118" t="s">
        <v>209</v>
      </c>
      <c r="BF1118" t="s">
        <v>232</v>
      </c>
      <c r="BG1118" t="s">
        <v>301</v>
      </c>
      <c r="BH1118" t="s">
        <v>211</v>
      </c>
      <c r="BK1118" t="s">
        <v>191</v>
      </c>
      <c r="BM1118" t="s">
        <v>191</v>
      </c>
      <c r="BO1118" t="s">
        <v>218</v>
      </c>
    </row>
    <row r="1119" spans="1:69" x14ac:dyDescent="0.25">
      <c r="A1119" s="1">
        <v>30450838</v>
      </c>
      <c r="B1119" t="s">
        <v>4350</v>
      </c>
      <c r="C1119" t="s">
        <v>39</v>
      </c>
      <c r="D1119" t="s">
        <v>3727</v>
      </c>
      <c r="E1119" t="s">
        <v>200</v>
      </c>
      <c r="L1119" t="s">
        <v>52</v>
      </c>
      <c r="M1119" s="1">
        <v>0</v>
      </c>
      <c r="N1119" s="1">
        <v>0</v>
      </c>
      <c r="O1119" t="s">
        <v>3728</v>
      </c>
      <c r="P1119" t="s">
        <v>176</v>
      </c>
      <c r="Q1119" t="s">
        <v>273</v>
      </c>
      <c r="R1119" t="s">
        <v>4351</v>
      </c>
      <c r="S1119" t="s">
        <v>178</v>
      </c>
      <c r="T1119" t="s">
        <v>200</v>
      </c>
      <c r="Y1119" t="s">
        <v>224</v>
      </c>
      <c r="AC1119" t="s">
        <v>180</v>
      </c>
      <c r="AD1119" t="s">
        <v>200</v>
      </c>
      <c r="AE1119" t="s">
        <v>200</v>
      </c>
      <c r="AF1119" t="s">
        <v>200</v>
      </c>
      <c r="AG1119" t="s">
        <v>200</v>
      </c>
      <c r="AH1119" t="s">
        <v>200</v>
      </c>
      <c r="AI1119" t="s">
        <v>200</v>
      </c>
      <c r="AJ1119" t="s">
        <v>200</v>
      </c>
      <c r="AK1119" t="s">
        <v>200</v>
      </c>
      <c r="AL1119" t="s">
        <v>52</v>
      </c>
      <c r="AM1119" s="1">
        <v>0</v>
      </c>
      <c r="AN1119" t="s">
        <v>184</v>
      </c>
      <c r="AO1119" t="s">
        <v>182</v>
      </c>
      <c r="AP1119" s="1">
        <v>0</v>
      </c>
      <c r="AQ1119" s="1">
        <v>0</v>
      </c>
      <c r="AR1119" s="1">
        <v>0</v>
      </c>
      <c r="AS1119" s="1">
        <v>0</v>
      </c>
      <c r="AT1119" t="s">
        <v>185</v>
      </c>
      <c r="AU1119" s="1">
        <v>0</v>
      </c>
      <c r="AV1119" s="1">
        <v>0</v>
      </c>
      <c r="BF1119" t="s">
        <v>49</v>
      </c>
      <c r="BG1119" s="1">
        <v>0</v>
      </c>
      <c r="BH1119" t="s">
        <v>211</v>
      </c>
      <c r="BK1119" s="1">
        <v>0</v>
      </c>
      <c r="BL1119" t="s">
        <v>4352</v>
      </c>
      <c r="BM1119" t="s">
        <v>191</v>
      </c>
      <c r="BN1119" t="s">
        <v>4353</v>
      </c>
      <c r="BO1119" t="s">
        <v>191</v>
      </c>
    </row>
    <row r="1120" spans="1:69" x14ac:dyDescent="0.25">
      <c r="A1120" s="1">
        <v>30450853</v>
      </c>
      <c r="B1120" t="s">
        <v>4354</v>
      </c>
      <c r="C1120" t="s">
        <v>39</v>
      </c>
      <c r="D1120" t="s">
        <v>3727</v>
      </c>
      <c r="E1120" t="s">
        <v>216</v>
      </c>
      <c r="L1120" t="s">
        <v>52</v>
      </c>
      <c r="M1120" s="1">
        <v>0</v>
      </c>
      <c r="N1120" s="1">
        <v>0</v>
      </c>
      <c r="O1120" t="s">
        <v>3728</v>
      </c>
      <c r="P1120" t="s">
        <v>216</v>
      </c>
      <c r="Q1120" t="s">
        <v>322</v>
      </c>
      <c r="S1120" s="1">
        <v>0</v>
      </c>
      <c r="T1120" t="s">
        <v>297</v>
      </c>
      <c r="U1120" t="s">
        <v>4355</v>
      </c>
      <c r="X1120" t="s">
        <v>179</v>
      </c>
      <c r="AC1120" t="s">
        <v>266</v>
      </c>
      <c r="AD1120" t="s">
        <v>230</v>
      </c>
      <c r="AE1120" t="s">
        <v>230</v>
      </c>
      <c r="AF1120" t="s">
        <v>230</v>
      </c>
      <c r="AG1120" t="s">
        <v>200</v>
      </c>
      <c r="AH1120" t="s">
        <v>200</v>
      </c>
      <c r="AI1120" t="s">
        <v>200</v>
      </c>
      <c r="AJ1120" t="s">
        <v>200</v>
      </c>
      <c r="AK1120" t="s">
        <v>230</v>
      </c>
      <c r="AL1120" t="s">
        <v>52</v>
      </c>
      <c r="AM1120" t="s">
        <v>185</v>
      </c>
      <c r="AN1120" t="s">
        <v>182</v>
      </c>
      <c r="AO1120" t="s">
        <v>206</v>
      </c>
      <c r="AP1120" t="s">
        <v>184</v>
      </c>
      <c r="AQ1120" t="s">
        <v>202</v>
      </c>
      <c r="AR1120" t="s">
        <v>203</v>
      </c>
      <c r="AS1120" t="s">
        <v>205</v>
      </c>
      <c r="AT1120" t="s">
        <v>183</v>
      </c>
      <c r="AU1120" t="s">
        <v>201</v>
      </c>
      <c r="AV1120" t="s">
        <v>204</v>
      </c>
      <c r="BB1120" t="s">
        <v>208</v>
      </c>
      <c r="BF1120" t="s">
        <v>189</v>
      </c>
      <c r="BG1120" s="1">
        <v>0</v>
      </c>
      <c r="BH1120" t="s">
        <v>302</v>
      </c>
      <c r="BI1120" t="s">
        <v>4356</v>
      </c>
      <c r="BK1120" t="s">
        <v>191</v>
      </c>
      <c r="BL1120" t="s">
        <v>4357</v>
      </c>
      <c r="BM1120" t="s">
        <v>191</v>
      </c>
      <c r="BN1120" t="s">
        <v>4357</v>
      </c>
      <c r="BO1120" t="s">
        <v>191</v>
      </c>
      <c r="BP1120" t="s">
        <v>4358</v>
      </c>
      <c r="BQ1120" t="s">
        <v>4359</v>
      </c>
    </row>
    <row r="1121" spans="1:69" x14ac:dyDescent="0.25">
      <c r="A1121" s="1">
        <v>30450869</v>
      </c>
      <c r="B1121" t="s">
        <v>2937</v>
      </c>
      <c r="C1121" t="s">
        <v>39</v>
      </c>
      <c r="D1121" t="s">
        <v>2512</v>
      </c>
      <c r="E1121" t="s">
        <v>195</v>
      </c>
      <c r="L1121" t="s">
        <v>52</v>
      </c>
      <c r="M1121" s="1">
        <v>0</v>
      </c>
      <c r="N1121" s="1">
        <v>0</v>
      </c>
      <c r="O1121" t="s">
        <v>2512</v>
      </c>
      <c r="P1121" t="s">
        <v>176</v>
      </c>
      <c r="Q1121" t="s">
        <v>238</v>
      </c>
      <c r="S1121" t="s">
        <v>178</v>
      </c>
      <c r="T1121" t="s">
        <v>197</v>
      </c>
      <c r="U1121" t="s">
        <v>2938</v>
      </c>
      <c r="X1121" t="s">
        <v>179</v>
      </c>
      <c r="AC1121" t="s">
        <v>199</v>
      </c>
      <c r="AD1121" t="s">
        <v>181</v>
      </c>
      <c r="AE1121" t="s">
        <v>181</v>
      </c>
      <c r="AF1121" t="s">
        <v>181</v>
      </c>
      <c r="AG1121" t="s">
        <v>230</v>
      </c>
      <c r="AH1121" t="s">
        <v>200</v>
      </c>
      <c r="AI1121" t="s">
        <v>200</v>
      </c>
      <c r="AJ1121" t="s">
        <v>200</v>
      </c>
      <c r="AK1121" t="s">
        <v>200</v>
      </c>
      <c r="AL1121" t="s">
        <v>42</v>
      </c>
      <c r="AM1121" t="s">
        <v>185</v>
      </c>
      <c r="AN1121" t="s">
        <v>204</v>
      </c>
      <c r="AO1121" t="s">
        <v>206</v>
      </c>
      <c r="AP1121" t="s">
        <v>184</v>
      </c>
      <c r="AQ1121" t="s">
        <v>201</v>
      </c>
      <c r="AR1121" t="s">
        <v>205</v>
      </c>
      <c r="AS1121" t="s">
        <v>182</v>
      </c>
      <c r="AT1121" t="s">
        <v>202</v>
      </c>
      <c r="AU1121" t="s">
        <v>203</v>
      </c>
      <c r="AV1121" t="s">
        <v>183</v>
      </c>
      <c r="AW1121" t="s">
        <v>2939</v>
      </c>
      <c r="AX1121" t="s">
        <v>186</v>
      </c>
      <c r="AY1121" t="s">
        <v>187</v>
      </c>
      <c r="AZ1121" t="s">
        <v>207</v>
      </c>
      <c r="BA1121" t="s">
        <v>188</v>
      </c>
      <c r="BB1121" t="s">
        <v>208</v>
      </c>
      <c r="BC1121" t="s">
        <v>209</v>
      </c>
      <c r="BF1121" t="s">
        <v>49</v>
      </c>
      <c r="BG1121" s="1">
        <v>0</v>
      </c>
      <c r="BH1121" t="s">
        <v>211</v>
      </c>
      <c r="BK1121" t="s">
        <v>191</v>
      </c>
      <c r="BM1121" t="s">
        <v>191</v>
      </c>
      <c r="BO1121" t="s">
        <v>191</v>
      </c>
      <c r="BQ1121" t="s">
        <v>2940</v>
      </c>
    </row>
    <row r="1122" spans="1:69" x14ac:dyDescent="0.25">
      <c r="A1122" s="1">
        <v>30450877</v>
      </c>
      <c r="B1122" t="s">
        <v>2226</v>
      </c>
      <c r="C1122" t="s">
        <v>39</v>
      </c>
      <c r="D1122" t="s">
        <v>1616</v>
      </c>
      <c r="E1122" t="s">
        <v>216</v>
      </c>
      <c r="L1122" t="s">
        <v>52</v>
      </c>
      <c r="M1122" s="1">
        <v>0</v>
      </c>
      <c r="N1122" s="1">
        <v>0</v>
      </c>
      <c r="O1122" t="s">
        <v>1616</v>
      </c>
      <c r="P1122" t="s">
        <v>216</v>
      </c>
      <c r="Q1122" t="s">
        <v>322</v>
      </c>
      <c r="S1122" s="1">
        <v>0</v>
      </c>
      <c r="T1122" t="s">
        <v>197</v>
      </c>
      <c r="U1122" t="s">
        <v>2227</v>
      </c>
      <c r="Y1122" t="s">
        <v>224</v>
      </c>
      <c r="AC1122" t="s">
        <v>199</v>
      </c>
      <c r="AD1122" t="s">
        <v>175</v>
      </c>
      <c r="AE1122" t="s">
        <v>181</v>
      </c>
      <c r="AF1122" t="s">
        <v>181</v>
      </c>
      <c r="AG1122" t="s">
        <v>175</v>
      </c>
      <c r="AH1122" t="s">
        <v>175</v>
      </c>
      <c r="AI1122" t="s">
        <v>175</v>
      </c>
      <c r="AJ1122" t="s">
        <v>175</v>
      </c>
      <c r="AK1122" t="s">
        <v>181</v>
      </c>
      <c r="AL1122" t="s">
        <v>42</v>
      </c>
      <c r="AM1122" t="s">
        <v>182</v>
      </c>
      <c r="AN1122" t="s">
        <v>204</v>
      </c>
      <c r="AO1122" t="s">
        <v>185</v>
      </c>
      <c r="AP1122" t="s">
        <v>184</v>
      </c>
      <c r="AQ1122" t="s">
        <v>201</v>
      </c>
      <c r="AR1122" t="s">
        <v>183</v>
      </c>
      <c r="AS1122" t="s">
        <v>203</v>
      </c>
      <c r="AT1122" t="s">
        <v>202</v>
      </c>
      <c r="AU1122" t="s">
        <v>205</v>
      </c>
      <c r="AV1122" t="s">
        <v>206</v>
      </c>
      <c r="AY1122" t="s">
        <v>187</v>
      </c>
      <c r="AZ1122" t="s">
        <v>207</v>
      </c>
      <c r="BF1122" t="s">
        <v>210</v>
      </c>
      <c r="BG1122" s="1">
        <v>0</v>
      </c>
      <c r="BH1122" t="s">
        <v>211</v>
      </c>
      <c r="BK1122" t="s">
        <v>191</v>
      </c>
      <c r="BL1122" t="s">
        <v>2228</v>
      </c>
      <c r="BM1122" t="s">
        <v>191</v>
      </c>
      <c r="BN1122" t="s">
        <v>2229</v>
      </c>
      <c r="BO1122" t="s">
        <v>191</v>
      </c>
      <c r="BP1122" t="s">
        <v>2230</v>
      </c>
    </row>
    <row r="1123" spans="1:69" x14ac:dyDescent="0.25">
      <c r="A1123" s="1">
        <v>30450893</v>
      </c>
      <c r="B1123" t="s">
        <v>2941</v>
      </c>
      <c r="C1123" t="s">
        <v>39</v>
      </c>
      <c r="D1123" t="s">
        <v>2512</v>
      </c>
      <c r="E1123" t="s">
        <v>175</v>
      </c>
      <c r="L1123" t="s">
        <v>52</v>
      </c>
      <c r="M1123" s="1">
        <v>0</v>
      </c>
      <c r="N1123" s="1">
        <v>0</v>
      </c>
      <c r="O1123" t="s">
        <v>2512</v>
      </c>
      <c r="P1123" t="s">
        <v>216</v>
      </c>
      <c r="Q1123" t="s">
        <v>238</v>
      </c>
      <c r="S1123" s="1">
        <v>0</v>
      </c>
      <c r="T1123" t="s">
        <v>175</v>
      </c>
      <c r="Y1123" t="s">
        <v>224</v>
      </c>
      <c r="Z1123" t="s">
        <v>244</v>
      </c>
      <c r="AC1123" t="s">
        <v>180</v>
      </c>
      <c r="AD1123" t="s">
        <v>175</v>
      </c>
      <c r="AE1123" t="s">
        <v>175</v>
      </c>
      <c r="AF1123" t="s">
        <v>175</v>
      </c>
      <c r="AG1123" t="s">
        <v>175</v>
      </c>
      <c r="AH1123" t="s">
        <v>175</v>
      </c>
      <c r="AI1123" t="s">
        <v>175</v>
      </c>
      <c r="AJ1123" t="s">
        <v>175</v>
      </c>
      <c r="AK1123" t="s">
        <v>175</v>
      </c>
      <c r="AL1123" t="s">
        <v>52</v>
      </c>
      <c r="AM1123" t="s">
        <v>184</v>
      </c>
      <c r="AN1123" t="s">
        <v>183</v>
      </c>
      <c r="AO1123" t="s">
        <v>182</v>
      </c>
      <c r="AP1123" t="s">
        <v>185</v>
      </c>
      <c r="AQ1123" t="s">
        <v>202</v>
      </c>
      <c r="AR1123" t="s">
        <v>203</v>
      </c>
      <c r="AS1123" t="s">
        <v>205</v>
      </c>
      <c r="AT1123" t="s">
        <v>204</v>
      </c>
      <c r="AU1123" t="s">
        <v>201</v>
      </c>
      <c r="AV1123" t="s">
        <v>206</v>
      </c>
      <c r="AX1123" t="s">
        <v>186</v>
      </c>
      <c r="AY1123" t="s">
        <v>187</v>
      </c>
      <c r="AZ1123" t="s">
        <v>207</v>
      </c>
      <c r="BA1123" t="s">
        <v>188</v>
      </c>
      <c r="BB1123" t="s">
        <v>208</v>
      </c>
      <c r="BC1123" t="s">
        <v>209</v>
      </c>
      <c r="BF1123" s="1">
        <v>0</v>
      </c>
      <c r="BG1123" s="1">
        <v>0</v>
      </c>
      <c r="BH1123" t="s">
        <v>211</v>
      </c>
      <c r="BK1123" t="s">
        <v>191</v>
      </c>
      <c r="BM1123" t="s">
        <v>191</v>
      </c>
      <c r="BO1123" t="s">
        <v>191</v>
      </c>
    </row>
    <row r="1124" spans="1:69" x14ac:dyDescent="0.25">
      <c r="A1124" s="1">
        <v>30450898</v>
      </c>
      <c r="B1124" t="s">
        <v>2231</v>
      </c>
      <c r="C1124" t="s">
        <v>39</v>
      </c>
      <c r="D1124" t="s">
        <v>1616</v>
      </c>
      <c r="E1124" t="s">
        <v>216</v>
      </c>
      <c r="L1124" t="s">
        <v>52</v>
      </c>
      <c r="M1124" s="1">
        <v>0</v>
      </c>
      <c r="N1124" s="1">
        <v>0</v>
      </c>
      <c r="O1124" t="s">
        <v>1616</v>
      </c>
      <c r="P1124" t="s">
        <v>216</v>
      </c>
      <c r="Q1124" s="1">
        <v>0</v>
      </c>
      <c r="S1124" s="1">
        <v>0</v>
      </c>
      <c r="T1124" s="1">
        <v>0</v>
      </c>
      <c r="AC1124" s="1">
        <v>0</v>
      </c>
      <c r="AD1124" s="1">
        <v>0</v>
      </c>
      <c r="AE1124" s="1">
        <v>0</v>
      </c>
      <c r="AF1124" s="1">
        <v>0</v>
      </c>
      <c r="AG1124" s="1">
        <v>0</v>
      </c>
      <c r="AH1124" s="1">
        <v>0</v>
      </c>
      <c r="AI1124" s="1">
        <v>0</v>
      </c>
      <c r="AJ1124" s="1">
        <v>0</v>
      </c>
      <c r="AK1124" s="1">
        <v>0</v>
      </c>
      <c r="AL1124" s="1">
        <v>0</v>
      </c>
      <c r="AM1124" s="1">
        <v>0</v>
      </c>
      <c r="AN1124" s="1">
        <v>0</v>
      </c>
      <c r="AO1124" s="1">
        <v>0</v>
      </c>
      <c r="AP1124" s="1">
        <v>0</v>
      </c>
      <c r="AQ1124" s="1">
        <v>0</v>
      </c>
      <c r="AR1124" s="1">
        <v>0</v>
      </c>
      <c r="AS1124" s="1">
        <v>0</v>
      </c>
      <c r="AT1124" s="1">
        <v>0</v>
      </c>
      <c r="AU1124" s="1">
        <v>0</v>
      </c>
      <c r="AV1124" s="1">
        <v>0</v>
      </c>
      <c r="BF1124" s="1">
        <v>0</v>
      </c>
      <c r="BG1124" s="1">
        <v>0</v>
      </c>
      <c r="BH1124" s="1">
        <v>0</v>
      </c>
      <c r="BK1124" s="1">
        <v>0</v>
      </c>
      <c r="BM1124" s="1">
        <v>0</v>
      </c>
      <c r="BO1124" s="1">
        <v>0</v>
      </c>
    </row>
    <row r="1125" spans="1:69" x14ac:dyDescent="0.25">
      <c r="A1125" s="1">
        <v>30450912</v>
      </c>
      <c r="B1125" t="s">
        <v>4360</v>
      </c>
      <c r="C1125" t="s">
        <v>39</v>
      </c>
      <c r="D1125" t="s">
        <v>3727</v>
      </c>
      <c r="E1125" t="s">
        <v>175</v>
      </c>
      <c r="L1125" t="s">
        <v>52</v>
      </c>
      <c r="M1125" s="1">
        <v>0</v>
      </c>
      <c r="N1125" s="1">
        <v>0</v>
      </c>
      <c r="O1125" t="s">
        <v>3728</v>
      </c>
      <c r="P1125" t="s">
        <v>176</v>
      </c>
      <c r="Q1125" t="s">
        <v>322</v>
      </c>
      <c r="S1125" t="s">
        <v>178</v>
      </c>
      <c r="T1125" t="s">
        <v>175</v>
      </c>
      <c r="X1125" t="s">
        <v>179</v>
      </c>
      <c r="AC1125" t="s">
        <v>180</v>
      </c>
      <c r="AD1125" t="s">
        <v>200</v>
      </c>
      <c r="AE1125" t="s">
        <v>200</v>
      </c>
      <c r="AF1125" t="s">
        <v>200</v>
      </c>
      <c r="AG1125" t="s">
        <v>200</v>
      </c>
      <c r="AH1125" t="s">
        <v>200</v>
      </c>
      <c r="AI1125" t="s">
        <v>200</v>
      </c>
      <c r="AJ1125" t="s">
        <v>200</v>
      </c>
      <c r="AK1125" t="s">
        <v>200</v>
      </c>
      <c r="AL1125" s="1">
        <v>0</v>
      </c>
      <c r="AM1125" s="1">
        <v>0</v>
      </c>
      <c r="AN1125" s="1">
        <v>0</v>
      </c>
      <c r="AO1125" s="1">
        <v>0</v>
      </c>
      <c r="AP1125" s="1">
        <v>0</v>
      </c>
      <c r="AQ1125" s="1">
        <v>0</v>
      </c>
      <c r="AR1125" s="1">
        <v>0</v>
      </c>
      <c r="AS1125" s="1">
        <v>0</v>
      </c>
      <c r="AT1125" s="1">
        <v>0</v>
      </c>
      <c r="AU1125" s="1">
        <v>0</v>
      </c>
      <c r="AV1125" s="1">
        <v>0</v>
      </c>
      <c r="BF1125" s="1">
        <v>0</v>
      </c>
      <c r="BG1125" s="1">
        <v>0</v>
      </c>
      <c r="BH1125" s="1">
        <v>0</v>
      </c>
      <c r="BK1125" s="1">
        <v>0</v>
      </c>
      <c r="BM1125" s="1">
        <v>0</v>
      </c>
      <c r="BO1125" s="1">
        <v>0</v>
      </c>
    </row>
    <row r="1126" spans="1:69" x14ac:dyDescent="0.25">
      <c r="A1126" s="1">
        <v>30450919</v>
      </c>
      <c r="B1126" t="s">
        <v>3554</v>
      </c>
      <c r="C1126" t="s">
        <v>39</v>
      </c>
      <c r="D1126" t="s">
        <v>3138</v>
      </c>
      <c r="E1126" t="s">
        <v>175</v>
      </c>
      <c r="L1126" t="s">
        <v>52</v>
      </c>
      <c r="M1126" s="1">
        <v>0</v>
      </c>
      <c r="N1126" s="1">
        <v>0</v>
      </c>
      <c r="O1126" t="s">
        <v>3139</v>
      </c>
      <c r="P1126" t="s">
        <v>176</v>
      </c>
      <c r="Q1126" t="s">
        <v>238</v>
      </c>
      <c r="S1126" t="s">
        <v>349</v>
      </c>
      <c r="T1126" t="s">
        <v>175</v>
      </c>
      <c r="X1126" t="s">
        <v>179</v>
      </c>
      <c r="AC1126" t="s">
        <v>199</v>
      </c>
      <c r="AD1126" t="s">
        <v>175</v>
      </c>
      <c r="AE1126" t="s">
        <v>181</v>
      </c>
      <c r="AF1126" t="s">
        <v>175</v>
      </c>
      <c r="AG1126" t="s">
        <v>181</v>
      </c>
      <c r="AH1126" t="s">
        <v>200</v>
      </c>
      <c r="AI1126" t="s">
        <v>200</v>
      </c>
      <c r="AJ1126" t="s">
        <v>175</v>
      </c>
      <c r="AK1126" t="s">
        <v>181</v>
      </c>
      <c r="AL1126" t="s">
        <v>42</v>
      </c>
      <c r="AM1126" t="s">
        <v>184</v>
      </c>
      <c r="AN1126" t="s">
        <v>201</v>
      </c>
      <c r="AO1126" t="s">
        <v>185</v>
      </c>
      <c r="AP1126" t="s">
        <v>182</v>
      </c>
      <c r="AQ1126" t="s">
        <v>204</v>
      </c>
      <c r="AR1126" t="s">
        <v>202</v>
      </c>
      <c r="AS1126" t="s">
        <v>203</v>
      </c>
      <c r="AT1126" t="s">
        <v>205</v>
      </c>
      <c r="AU1126" t="s">
        <v>206</v>
      </c>
      <c r="AV1126" t="s">
        <v>183</v>
      </c>
      <c r="AX1126" t="s">
        <v>186</v>
      </c>
      <c r="AZ1126" t="s">
        <v>207</v>
      </c>
      <c r="BC1126" t="s">
        <v>209</v>
      </c>
      <c r="BF1126" t="s">
        <v>210</v>
      </c>
      <c r="BG1126" s="1">
        <v>0</v>
      </c>
      <c r="BH1126" t="s">
        <v>211</v>
      </c>
      <c r="BK1126" t="s">
        <v>191</v>
      </c>
      <c r="BL1126" t="s">
        <v>3555</v>
      </c>
      <c r="BM1126" t="s">
        <v>191</v>
      </c>
      <c r="BN1126" t="s">
        <v>3556</v>
      </c>
      <c r="BO1126" t="s">
        <v>191</v>
      </c>
      <c r="BP1126" t="s">
        <v>3557</v>
      </c>
      <c r="BQ1126" t="s">
        <v>3558</v>
      </c>
    </row>
    <row r="1127" spans="1:69" x14ac:dyDescent="0.25">
      <c r="A1127" s="1">
        <v>30450921</v>
      </c>
      <c r="B1127" t="s">
        <v>2232</v>
      </c>
      <c r="C1127" t="s">
        <v>39</v>
      </c>
      <c r="D1127" t="s">
        <v>1616</v>
      </c>
      <c r="E1127" t="s">
        <v>175</v>
      </c>
      <c r="L1127" t="s">
        <v>52</v>
      </c>
      <c r="M1127" s="1">
        <v>0</v>
      </c>
      <c r="N1127" s="1">
        <v>0</v>
      </c>
      <c r="O1127" t="s">
        <v>1616</v>
      </c>
      <c r="P1127" t="s">
        <v>216</v>
      </c>
      <c r="Q1127" t="s">
        <v>322</v>
      </c>
      <c r="S1127" s="1">
        <v>0</v>
      </c>
      <c r="T1127" t="s">
        <v>175</v>
      </c>
      <c r="X1127" t="s">
        <v>179</v>
      </c>
      <c r="AC1127" t="s">
        <v>199</v>
      </c>
      <c r="AD1127" t="s">
        <v>181</v>
      </c>
      <c r="AE1127" t="s">
        <v>175</v>
      </c>
      <c r="AF1127" t="s">
        <v>181</v>
      </c>
      <c r="AG1127" t="s">
        <v>181</v>
      </c>
      <c r="AH1127" t="s">
        <v>175</v>
      </c>
      <c r="AI1127" t="s">
        <v>175</v>
      </c>
      <c r="AJ1127" t="s">
        <v>175</v>
      </c>
      <c r="AK1127" t="s">
        <v>175</v>
      </c>
      <c r="AL1127" t="s">
        <v>42</v>
      </c>
      <c r="AM1127" s="1">
        <v>0</v>
      </c>
      <c r="AN1127" s="1">
        <v>0</v>
      </c>
      <c r="AO1127" s="1">
        <v>0</v>
      </c>
      <c r="AP1127" s="1">
        <v>0</v>
      </c>
      <c r="AQ1127" s="1">
        <v>0</v>
      </c>
      <c r="AR1127" s="1">
        <v>0</v>
      </c>
      <c r="AS1127" s="1">
        <v>0</v>
      </c>
      <c r="AT1127" s="1">
        <v>0</v>
      </c>
      <c r="AU1127" s="1">
        <v>0</v>
      </c>
      <c r="AV1127" s="1">
        <v>0</v>
      </c>
      <c r="BF1127" s="1">
        <v>0</v>
      </c>
      <c r="BG1127" s="1">
        <v>0</v>
      </c>
      <c r="BH1127" s="1">
        <v>0</v>
      </c>
      <c r="BK1127" s="1">
        <v>0</v>
      </c>
      <c r="BM1127" s="1">
        <v>0</v>
      </c>
      <c r="BO1127" s="1">
        <v>0</v>
      </c>
    </row>
    <row r="1128" spans="1:69" x14ac:dyDescent="0.25">
      <c r="A1128" s="1">
        <v>30450922</v>
      </c>
      <c r="B1128" t="s">
        <v>3559</v>
      </c>
      <c r="C1128" t="s">
        <v>39</v>
      </c>
      <c r="D1128" t="s">
        <v>3138</v>
      </c>
      <c r="E1128" t="s">
        <v>200</v>
      </c>
      <c r="L1128" t="s">
        <v>52</v>
      </c>
      <c r="M1128" s="1">
        <v>0</v>
      </c>
      <c r="N1128" s="1">
        <v>0</v>
      </c>
      <c r="O1128" t="s">
        <v>3139</v>
      </c>
      <c r="P1128" t="s">
        <v>176</v>
      </c>
      <c r="Q1128" t="s">
        <v>177</v>
      </c>
      <c r="S1128" t="s">
        <v>178</v>
      </c>
      <c r="T1128" t="s">
        <v>200</v>
      </c>
      <c r="X1128" t="s">
        <v>179</v>
      </c>
      <c r="AC1128" t="s">
        <v>180</v>
      </c>
      <c r="AD1128" t="s">
        <v>175</v>
      </c>
      <c r="AE1128" t="s">
        <v>175</v>
      </c>
      <c r="AF1128" t="s">
        <v>175</v>
      </c>
      <c r="AG1128" t="s">
        <v>175</v>
      </c>
      <c r="AH1128" t="s">
        <v>175</v>
      </c>
      <c r="AI1128" t="s">
        <v>175</v>
      </c>
      <c r="AJ1128" t="s">
        <v>175</v>
      </c>
      <c r="AK1128" t="s">
        <v>175</v>
      </c>
      <c r="AL1128" t="s">
        <v>42</v>
      </c>
      <c r="AM1128" t="s">
        <v>201</v>
      </c>
      <c r="AN1128" t="s">
        <v>182</v>
      </c>
      <c r="AO1128" t="s">
        <v>184</v>
      </c>
      <c r="AP1128" t="s">
        <v>185</v>
      </c>
      <c r="AQ1128" s="1">
        <v>0</v>
      </c>
      <c r="AR1128" s="1">
        <v>0</v>
      </c>
      <c r="AS1128" s="1">
        <v>0</v>
      </c>
      <c r="AT1128" s="1">
        <v>0</v>
      </c>
      <c r="AU1128" s="1">
        <v>0</v>
      </c>
      <c r="AV1128" t="s">
        <v>183</v>
      </c>
      <c r="AX1128" t="s">
        <v>186</v>
      </c>
      <c r="AY1128" t="s">
        <v>187</v>
      </c>
      <c r="AZ1128" t="s">
        <v>207</v>
      </c>
      <c r="BC1128" t="s">
        <v>209</v>
      </c>
      <c r="BF1128" t="s">
        <v>210</v>
      </c>
      <c r="BG1128" s="1">
        <v>0</v>
      </c>
      <c r="BH1128" t="s">
        <v>247</v>
      </c>
      <c r="BK1128" t="s">
        <v>191</v>
      </c>
      <c r="BL1128" t="s">
        <v>3560</v>
      </c>
      <c r="BM1128" t="s">
        <v>191</v>
      </c>
      <c r="BN1128" t="s">
        <v>3561</v>
      </c>
      <c r="BO1128" t="s">
        <v>191</v>
      </c>
      <c r="BP1128" t="s">
        <v>3562</v>
      </c>
      <c r="BQ1128" t="s">
        <v>737</v>
      </c>
    </row>
    <row r="1129" spans="1:69" x14ac:dyDescent="0.25">
      <c r="A1129" s="1">
        <v>30450929</v>
      </c>
      <c r="B1129" t="s">
        <v>2942</v>
      </c>
      <c r="C1129" t="s">
        <v>39</v>
      </c>
      <c r="D1129" t="s">
        <v>2512</v>
      </c>
      <c r="E1129" t="s">
        <v>175</v>
      </c>
      <c r="L1129" t="s">
        <v>52</v>
      </c>
      <c r="M1129" s="1">
        <v>0</v>
      </c>
      <c r="N1129" s="1">
        <v>0</v>
      </c>
      <c r="O1129" t="s">
        <v>2512</v>
      </c>
      <c r="P1129" t="s">
        <v>216</v>
      </c>
      <c r="Q1129" t="s">
        <v>328</v>
      </c>
      <c r="S1129" s="1">
        <v>0</v>
      </c>
      <c r="T1129" t="s">
        <v>175</v>
      </c>
      <c r="X1129" t="s">
        <v>179</v>
      </c>
      <c r="AC1129" t="s">
        <v>199</v>
      </c>
      <c r="AD1129" s="1">
        <v>0</v>
      </c>
      <c r="AE1129" s="1">
        <v>0</v>
      </c>
      <c r="AF1129" s="1">
        <v>0</v>
      </c>
      <c r="AG1129" s="1">
        <v>0</v>
      </c>
      <c r="AH1129" s="1">
        <v>0</v>
      </c>
      <c r="AI1129" s="1">
        <v>0</v>
      </c>
      <c r="AJ1129" s="1">
        <v>0</v>
      </c>
      <c r="AK1129" s="1">
        <v>0</v>
      </c>
      <c r="AL1129" s="1">
        <v>0</v>
      </c>
      <c r="AM1129" s="1">
        <v>0</v>
      </c>
      <c r="AN1129" s="1">
        <v>0</v>
      </c>
      <c r="AO1129" s="1">
        <v>0</v>
      </c>
      <c r="AP1129" s="1">
        <v>0</v>
      </c>
      <c r="AQ1129" s="1">
        <v>0</v>
      </c>
      <c r="AR1129" s="1">
        <v>0</v>
      </c>
      <c r="AS1129" s="1">
        <v>0</v>
      </c>
      <c r="AT1129" s="1">
        <v>0</v>
      </c>
      <c r="AU1129" s="1">
        <v>0</v>
      </c>
      <c r="AV1129" s="1">
        <v>0</v>
      </c>
      <c r="BF1129" s="1">
        <v>0</v>
      </c>
      <c r="BG1129" s="1">
        <v>0</v>
      </c>
      <c r="BH1129" s="1">
        <v>0</v>
      </c>
      <c r="BK1129" s="1">
        <v>0</v>
      </c>
      <c r="BM1129" s="1">
        <v>0</v>
      </c>
      <c r="BO1129" s="1">
        <v>0</v>
      </c>
    </row>
    <row r="1130" spans="1:69" x14ac:dyDescent="0.25">
      <c r="A1130" s="1">
        <v>30450934</v>
      </c>
      <c r="B1130" t="s">
        <v>3563</v>
      </c>
      <c r="C1130" t="s">
        <v>39</v>
      </c>
      <c r="D1130" t="s">
        <v>3138</v>
      </c>
      <c r="E1130" t="s">
        <v>200</v>
      </c>
      <c r="L1130" t="s">
        <v>52</v>
      </c>
      <c r="M1130" s="1">
        <v>0</v>
      </c>
      <c r="N1130" s="1">
        <v>0</v>
      </c>
      <c r="O1130" t="s">
        <v>3139</v>
      </c>
      <c r="P1130" t="s">
        <v>176</v>
      </c>
      <c r="Q1130" t="s">
        <v>238</v>
      </c>
      <c r="S1130" t="s">
        <v>178</v>
      </c>
      <c r="T1130" t="s">
        <v>200</v>
      </c>
      <c r="AC1130" t="s">
        <v>180</v>
      </c>
      <c r="AD1130" t="s">
        <v>200</v>
      </c>
      <c r="AE1130" t="s">
        <v>200</v>
      </c>
      <c r="AF1130" t="s">
        <v>200</v>
      </c>
      <c r="AG1130" t="s">
        <v>200</v>
      </c>
      <c r="AH1130" t="s">
        <v>200</v>
      </c>
      <c r="AI1130" t="s">
        <v>200</v>
      </c>
      <c r="AJ1130" t="s">
        <v>200</v>
      </c>
      <c r="AK1130" t="s">
        <v>200</v>
      </c>
      <c r="AL1130" t="s">
        <v>52</v>
      </c>
      <c r="AM1130" t="s">
        <v>202</v>
      </c>
      <c r="AN1130" t="s">
        <v>183</v>
      </c>
      <c r="AO1130" t="s">
        <v>205</v>
      </c>
      <c r="AP1130" t="s">
        <v>204</v>
      </c>
      <c r="AQ1130" t="s">
        <v>185</v>
      </c>
      <c r="AR1130" t="s">
        <v>184</v>
      </c>
      <c r="AS1130" t="s">
        <v>182</v>
      </c>
      <c r="AT1130" t="s">
        <v>206</v>
      </c>
      <c r="AU1130" t="s">
        <v>201</v>
      </c>
      <c r="AV1130" t="s">
        <v>203</v>
      </c>
      <c r="BF1130" t="s">
        <v>210</v>
      </c>
      <c r="BG1130" s="1">
        <v>0</v>
      </c>
      <c r="BH1130" t="s">
        <v>211</v>
      </c>
      <c r="BK1130" t="s">
        <v>191</v>
      </c>
      <c r="BL1130" t="s">
        <v>3564</v>
      </c>
      <c r="BM1130" t="s">
        <v>218</v>
      </c>
      <c r="BO1130" t="s">
        <v>218</v>
      </c>
    </row>
    <row r="1131" spans="1:69" x14ac:dyDescent="0.25">
      <c r="A1131" s="1">
        <v>30450939</v>
      </c>
      <c r="B1131" t="s">
        <v>2233</v>
      </c>
      <c r="C1131" t="s">
        <v>39</v>
      </c>
      <c r="D1131" t="s">
        <v>1616</v>
      </c>
      <c r="E1131" t="s">
        <v>175</v>
      </c>
      <c r="L1131" t="s">
        <v>52</v>
      </c>
      <c r="M1131" s="1">
        <v>0</v>
      </c>
      <c r="N1131" s="1">
        <v>0</v>
      </c>
      <c r="O1131" t="s">
        <v>1616</v>
      </c>
      <c r="P1131" t="s">
        <v>216</v>
      </c>
      <c r="Q1131" t="s">
        <v>322</v>
      </c>
      <c r="S1131" s="1">
        <v>0</v>
      </c>
      <c r="T1131" t="s">
        <v>175</v>
      </c>
      <c r="X1131" t="s">
        <v>179</v>
      </c>
      <c r="AC1131" t="s">
        <v>180</v>
      </c>
      <c r="AD1131" t="s">
        <v>181</v>
      </c>
      <c r="AE1131" t="s">
        <v>181</v>
      </c>
      <c r="AF1131" t="s">
        <v>181</v>
      </c>
      <c r="AG1131" t="s">
        <v>181</v>
      </c>
      <c r="AH1131" t="s">
        <v>181</v>
      </c>
      <c r="AI1131" t="s">
        <v>181</v>
      </c>
      <c r="AJ1131" t="s">
        <v>181</v>
      </c>
      <c r="AK1131" t="s">
        <v>181</v>
      </c>
      <c r="AL1131" t="s">
        <v>42</v>
      </c>
      <c r="AM1131" t="s">
        <v>185</v>
      </c>
      <c r="AN1131" t="s">
        <v>201</v>
      </c>
      <c r="AO1131" t="s">
        <v>184</v>
      </c>
      <c r="AP1131" t="s">
        <v>182</v>
      </c>
      <c r="AQ1131" t="s">
        <v>202</v>
      </c>
      <c r="AR1131" t="s">
        <v>203</v>
      </c>
      <c r="AS1131" t="s">
        <v>204</v>
      </c>
      <c r="AT1131" t="s">
        <v>205</v>
      </c>
      <c r="AU1131" t="s">
        <v>206</v>
      </c>
      <c r="AV1131" t="s">
        <v>183</v>
      </c>
      <c r="AW1131" t="s">
        <v>2234</v>
      </c>
      <c r="AY1131" t="s">
        <v>187</v>
      </c>
      <c r="AZ1131" t="s">
        <v>207</v>
      </c>
      <c r="BA1131" t="s">
        <v>188</v>
      </c>
      <c r="BF1131" t="s">
        <v>232</v>
      </c>
      <c r="BG1131" t="s">
        <v>233</v>
      </c>
      <c r="BH1131" t="s">
        <v>211</v>
      </c>
      <c r="BK1131" t="s">
        <v>191</v>
      </c>
      <c r="BL1131" t="s">
        <v>2235</v>
      </c>
      <c r="BM1131" t="s">
        <v>191</v>
      </c>
      <c r="BN1131" t="s">
        <v>2236</v>
      </c>
      <c r="BO1131" t="s">
        <v>191</v>
      </c>
    </row>
    <row r="1132" spans="1:69" x14ac:dyDescent="0.25">
      <c r="A1132" s="1">
        <v>30450947</v>
      </c>
      <c r="B1132" t="s">
        <v>3565</v>
      </c>
      <c r="C1132" t="s">
        <v>39</v>
      </c>
      <c r="D1132" t="s">
        <v>3138</v>
      </c>
      <c r="E1132" t="s">
        <v>195</v>
      </c>
      <c r="L1132" t="s">
        <v>52</v>
      </c>
      <c r="M1132" s="1">
        <v>0</v>
      </c>
      <c r="N1132" s="1">
        <v>0</v>
      </c>
      <c r="O1132" t="s">
        <v>3139</v>
      </c>
      <c r="P1132" t="s">
        <v>176</v>
      </c>
      <c r="Q1132" t="s">
        <v>196</v>
      </c>
      <c r="S1132" t="s">
        <v>256</v>
      </c>
      <c r="T1132" t="s">
        <v>197</v>
      </c>
      <c r="W1132" t="s">
        <v>262</v>
      </c>
      <c r="X1132" t="s">
        <v>179</v>
      </c>
      <c r="Y1132" t="s">
        <v>224</v>
      </c>
      <c r="AC1132" t="s">
        <v>180</v>
      </c>
      <c r="AD1132" s="1">
        <v>0</v>
      </c>
      <c r="AE1132" s="1">
        <v>0</v>
      </c>
      <c r="AF1132" s="1">
        <v>0</v>
      </c>
      <c r="AG1132" s="1">
        <v>0</v>
      </c>
      <c r="AH1132" s="1">
        <v>0</v>
      </c>
      <c r="AI1132" s="1">
        <v>0</v>
      </c>
      <c r="AJ1132" s="1">
        <v>0</v>
      </c>
      <c r="AK1132" s="1">
        <v>0</v>
      </c>
      <c r="AL1132" s="1">
        <v>0</v>
      </c>
      <c r="AM1132" s="1">
        <v>0</v>
      </c>
      <c r="AN1132" s="1">
        <v>0</v>
      </c>
      <c r="AO1132" s="1">
        <v>0</v>
      </c>
      <c r="AP1132" s="1">
        <v>0</v>
      </c>
      <c r="AQ1132" s="1">
        <v>0</v>
      </c>
      <c r="AR1132" s="1">
        <v>0</v>
      </c>
      <c r="AS1132" s="1">
        <v>0</v>
      </c>
      <c r="AT1132" s="1">
        <v>0</v>
      </c>
      <c r="AU1132" s="1">
        <v>0</v>
      </c>
      <c r="AV1132" s="1">
        <v>0</v>
      </c>
      <c r="BF1132" s="1">
        <v>0</v>
      </c>
      <c r="BG1132" s="1">
        <v>0</v>
      </c>
      <c r="BH1132" s="1">
        <v>0</v>
      </c>
      <c r="BK1132" s="1">
        <v>0</v>
      </c>
      <c r="BM1132" s="1">
        <v>0</v>
      </c>
      <c r="BO1132" s="1">
        <v>0</v>
      </c>
    </row>
    <row r="1133" spans="1:69" x14ac:dyDescent="0.25">
      <c r="A1133" s="1">
        <v>30450951</v>
      </c>
      <c r="B1133" t="s">
        <v>134</v>
      </c>
      <c r="C1133" t="s">
        <v>39</v>
      </c>
      <c r="L1133" t="s">
        <v>52</v>
      </c>
      <c r="M1133" s="1">
        <v>0</v>
      </c>
      <c r="N1133" s="1">
        <v>0</v>
      </c>
      <c r="O1133" s="1">
        <v>0</v>
      </c>
      <c r="P1133" s="1">
        <v>0</v>
      </c>
      <c r="Q1133" s="1">
        <v>0</v>
      </c>
      <c r="S1133" s="1">
        <v>0</v>
      </c>
      <c r="T1133" s="1">
        <v>0</v>
      </c>
      <c r="AC1133" s="1">
        <v>0</v>
      </c>
      <c r="AD1133" s="1">
        <v>0</v>
      </c>
      <c r="AE1133" s="1">
        <v>0</v>
      </c>
      <c r="AF1133" s="1">
        <v>0</v>
      </c>
      <c r="AG1133" s="1">
        <v>0</v>
      </c>
      <c r="AH1133" s="1">
        <v>0</v>
      </c>
      <c r="AI1133" s="1">
        <v>0</v>
      </c>
      <c r="AJ1133" s="1">
        <v>0</v>
      </c>
      <c r="AK1133" s="1">
        <v>0</v>
      </c>
      <c r="AL1133" s="1">
        <v>0</v>
      </c>
      <c r="AM1133" s="1">
        <v>0</v>
      </c>
      <c r="AN1133" s="1">
        <v>0</v>
      </c>
      <c r="AO1133" s="1">
        <v>0</v>
      </c>
      <c r="AP1133" s="1">
        <v>0</v>
      </c>
      <c r="AQ1133" s="1">
        <v>0</v>
      </c>
      <c r="AR1133" s="1">
        <v>0</v>
      </c>
      <c r="AS1133" s="1">
        <v>0</v>
      </c>
      <c r="AT1133" s="1">
        <v>0</v>
      </c>
      <c r="AU1133" s="1">
        <v>0</v>
      </c>
      <c r="AV1133" s="1">
        <v>0</v>
      </c>
      <c r="BF1133" s="1">
        <v>0</v>
      </c>
      <c r="BG1133" s="1">
        <v>0</v>
      </c>
      <c r="BH1133" s="1">
        <v>0</v>
      </c>
      <c r="BK1133" s="1">
        <v>0</v>
      </c>
      <c r="BM1133" s="1">
        <v>0</v>
      </c>
      <c r="BO1133" s="1">
        <v>0</v>
      </c>
    </row>
    <row r="1134" spans="1:69" x14ac:dyDescent="0.25">
      <c r="A1134" s="1">
        <v>30450967</v>
      </c>
      <c r="B1134" t="s">
        <v>2237</v>
      </c>
      <c r="C1134" t="s">
        <v>39</v>
      </c>
      <c r="D1134" t="s">
        <v>1616</v>
      </c>
      <c r="E1134" t="s">
        <v>200</v>
      </c>
      <c r="L1134" t="s">
        <v>52</v>
      </c>
      <c r="M1134" s="1">
        <v>0</v>
      </c>
      <c r="N1134" s="1">
        <v>0</v>
      </c>
      <c r="O1134" t="s">
        <v>1616</v>
      </c>
      <c r="P1134" t="s">
        <v>176</v>
      </c>
      <c r="Q1134" t="s">
        <v>177</v>
      </c>
      <c r="S1134" t="s">
        <v>178</v>
      </c>
      <c r="T1134" t="s">
        <v>200</v>
      </c>
      <c r="Y1134" t="s">
        <v>224</v>
      </c>
      <c r="AC1134" t="s">
        <v>199</v>
      </c>
      <c r="AD1134" t="s">
        <v>175</v>
      </c>
      <c r="AE1134" t="s">
        <v>175</v>
      </c>
      <c r="AF1134" t="s">
        <v>175</v>
      </c>
      <c r="AG1134" t="s">
        <v>175</v>
      </c>
      <c r="AH1134" t="s">
        <v>175</v>
      </c>
      <c r="AI1134" t="s">
        <v>175</v>
      </c>
      <c r="AJ1134" t="s">
        <v>175</v>
      </c>
      <c r="AK1134" t="s">
        <v>175</v>
      </c>
      <c r="AL1134" t="s">
        <v>52</v>
      </c>
      <c r="AM1134" t="s">
        <v>185</v>
      </c>
      <c r="AN1134" t="s">
        <v>206</v>
      </c>
      <c r="AO1134" t="s">
        <v>205</v>
      </c>
      <c r="AP1134" t="s">
        <v>184</v>
      </c>
      <c r="AQ1134" t="s">
        <v>203</v>
      </c>
      <c r="AR1134" t="s">
        <v>202</v>
      </c>
      <c r="AS1134" t="s">
        <v>182</v>
      </c>
      <c r="AT1134" t="s">
        <v>183</v>
      </c>
      <c r="AU1134" t="s">
        <v>201</v>
      </c>
      <c r="AV1134" t="s">
        <v>204</v>
      </c>
      <c r="AW1134" t="s">
        <v>2238</v>
      </c>
      <c r="AY1134" t="s">
        <v>187</v>
      </c>
      <c r="BC1134" t="s">
        <v>209</v>
      </c>
      <c r="BF1134" t="s">
        <v>210</v>
      </c>
      <c r="BG1134" s="1">
        <v>0</v>
      </c>
      <c r="BH1134" t="s">
        <v>190</v>
      </c>
      <c r="BK1134" t="s">
        <v>191</v>
      </c>
      <c r="BL1134" t="s">
        <v>2239</v>
      </c>
      <c r="BM1134" t="s">
        <v>191</v>
      </c>
      <c r="BN1134" t="s">
        <v>2240</v>
      </c>
      <c r="BO1134" t="s">
        <v>218</v>
      </c>
      <c r="BP1134" t="s">
        <v>2241</v>
      </c>
      <c r="BQ1134" t="s">
        <v>2242</v>
      </c>
    </row>
    <row r="1135" spans="1:69" x14ac:dyDescent="0.25">
      <c r="A1135" s="1">
        <v>30450968</v>
      </c>
      <c r="B1135" t="s">
        <v>723</v>
      </c>
      <c r="C1135" t="s">
        <v>39</v>
      </c>
      <c r="D1135" t="s">
        <v>174</v>
      </c>
      <c r="E1135" t="s">
        <v>200</v>
      </c>
      <c r="L1135" t="s">
        <v>52</v>
      </c>
      <c r="M1135" s="1">
        <v>0</v>
      </c>
      <c r="N1135" s="1">
        <v>0</v>
      </c>
      <c r="O1135" t="s">
        <v>174</v>
      </c>
      <c r="P1135" t="s">
        <v>176</v>
      </c>
      <c r="Q1135" t="s">
        <v>196</v>
      </c>
      <c r="S1135" t="s">
        <v>178</v>
      </c>
      <c r="T1135" t="s">
        <v>200</v>
      </c>
      <c r="Y1135" t="s">
        <v>224</v>
      </c>
      <c r="AC1135" t="s">
        <v>199</v>
      </c>
      <c r="AD1135" t="s">
        <v>175</v>
      </c>
      <c r="AE1135" t="s">
        <v>175</v>
      </c>
      <c r="AF1135" t="s">
        <v>181</v>
      </c>
      <c r="AG1135" t="s">
        <v>175</v>
      </c>
      <c r="AH1135" t="s">
        <v>200</v>
      </c>
      <c r="AI1135" t="s">
        <v>175</v>
      </c>
      <c r="AJ1135" t="s">
        <v>175</v>
      </c>
      <c r="AK1135" t="s">
        <v>175</v>
      </c>
      <c r="AL1135" t="s">
        <v>42</v>
      </c>
      <c r="AM1135" t="s">
        <v>206</v>
      </c>
      <c r="AN1135" t="s">
        <v>183</v>
      </c>
      <c r="AO1135" t="s">
        <v>185</v>
      </c>
      <c r="AP1135" t="s">
        <v>205</v>
      </c>
      <c r="AQ1135" t="s">
        <v>202</v>
      </c>
      <c r="AR1135" t="s">
        <v>203</v>
      </c>
      <c r="AS1135" t="s">
        <v>204</v>
      </c>
      <c r="AT1135" t="s">
        <v>182</v>
      </c>
      <c r="AU1135" t="s">
        <v>184</v>
      </c>
      <c r="AV1135" t="s">
        <v>201</v>
      </c>
      <c r="AW1135" t="s">
        <v>724</v>
      </c>
      <c r="AX1135" t="s">
        <v>186</v>
      </c>
      <c r="AZ1135" t="s">
        <v>207</v>
      </c>
      <c r="BA1135" t="s">
        <v>188</v>
      </c>
      <c r="BF1135" t="s">
        <v>210</v>
      </c>
      <c r="BG1135" s="1">
        <v>0</v>
      </c>
      <c r="BH1135" t="s">
        <v>211</v>
      </c>
      <c r="BK1135" s="1">
        <v>0</v>
      </c>
      <c r="BM1135" s="1">
        <v>0</v>
      </c>
      <c r="BO1135" s="1">
        <v>0</v>
      </c>
    </row>
    <row r="1136" spans="1:69" x14ac:dyDescent="0.25">
      <c r="A1136" s="1">
        <v>30450986</v>
      </c>
      <c r="B1136" t="s">
        <v>2943</v>
      </c>
      <c r="C1136" t="s">
        <v>39</v>
      </c>
      <c r="D1136" t="s">
        <v>2512</v>
      </c>
      <c r="E1136" t="s">
        <v>175</v>
      </c>
      <c r="L1136" t="s">
        <v>52</v>
      </c>
      <c r="M1136" s="1">
        <v>0</v>
      </c>
      <c r="N1136" s="1">
        <v>0</v>
      </c>
      <c r="O1136" t="s">
        <v>2512</v>
      </c>
      <c r="P1136" t="s">
        <v>176</v>
      </c>
      <c r="Q1136" t="s">
        <v>238</v>
      </c>
      <c r="S1136" t="s">
        <v>315</v>
      </c>
      <c r="T1136" t="s">
        <v>175</v>
      </c>
      <c r="AA1136" t="s">
        <v>273</v>
      </c>
      <c r="AB1136" t="s">
        <v>1121</v>
      </c>
      <c r="AC1136" t="s">
        <v>225</v>
      </c>
      <c r="AD1136" t="s">
        <v>181</v>
      </c>
      <c r="AE1136" t="s">
        <v>181</v>
      </c>
      <c r="AF1136" t="s">
        <v>181</v>
      </c>
      <c r="AG1136" t="s">
        <v>181</v>
      </c>
      <c r="AH1136" t="s">
        <v>175</v>
      </c>
      <c r="AI1136" t="s">
        <v>175</v>
      </c>
      <c r="AJ1136" t="s">
        <v>175</v>
      </c>
      <c r="AK1136" t="s">
        <v>175</v>
      </c>
      <c r="AL1136" t="s">
        <v>42</v>
      </c>
      <c r="AM1136" t="s">
        <v>204</v>
      </c>
      <c r="AN1136" t="s">
        <v>202</v>
      </c>
      <c r="AO1136" t="s">
        <v>201</v>
      </c>
      <c r="AP1136" t="s">
        <v>182</v>
      </c>
      <c r="AQ1136" t="s">
        <v>184</v>
      </c>
      <c r="AR1136" t="s">
        <v>206</v>
      </c>
      <c r="AS1136" t="s">
        <v>183</v>
      </c>
      <c r="AT1136" t="s">
        <v>205</v>
      </c>
      <c r="AU1136" t="s">
        <v>203</v>
      </c>
      <c r="AV1136" t="s">
        <v>185</v>
      </c>
      <c r="AX1136" t="s">
        <v>186</v>
      </c>
      <c r="BF1136" t="s">
        <v>210</v>
      </c>
      <c r="BG1136" s="1">
        <v>0</v>
      </c>
      <c r="BH1136" t="s">
        <v>211</v>
      </c>
      <c r="BK1136" t="s">
        <v>191</v>
      </c>
      <c r="BM1136" t="s">
        <v>191</v>
      </c>
      <c r="BO1136" t="s">
        <v>191</v>
      </c>
    </row>
    <row r="1137" spans="1:69" x14ac:dyDescent="0.25">
      <c r="A1137" s="1">
        <v>30450990</v>
      </c>
      <c r="B1137" t="s">
        <v>4361</v>
      </c>
      <c r="C1137" t="s">
        <v>39</v>
      </c>
      <c r="D1137" t="s">
        <v>3727</v>
      </c>
      <c r="E1137" t="s">
        <v>175</v>
      </c>
      <c r="L1137" t="s">
        <v>52</v>
      </c>
      <c r="M1137" s="1">
        <v>0</v>
      </c>
      <c r="N1137" s="1">
        <v>0</v>
      </c>
      <c r="O1137" t="s">
        <v>3728</v>
      </c>
      <c r="P1137" t="s">
        <v>216</v>
      </c>
      <c r="Q1137" t="s">
        <v>258</v>
      </c>
      <c r="S1137" s="1">
        <v>0</v>
      </c>
      <c r="T1137" t="s">
        <v>175</v>
      </c>
      <c r="AA1137" t="s">
        <v>273</v>
      </c>
      <c r="AB1137" t="s">
        <v>4362</v>
      </c>
      <c r="AC1137" t="s">
        <v>180</v>
      </c>
      <c r="AD1137" t="s">
        <v>175</v>
      </c>
      <c r="AE1137" t="s">
        <v>175</v>
      </c>
      <c r="AF1137" t="s">
        <v>175</v>
      </c>
      <c r="AG1137" t="s">
        <v>175</v>
      </c>
      <c r="AH1137" t="s">
        <v>175</v>
      </c>
      <c r="AI1137" t="s">
        <v>175</v>
      </c>
      <c r="AJ1137" t="s">
        <v>175</v>
      </c>
      <c r="AK1137" t="s">
        <v>175</v>
      </c>
      <c r="AL1137" t="s">
        <v>42</v>
      </c>
      <c r="AM1137" t="s">
        <v>206</v>
      </c>
      <c r="AN1137" t="s">
        <v>183</v>
      </c>
      <c r="AO1137" t="s">
        <v>203</v>
      </c>
      <c r="AP1137" t="s">
        <v>204</v>
      </c>
      <c r="AQ1137" t="s">
        <v>202</v>
      </c>
      <c r="AR1137" t="s">
        <v>205</v>
      </c>
      <c r="AS1137" t="s">
        <v>184</v>
      </c>
      <c r="AT1137" t="s">
        <v>185</v>
      </c>
      <c r="AU1137" t="s">
        <v>201</v>
      </c>
      <c r="AV1137" t="s">
        <v>182</v>
      </c>
      <c r="AY1137" t="s">
        <v>187</v>
      </c>
      <c r="AZ1137" t="s">
        <v>207</v>
      </c>
      <c r="BC1137" t="s">
        <v>209</v>
      </c>
      <c r="BF1137" t="s">
        <v>49</v>
      </c>
      <c r="BG1137" s="1">
        <v>0</v>
      </c>
      <c r="BH1137" t="s">
        <v>247</v>
      </c>
      <c r="BK1137" t="s">
        <v>191</v>
      </c>
      <c r="BL1137" t="s">
        <v>4363</v>
      </c>
      <c r="BM1137" t="s">
        <v>191</v>
      </c>
      <c r="BN1137" t="s">
        <v>4364</v>
      </c>
      <c r="BO1137" t="s">
        <v>191</v>
      </c>
      <c r="BP1137" t="s">
        <v>4365</v>
      </c>
    </row>
    <row r="1138" spans="1:69" x14ac:dyDescent="0.25">
      <c r="A1138" s="1">
        <v>30450997</v>
      </c>
      <c r="B1138" t="s">
        <v>2243</v>
      </c>
      <c r="C1138" t="s">
        <v>39</v>
      </c>
      <c r="D1138" t="s">
        <v>1616</v>
      </c>
      <c r="E1138" t="s">
        <v>175</v>
      </c>
      <c r="L1138" t="s">
        <v>52</v>
      </c>
      <c r="M1138" s="1">
        <v>0</v>
      </c>
      <c r="N1138" s="1">
        <v>0</v>
      </c>
      <c r="O1138" t="s">
        <v>1616</v>
      </c>
      <c r="P1138" t="s">
        <v>176</v>
      </c>
      <c r="Q1138" t="s">
        <v>177</v>
      </c>
      <c r="S1138" t="s">
        <v>315</v>
      </c>
      <c r="T1138" t="s">
        <v>175</v>
      </c>
      <c r="Y1138" t="s">
        <v>224</v>
      </c>
      <c r="AC1138" t="s">
        <v>180</v>
      </c>
      <c r="AD1138" t="s">
        <v>175</v>
      </c>
      <c r="AE1138" t="s">
        <v>175</v>
      </c>
      <c r="AF1138" t="s">
        <v>175</v>
      </c>
      <c r="AG1138" t="s">
        <v>175</v>
      </c>
      <c r="AH1138" t="s">
        <v>175</v>
      </c>
      <c r="AI1138" t="s">
        <v>175</v>
      </c>
      <c r="AJ1138" t="s">
        <v>175</v>
      </c>
      <c r="AK1138" t="s">
        <v>175</v>
      </c>
      <c r="AL1138" t="s">
        <v>42</v>
      </c>
      <c r="AM1138" t="s">
        <v>182</v>
      </c>
      <c r="AN1138" t="s">
        <v>183</v>
      </c>
      <c r="AO1138" t="s">
        <v>184</v>
      </c>
      <c r="AP1138" t="s">
        <v>204</v>
      </c>
      <c r="AQ1138" t="s">
        <v>202</v>
      </c>
      <c r="AR1138" t="s">
        <v>203</v>
      </c>
      <c r="AS1138" t="s">
        <v>205</v>
      </c>
      <c r="AT1138" t="s">
        <v>201</v>
      </c>
      <c r="AU1138" t="s">
        <v>185</v>
      </c>
      <c r="AV1138" t="s">
        <v>206</v>
      </c>
      <c r="AX1138" t="s">
        <v>186</v>
      </c>
      <c r="BC1138" t="s">
        <v>209</v>
      </c>
      <c r="BF1138" t="s">
        <v>210</v>
      </c>
      <c r="BG1138" s="1">
        <v>0</v>
      </c>
      <c r="BH1138" t="s">
        <v>211</v>
      </c>
      <c r="BK1138" t="s">
        <v>191</v>
      </c>
      <c r="BM1138" t="s">
        <v>191</v>
      </c>
      <c r="BO1138" t="s">
        <v>191</v>
      </c>
    </row>
    <row r="1139" spans="1:69" x14ac:dyDescent="0.25">
      <c r="A1139" s="1">
        <v>30450998</v>
      </c>
      <c r="B1139" t="s">
        <v>2944</v>
      </c>
      <c r="C1139" t="s">
        <v>39</v>
      </c>
      <c r="D1139" t="s">
        <v>2512</v>
      </c>
      <c r="E1139" t="s">
        <v>175</v>
      </c>
      <c r="L1139" t="s">
        <v>52</v>
      </c>
      <c r="M1139" s="1">
        <v>0</v>
      </c>
      <c r="N1139" s="1">
        <v>0</v>
      </c>
      <c r="O1139" t="s">
        <v>2512</v>
      </c>
      <c r="P1139" t="s">
        <v>216</v>
      </c>
      <c r="Q1139" t="s">
        <v>322</v>
      </c>
      <c r="S1139" s="1">
        <v>0</v>
      </c>
      <c r="T1139" t="s">
        <v>175</v>
      </c>
      <c r="Y1139" t="s">
        <v>224</v>
      </c>
      <c r="AC1139" t="s">
        <v>266</v>
      </c>
      <c r="AD1139" t="s">
        <v>181</v>
      </c>
      <c r="AE1139" t="s">
        <v>175</v>
      </c>
      <c r="AF1139" t="s">
        <v>230</v>
      </c>
      <c r="AG1139" t="s">
        <v>175</v>
      </c>
      <c r="AH1139" t="s">
        <v>175</v>
      </c>
      <c r="AI1139" t="s">
        <v>175</v>
      </c>
      <c r="AJ1139" t="s">
        <v>175</v>
      </c>
      <c r="AK1139" t="s">
        <v>175</v>
      </c>
      <c r="AL1139" t="s">
        <v>42</v>
      </c>
      <c r="AM1139" t="s">
        <v>184</v>
      </c>
      <c r="AN1139" t="s">
        <v>183</v>
      </c>
      <c r="AO1139" t="s">
        <v>206</v>
      </c>
      <c r="AP1139" t="s">
        <v>185</v>
      </c>
      <c r="AQ1139" s="1">
        <v>0</v>
      </c>
      <c r="AR1139" s="1">
        <v>0</v>
      </c>
      <c r="AS1139" s="1">
        <v>0</v>
      </c>
      <c r="AT1139" t="s">
        <v>182</v>
      </c>
      <c r="AU1139" t="s">
        <v>201</v>
      </c>
      <c r="AV1139" t="s">
        <v>205</v>
      </c>
      <c r="AX1139" t="s">
        <v>186</v>
      </c>
      <c r="AZ1139" t="s">
        <v>207</v>
      </c>
      <c r="BB1139" t="s">
        <v>208</v>
      </c>
      <c r="BF1139" t="s">
        <v>49</v>
      </c>
      <c r="BG1139" s="1">
        <v>0</v>
      </c>
      <c r="BH1139" t="s">
        <v>211</v>
      </c>
      <c r="BK1139" t="s">
        <v>191</v>
      </c>
      <c r="BL1139" t="s">
        <v>2945</v>
      </c>
      <c r="BM1139" t="s">
        <v>191</v>
      </c>
      <c r="BN1139" t="s">
        <v>2945</v>
      </c>
      <c r="BO1139" t="s">
        <v>218</v>
      </c>
      <c r="BP1139" t="s">
        <v>2946</v>
      </c>
    </row>
    <row r="1140" spans="1:69" x14ac:dyDescent="0.25">
      <c r="A1140" s="1">
        <v>30451006</v>
      </c>
      <c r="B1140" t="s">
        <v>4366</v>
      </c>
      <c r="C1140" t="s">
        <v>39</v>
      </c>
      <c r="D1140" t="s">
        <v>3727</v>
      </c>
      <c r="E1140" t="s">
        <v>200</v>
      </c>
      <c r="L1140" t="s">
        <v>52</v>
      </c>
      <c r="M1140" s="1">
        <v>0</v>
      </c>
      <c r="N1140" s="1">
        <v>0</v>
      </c>
      <c r="O1140" t="s">
        <v>3728</v>
      </c>
      <c r="P1140" t="s">
        <v>216</v>
      </c>
      <c r="Q1140" t="s">
        <v>322</v>
      </c>
      <c r="S1140" s="1">
        <v>0</v>
      </c>
      <c r="T1140" t="s">
        <v>200</v>
      </c>
      <c r="Y1140" t="s">
        <v>224</v>
      </c>
      <c r="AA1140" t="s">
        <v>273</v>
      </c>
      <c r="AB1140" t="s">
        <v>4367</v>
      </c>
      <c r="AC1140" t="s">
        <v>180</v>
      </c>
      <c r="AD1140" t="s">
        <v>175</v>
      </c>
      <c r="AE1140" t="s">
        <v>175</v>
      </c>
      <c r="AF1140" t="s">
        <v>175</v>
      </c>
      <c r="AG1140" t="s">
        <v>175</v>
      </c>
      <c r="AH1140" t="s">
        <v>175</v>
      </c>
      <c r="AI1140" t="s">
        <v>200</v>
      </c>
      <c r="AJ1140" t="s">
        <v>175</v>
      </c>
      <c r="AK1140" t="s">
        <v>175</v>
      </c>
      <c r="AL1140" t="s">
        <v>42</v>
      </c>
      <c r="AM1140" t="s">
        <v>182</v>
      </c>
      <c r="AN1140" t="s">
        <v>202</v>
      </c>
      <c r="AO1140" t="s">
        <v>185</v>
      </c>
      <c r="AP1140" t="s">
        <v>205</v>
      </c>
      <c r="AQ1140" t="s">
        <v>183</v>
      </c>
      <c r="AR1140" t="s">
        <v>204</v>
      </c>
      <c r="AS1140" t="s">
        <v>203</v>
      </c>
      <c r="AT1140" t="s">
        <v>206</v>
      </c>
      <c r="AU1140" t="s">
        <v>184</v>
      </c>
      <c r="AV1140" t="s">
        <v>201</v>
      </c>
      <c r="AY1140" t="s">
        <v>187</v>
      </c>
      <c r="AZ1140" t="s">
        <v>207</v>
      </c>
      <c r="BF1140" t="s">
        <v>292</v>
      </c>
      <c r="BG1140" t="s">
        <v>315</v>
      </c>
      <c r="BH1140" t="s">
        <v>211</v>
      </c>
      <c r="BK1140" t="s">
        <v>191</v>
      </c>
      <c r="BL1140" t="s">
        <v>4368</v>
      </c>
      <c r="BM1140" t="s">
        <v>218</v>
      </c>
      <c r="BN1140" t="s">
        <v>4369</v>
      </c>
      <c r="BO1140" t="s">
        <v>218</v>
      </c>
      <c r="BP1140" t="s">
        <v>4370</v>
      </c>
    </row>
    <row r="1141" spans="1:69" x14ac:dyDescent="0.25">
      <c r="A1141" s="1">
        <v>30451012</v>
      </c>
      <c r="B1141" t="s">
        <v>2947</v>
      </c>
      <c r="C1141" t="s">
        <v>39</v>
      </c>
      <c r="D1141" t="s">
        <v>2512</v>
      </c>
      <c r="E1141" t="s">
        <v>175</v>
      </c>
      <c r="L1141" t="s">
        <v>52</v>
      </c>
      <c r="M1141" s="1">
        <v>0</v>
      </c>
      <c r="N1141" s="1">
        <v>0</v>
      </c>
      <c r="O1141" t="s">
        <v>2512</v>
      </c>
      <c r="P1141" t="s">
        <v>176</v>
      </c>
      <c r="Q1141" t="s">
        <v>177</v>
      </c>
      <c r="S1141" t="s">
        <v>178</v>
      </c>
      <c r="T1141" t="s">
        <v>175</v>
      </c>
      <c r="AA1141" t="s">
        <v>273</v>
      </c>
      <c r="AB1141" t="s">
        <v>2948</v>
      </c>
      <c r="AC1141" s="1">
        <v>0</v>
      </c>
      <c r="AD1141" t="s">
        <v>175</v>
      </c>
      <c r="AE1141" t="s">
        <v>175</v>
      </c>
      <c r="AF1141" t="s">
        <v>175</v>
      </c>
      <c r="AG1141" t="s">
        <v>175</v>
      </c>
      <c r="AH1141" t="s">
        <v>175</v>
      </c>
      <c r="AI1141" t="s">
        <v>175</v>
      </c>
      <c r="AJ1141" t="s">
        <v>175</v>
      </c>
      <c r="AK1141" t="s">
        <v>175</v>
      </c>
      <c r="AL1141" t="s">
        <v>52</v>
      </c>
      <c r="AM1141" t="s">
        <v>206</v>
      </c>
      <c r="AN1141" t="s">
        <v>183</v>
      </c>
      <c r="AO1141" t="s">
        <v>185</v>
      </c>
      <c r="AP1141" t="s">
        <v>184</v>
      </c>
      <c r="AQ1141" t="s">
        <v>202</v>
      </c>
      <c r="AR1141" t="s">
        <v>203</v>
      </c>
      <c r="AS1141" t="s">
        <v>205</v>
      </c>
      <c r="AT1141" t="s">
        <v>201</v>
      </c>
      <c r="AU1141" t="s">
        <v>182</v>
      </c>
      <c r="AV1141" t="s">
        <v>204</v>
      </c>
      <c r="AW1141" t="s">
        <v>2949</v>
      </c>
      <c r="AX1141" t="s">
        <v>186</v>
      </c>
      <c r="AZ1141" t="s">
        <v>207</v>
      </c>
      <c r="BB1141" t="s">
        <v>208</v>
      </c>
      <c r="BC1141" t="s">
        <v>209</v>
      </c>
      <c r="BF1141" t="s">
        <v>49</v>
      </c>
      <c r="BG1141" s="1">
        <v>0</v>
      </c>
      <c r="BH1141" t="s">
        <v>211</v>
      </c>
      <c r="BK1141" t="s">
        <v>191</v>
      </c>
      <c r="BL1141" t="s">
        <v>1129</v>
      </c>
      <c r="BM1141" t="s">
        <v>191</v>
      </c>
      <c r="BO1141" t="s">
        <v>191</v>
      </c>
    </row>
    <row r="1142" spans="1:69" x14ac:dyDescent="0.25">
      <c r="A1142" s="1">
        <v>30451029</v>
      </c>
      <c r="B1142" t="s">
        <v>4371</v>
      </c>
      <c r="C1142" t="s">
        <v>39</v>
      </c>
      <c r="D1142" t="s">
        <v>3727</v>
      </c>
      <c r="E1142" t="s">
        <v>175</v>
      </c>
      <c r="L1142" t="s">
        <v>52</v>
      </c>
      <c r="M1142" s="1">
        <v>0</v>
      </c>
      <c r="N1142" s="1">
        <v>0</v>
      </c>
      <c r="O1142" t="s">
        <v>3728</v>
      </c>
      <c r="P1142" t="s">
        <v>216</v>
      </c>
      <c r="Q1142" t="s">
        <v>196</v>
      </c>
      <c r="S1142" s="1">
        <v>0</v>
      </c>
      <c r="T1142" t="s">
        <v>175</v>
      </c>
      <c r="Y1142" t="s">
        <v>224</v>
      </c>
      <c r="AC1142" t="s">
        <v>180</v>
      </c>
      <c r="AD1142" t="s">
        <v>175</v>
      </c>
      <c r="AE1142" t="s">
        <v>175</v>
      </c>
      <c r="AF1142" t="s">
        <v>175</v>
      </c>
      <c r="AG1142" t="s">
        <v>175</v>
      </c>
      <c r="AH1142" t="s">
        <v>175</v>
      </c>
      <c r="AI1142" t="s">
        <v>175</v>
      </c>
      <c r="AJ1142" t="s">
        <v>175</v>
      </c>
      <c r="AK1142" t="s">
        <v>175</v>
      </c>
      <c r="AL1142" t="s">
        <v>52</v>
      </c>
      <c r="AM1142" s="1">
        <v>0</v>
      </c>
      <c r="AN1142" t="s">
        <v>185</v>
      </c>
      <c r="AO1142" t="s">
        <v>183</v>
      </c>
      <c r="AP1142" s="1">
        <v>0</v>
      </c>
      <c r="AQ1142" s="1">
        <v>0</v>
      </c>
      <c r="AR1142" s="1">
        <v>0</v>
      </c>
      <c r="AS1142" s="1">
        <v>0</v>
      </c>
      <c r="AT1142" t="s">
        <v>184</v>
      </c>
      <c r="AU1142" s="1">
        <v>0</v>
      </c>
      <c r="AV1142" t="s">
        <v>182</v>
      </c>
      <c r="AY1142" t="s">
        <v>187</v>
      </c>
      <c r="BC1142" t="s">
        <v>209</v>
      </c>
      <c r="BF1142" t="s">
        <v>292</v>
      </c>
      <c r="BG1142" t="s">
        <v>301</v>
      </c>
      <c r="BH1142" t="s">
        <v>211</v>
      </c>
      <c r="BK1142" t="s">
        <v>191</v>
      </c>
      <c r="BL1142" t="s">
        <v>4372</v>
      </c>
      <c r="BM1142" t="s">
        <v>218</v>
      </c>
      <c r="BO1142" t="s">
        <v>191</v>
      </c>
      <c r="BP1142" t="s">
        <v>4373</v>
      </c>
    </row>
    <row r="1143" spans="1:69" x14ac:dyDescent="0.25">
      <c r="A1143" s="1">
        <v>30451031</v>
      </c>
      <c r="B1143" t="s">
        <v>2244</v>
      </c>
      <c r="C1143" t="s">
        <v>39</v>
      </c>
      <c r="D1143" t="s">
        <v>1616</v>
      </c>
      <c r="E1143" t="s">
        <v>195</v>
      </c>
      <c r="L1143" t="s">
        <v>52</v>
      </c>
      <c r="M1143" s="1">
        <v>0</v>
      </c>
      <c r="N1143" s="1">
        <v>0</v>
      </c>
      <c r="O1143" t="s">
        <v>1616</v>
      </c>
      <c r="P1143" t="s">
        <v>176</v>
      </c>
      <c r="Q1143" t="s">
        <v>238</v>
      </c>
      <c r="S1143" t="s">
        <v>178</v>
      </c>
      <c r="T1143" t="s">
        <v>197</v>
      </c>
      <c r="U1143" t="s">
        <v>2245</v>
      </c>
      <c r="W1143" t="s">
        <v>262</v>
      </c>
      <c r="X1143" t="s">
        <v>179</v>
      </c>
      <c r="AC1143" t="s">
        <v>199</v>
      </c>
      <c r="AD1143" t="s">
        <v>175</v>
      </c>
      <c r="AE1143" t="s">
        <v>175</v>
      </c>
      <c r="AF1143" t="s">
        <v>175</v>
      </c>
      <c r="AG1143" t="s">
        <v>175</v>
      </c>
      <c r="AH1143" t="s">
        <v>175</v>
      </c>
      <c r="AI1143" t="s">
        <v>175</v>
      </c>
      <c r="AJ1143" t="s">
        <v>175</v>
      </c>
      <c r="AK1143" t="s">
        <v>175</v>
      </c>
      <c r="AL1143" t="s">
        <v>42</v>
      </c>
      <c r="AM1143" t="s">
        <v>185</v>
      </c>
      <c r="AN1143" s="1">
        <v>0</v>
      </c>
      <c r="AO1143" t="s">
        <v>184</v>
      </c>
      <c r="AP1143" t="s">
        <v>182</v>
      </c>
      <c r="AQ1143" s="1">
        <v>0</v>
      </c>
      <c r="AR1143" s="1">
        <v>0</v>
      </c>
      <c r="AS1143" s="1">
        <v>0</v>
      </c>
      <c r="AT1143" s="1">
        <v>0</v>
      </c>
      <c r="AU1143" s="1">
        <v>0</v>
      </c>
      <c r="AV1143" s="1">
        <v>0</v>
      </c>
      <c r="AX1143" t="s">
        <v>186</v>
      </c>
      <c r="AZ1143" t="s">
        <v>207</v>
      </c>
      <c r="BF1143" t="s">
        <v>189</v>
      </c>
      <c r="BG1143" s="1">
        <v>0</v>
      </c>
      <c r="BH1143" t="s">
        <v>211</v>
      </c>
      <c r="BK1143" t="s">
        <v>191</v>
      </c>
      <c r="BL1143" t="s">
        <v>2246</v>
      </c>
      <c r="BM1143" t="s">
        <v>191</v>
      </c>
      <c r="BN1143" t="s">
        <v>367</v>
      </c>
      <c r="BO1143" t="s">
        <v>218</v>
      </c>
      <c r="BP1143" t="s">
        <v>2247</v>
      </c>
    </row>
    <row r="1144" spans="1:69" x14ac:dyDescent="0.25">
      <c r="A1144" s="1">
        <v>30451057</v>
      </c>
      <c r="B1144" t="s">
        <v>4374</v>
      </c>
      <c r="C1144" t="s">
        <v>39</v>
      </c>
      <c r="D1144" t="s">
        <v>3727</v>
      </c>
      <c r="E1144" t="s">
        <v>175</v>
      </c>
      <c r="L1144" t="s">
        <v>52</v>
      </c>
      <c r="M1144" s="1">
        <v>0</v>
      </c>
      <c r="N1144" s="1">
        <v>0</v>
      </c>
      <c r="O1144" t="s">
        <v>3728</v>
      </c>
      <c r="P1144" t="s">
        <v>176</v>
      </c>
      <c r="Q1144" t="s">
        <v>177</v>
      </c>
      <c r="S1144" t="s">
        <v>178</v>
      </c>
      <c r="T1144" t="s">
        <v>175</v>
      </c>
      <c r="W1144" t="s">
        <v>262</v>
      </c>
      <c r="AC1144" t="s">
        <v>199</v>
      </c>
      <c r="AD1144" t="s">
        <v>175</v>
      </c>
      <c r="AE1144" t="s">
        <v>175</v>
      </c>
      <c r="AF1144" t="s">
        <v>175</v>
      </c>
      <c r="AG1144" t="s">
        <v>175</v>
      </c>
      <c r="AH1144" t="s">
        <v>175</v>
      </c>
      <c r="AI1144" t="s">
        <v>175</v>
      </c>
      <c r="AJ1144" t="s">
        <v>175</v>
      </c>
      <c r="AK1144" t="s">
        <v>175</v>
      </c>
      <c r="AL1144" t="s">
        <v>52</v>
      </c>
      <c r="AM1144" t="s">
        <v>183</v>
      </c>
      <c r="AN1144" t="s">
        <v>204</v>
      </c>
      <c r="AO1144" t="s">
        <v>205</v>
      </c>
      <c r="AP1144" t="s">
        <v>201</v>
      </c>
      <c r="AQ1144" t="s">
        <v>184</v>
      </c>
      <c r="AR1144" t="s">
        <v>185</v>
      </c>
      <c r="AS1144" t="s">
        <v>182</v>
      </c>
      <c r="AT1144" t="s">
        <v>203</v>
      </c>
      <c r="AU1144" t="s">
        <v>202</v>
      </c>
      <c r="AV1144" t="s">
        <v>206</v>
      </c>
      <c r="AX1144" t="s">
        <v>186</v>
      </c>
      <c r="AY1144" t="s">
        <v>187</v>
      </c>
      <c r="AZ1144" t="s">
        <v>207</v>
      </c>
      <c r="BB1144" t="s">
        <v>208</v>
      </c>
      <c r="BC1144" t="s">
        <v>209</v>
      </c>
      <c r="BF1144" t="s">
        <v>49</v>
      </c>
      <c r="BG1144" s="1">
        <v>0</v>
      </c>
      <c r="BH1144" t="s">
        <v>211</v>
      </c>
      <c r="BK1144" t="s">
        <v>218</v>
      </c>
      <c r="BL1144" t="s">
        <v>1057</v>
      </c>
      <c r="BM1144" t="s">
        <v>191</v>
      </c>
      <c r="BN1144" t="s">
        <v>960</v>
      </c>
      <c r="BO1144" t="s">
        <v>191</v>
      </c>
      <c r="BP1144" t="s">
        <v>960</v>
      </c>
    </row>
    <row r="1145" spans="1:69" x14ac:dyDescent="0.25">
      <c r="A1145" s="1">
        <v>30451104</v>
      </c>
      <c r="B1145" t="s">
        <v>1415</v>
      </c>
      <c r="C1145" t="s">
        <v>39</v>
      </c>
      <c r="D1145" t="s">
        <v>942</v>
      </c>
      <c r="E1145" t="s">
        <v>216</v>
      </c>
      <c r="L1145" t="s">
        <v>52</v>
      </c>
      <c r="M1145" s="1">
        <v>0</v>
      </c>
      <c r="N1145" s="1">
        <v>0</v>
      </c>
      <c r="O1145" t="s">
        <v>942</v>
      </c>
      <c r="P1145" t="s">
        <v>216</v>
      </c>
      <c r="Q1145" t="s">
        <v>196</v>
      </c>
      <c r="S1145" s="1">
        <v>0</v>
      </c>
      <c r="T1145" t="s">
        <v>197</v>
      </c>
      <c r="AC1145" s="1">
        <v>0</v>
      </c>
      <c r="AD1145" s="1">
        <v>0</v>
      </c>
      <c r="AE1145" s="1">
        <v>0</v>
      </c>
      <c r="AF1145" s="1">
        <v>0</v>
      </c>
      <c r="AG1145" s="1">
        <v>0</v>
      </c>
      <c r="AH1145" s="1">
        <v>0</v>
      </c>
      <c r="AI1145" s="1">
        <v>0</v>
      </c>
      <c r="AJ1145" s="1">
        <v>0</v>
      </c>
      <c r="AK1145" s="1">
        <v>0</v>
      </c>
      <c r="AL1145" s="1">
        <v>0</v>
      </c>
      <c r="AM1145" s="1">
        <v>0</v>
      </c>
      <c r="AN1145" s="1">
        <v>0</v>
      </c>
      <c r="AO1145" s="1">
        <v>0</v>
      </c>
      <c r="AP1145" s="1">
        <v>0</v>
      </c>
      <c r="AQ1145" s="1">
        <v>0</v>
      </c>
      <c r="AR1145" s="1">
        <v>0</v>
      </c>
      <c r="AS1145" s="1">
        <v>0</v>
      </c>
      <c r="AT1145" s="1">
        <v>0</v>
      </c>
      <c r="AU1145" s="1">
        <v>0</v>
      </c>
      <c r="AV1145" s="1">
        <v>0</v>
      </c>
      <c r="BF1145" s="1">
        <v>0</v>
      </c>
      <c r="BG1145" s="1">
        <v>0</v>
      </c>
      <c r="BH1145" s="1">
        <v>0</v>
      </c>
      <c r="BK1145" s="1">
        <v>0</v>
      </c>
      <c r="BM1145" s="1">
        <v>0</v>
      </c>
      <c r="BO1145" s="1">
        <v>0</v>
      </c>
    </row>
    <row r="1146" spans="1:69" x14ac:dyDescent="0.25">
      <c r="A1146" s="1">
        <v>30451116</v>
      </c>
      <c r="B1146" t="s">
        <v>1416</v>
      </c>
      <c r="C1146" t="s">
        <v>39</v>
      </c>
      <c r="D1146" t="s">
        <v>942</v>
      </c>
      <c r="E1146" t="s">
        <v>175</v>
      </c>
      <c r="L1146" t="s">
        <v>52</v>
      </c>
      <c r="M1146" s="1">
        <v>0</v>
      </c>
      <c r="N1146" s="1">
        <v>0</v>
      </c>
      <c r="O1146" t="s">
        <v>942</v>
      </c>
      <c r="P1146" t="s">
        <v>216</v>
      </c>
      <c r="Q1146" t="s">
        <v>196</v>
      </c>
      <c r="S1146" s="1">
        <v>0</v>
      </c>
      <c r="T1146" t="s">
        <v>175</v>
      </c>
      <c r="V1146" t="s">
        <v>397</v>
      </c>
      <c r="Y1146" t="s">
        <v>224</v>
      </c>
      <c r="Z1146" t="s">
        <v>244</v>
      </c>
      <c r="AC1146" t="s">
        <v>180</v>
      </c>
      <c r="AD1146" t="s">
        <v>230</v>
      </c>
      <c r="AE1146" t="s">
        <v>175</v>
      </c>
      <c r="AF1146" t="s">
        <v>175</v>
      </c>
      <c r="AG1146" t="s">
        <v>175</v>
      </c>
      <c r="AH1146" t="s">
        <v>175</v>
      </c>
      <c r="AI1146" t="s">
        <v>175</v>
      </c>
      <c r="AJ1146" t="s">
        <v>175</v>
      </c>
      <c r="AK1146" t="s">
        <v>230</v>
      </c>
      <c r="AL1146" t="s">
        <v>42</v>
      </c>
      <c r="AM1146" t="s">
        <v>202</v>
      </c>
      <c r="AN1146" t="s">
        <v>184</v>
      </c>
      <c r="AO1146" t="s">
        <v>183</v>
      </c>
      <c r="AP1146" t="s">
        <v>201</v>
      </c>
      <c r="AQ1146" t="s">
        <v>206</v>
      </c>
      <c r="AR1146" t="s">
        <v>205</v>
      </c>
      <c r="AS1146" t="s">
        <v>203</v>
      </c>
      <c r="AT1146" t="s">
        <v>182</v>
      </c>
      <c r="AU1146" t="s">
        <v>185</v>
      </c>
      <c r="AV1146" t="s">
        <v>204</v>
      </c>
      <c r="AW1146" t="s">
        <v>1417</v>
      </c>
      <c r="AX1146" t="s">
        <v>186</v>
      </c>
      <c r="BA1146" t="s">
        <v>188</v>
      </c>
      <c r="BF1146" t="s">
        <v>189</v>
      </c>
      <c r="BG1146" s="1">
        <v>0</v>
      </c>
      <c r="BH1146" t="s">
        <v>247</v>
      </c>
      <c r="BK1146" t="s">
        <v>191</v>
      </c>
      <c r="BL1146" t="s">
        <v>1418</v>
      </c>
      <c r="BM1146" t="s">
        <v>191</v>
      </c>
      <c r="BN1146" t="s">
        <v>1419</v>
      </c>
      <c r="BO1146" t="s">
        <v>218</v>
      </c>
      <c r="BP1146" t="s">
        <v>1420</v>
      </c>
    </row>
    <row r="1147" spans="1:69" x14ac:dyDescent="0.25">
      <c r="A1147" s="1">
        <v>30451144</v>
      </c>
      <c r="B1147" t="s">
        <v>4375</v>
      </c>
      <c r="C1147" t="s">
        <v>39</v>
      </c>
      <c r="D1147" t="s">
        <v>3727</v>
      </c>
      <c r="L1147" t="s">
        <v>52</v>
      </c>
      <c r="M1147" s="1">
        <v>0</v>
      </c>
      <c r="N1147" s="1">
        <v>0</v>
      </c>
      <c r="O1147" t="s">
        <v>3728</v>
      </c>
      <c r="P1147" t="s">
        <v>49</v>
      </c>
      <c r="Q1147" s="1">
        <v>0</v>
      </c>
      <c r="S1147" s="1">
        <v>0</v>
      </c>
      <c r="T1147" s="1">
        <v>0</v>
      </c>
      <c r="AC1147" s="1">
        <v>0</v>
      </c>
      <c r="AD1147" s="1">
        <v>0</v>
      </c>
      <c r="AE1147" s="1">
        <v>0</v>
      </c>
      <c r="AF1147" s="1">
        <v>0</v>
      </c>
      <c r="AG1147" s="1">
        <v>0</v>
      </c>
      <c r="AH1147" s="1">
        <v>0</v>
      </c>
      <c r="AI1147" s="1">
        <v>0</v>
      </c>
      <c r="AJ1147" s="1">
        <v>0</v>
      </c>
      <c r="AK1147" s="1">
        <v>0</v>
      </c>
      <c r="AL1147" s="1">
        <v>0</v>
      </c>
      <c r="AM1147" s="1">
        <v>0</v>
      </c>
      <c r="AN1147" s="1">
        <v>0</v>
      </c>
      <c r="AO1147" s="1">
        <v>0</v>
      </c>
      <c r="AP1147" s="1">
        <v>0</v>
      </c>
      <c r="AQ1147" s="1">
        <v>0</v>
      </c>
      <c r="AR1147" s="1">
        <v>0</v>
      </c>
      <c r="AS1147" s="1">
        <v>0</v>
      </c>
      <c r="AT1147" s="1">
        <v>0</v>
      </c>
      <c r="AU1147" s="1">
        <v>0</v>
      </c>
      <c r="AV1147" s="1">
        <v>0</v>
      </c>
      <c r="BF1147" s="1">
        <v>0</v>
      </c>
      <c r="BG1147" s="1">
        <v>0</v>
      </c>
      <c r="BH1147" s="1">
        <v>0</v>
      </c>
      <c r="BK1147" s="1">
        <v>0</v>
      </c>
      <c r="BM1147" s="1">
        <v>0</v>
      </c>
      <c r="BO1147" s="1">
        <v>0</v>
      </c>
    </row>
    <row r="1148" spans="1:69" x14ac:dyDescent="0.25">
      <c r="A1148" s="1">
        <v>30451156</v>
      </c>
      <c r="B1148" t="s">
        <v>725</v>
      </c>
      <c r="C1148" t="s">
        <v>39</v>
      </c>
      <c r="D1148" t="s">
        <v>174</v>
      </c>
      <c r="E1148" t="s">
        <v>175</v>
      </c>
      <c r="L1148" t="s">
        <v>52</v>
      </c>
      <c r="M1148" s="1">
        <v>0</v>
      </c>
      <c r="N1148" s="1">
        <v>0</v>
      </c>
      <c r="O1148" t="s">
        <v>174</v>
      </c>
      <c r="P1148" t="s">
        <v>176</v>
      </c>
      <c r="Q1148" t="s">
        <v>177</v>
      </c>
      <c r="S1148" t="s">
        <v>222</v>
      </c>
      <c r="T1148" t="s">
        <v>175</v>
      </c>
      <c r="AC1148" t="s">
        <v>180</v>
      </c>
      <c r="AD1148" t="s">
        <v>175</v>
      </c>
      <c r="AE1148" t="s">
        <v>175</v>
      </c>
      <c r="AF1148" t="s">
        <v>181</v>
      </c>
      <c r="AG1148" t="s">
        <v>175</v>
      </c>
      <c r="AH1148" t="s">
        <v>200</v>
      </c>
      <c r="AI1148" t="s">
        <v>200</v>
      </c>
      <c r="AJ1148" t="s">
        <v>200</v>
      </c>
      <c r="AK1148" t="s">
        <v>175</v>
      </c>
      <c r="AL1148" t="s">
        <v>42</v>
      </c>
      <c r="AM1148" t="s">
        <v>206</v>
      </c>
      <c r="AN1148" t="s">
        <v>184</v>
      </c>
      <c r="AO1148" t="s">
        <v>201</v>
      </c>
      <c r="AP1148" t="s">
        <v>182</v>
      </c>
      <c r="AQ1148" t="s">
        <v>202</v>
      </c>
      <c r="AR1148" t="s">
        <v>203</v>
      </c>
      <c r="AS1148" t="s">
        <v>185</v>
      </c>
      <c r="AT1148" t="s">
        <v>205</v>
      </c>
      <c r="AU1148" t="s">
        <v>204</v>
      </c>
      <c r="AV1148" t="s">
        <v>183</v>
      </c>
      <c r="AX1148" t="s">
        <v>186</v>
      </c>
      <c r="AY1148" t="s">
        <v>187</v>
      </c>
      <c r="AZ1148" t="s">
        <v>207</v>
      </c>
      <c r="BA1148" t="s">
        <v>188</v>
      </c>
      <c r="BB1148" t="s">
        <v>208</v>
      </c>
      <c r="BF1148" t="s">
        <v>49</v>
      </c>
      <c r="BG1148" s="1">
        <v>0</v>
      </c>
      <c r="BH1148" t="s">
        <v>247</v>
      </c>
      <c r="BK1148" t="s">
        <v>191</v>
      </c>
      <c r="BL1148" t="s">
        <v>726</v>
      </c>
      <c r="BM1148" t="s">
        <v>191</v>
      </c>
      <c r="BN1148" t="s">
        <v>727</v>
      </c>
      <c r="BO1148" t="s">
        <v>191</v>
      </c>
      <c r="BP1148" t="s">
        <v>728</v>
      </c>
    </row>
    <row r="1149" spans="1:69" x14ac:dyDescent="0.25">
      <c r="A1149" s="1">
        <v>30451171</v>
      </c>
      <c r="B1149" t="s">
        <v>4376</v>
      </c>
      <c r="C1149" t="s">
        <v>39</v>
      </c>
      <c r="D1149" t="s">
        <v>3727</v>
      </c>
      <c r="E1149" t="s">
        <v>195</v>
      </c>
      <c r="L1149" t="s">
        <v>52</v>
      </c>
      <c r="M1149" s="1">
        <v>0</v>
      </c>
      <c r="N1149" s="1">
        <v>0</v>
      </c>
      <c r="O1149" t="s">
        <v>3728</v>
      </c>
      <c r="P1149" t="s">
        <v>176</v>
      </c>
      <c r="Q1149" s="1">
        <v>0</v>
      </c>
      <c r="S1149" s="1">
        <v>0</v>
      </c>
      <c r="T1149" s="1">
        <v>0</v>
      </c>
      <c r="AC1149" s="1">
        <v>0</v>
      </c>
      <c r="AD1149" s="1">
        <v>0</v>
      </c>
      <c r="AE1149" s="1">
        <v>0</v>
      </c>
      <c r="AF1149" s="1">
        <v>0</v>
      </c>
      <c r="AG1149" s="1">
        <v>0</v>
      </c>
      <c r="AH1149" s="1">
        <v>0</v>
      </c>
      <c r="AI1149" s="1">
        <v>0</v>
      </c>
      <c r="AJ1149" s="1">
        <v>0</v>
      </c>
      <c r="AK1149" s="1">
        <v>0</v>
      </c>
      <c r="AL1149" s="1">
        <v>0</v>
      </c>
      <c r="AM1149" s="1">
        <v>0</v>
      </c>
      <c r="AN1149" s="1">
        <v>0</v>
      </c>
      <c r="AO1149" s="1">
        <v>0</v>
      </c>
      <c r="AP1149" s="1">
        <v>0</v>
      </c>
      <c r="AQ1149" s="1">
        <v>0</v>
      </c>
      <c r="AR1149" s="1">
        <v>0</v>
      </c>
      <c r="AS1149" s="1">
        <v>0</v>
      </c>
      <c r="AT1149" s="1">
        <v>0</v>
      </c>
      <c r="AU1149" s="1">
        <v>0</v>
      </c>
      <c r="AV1149" s="1">
        <v>0</v>
      </c>
      <c r="BF1149" s="1">
        <v>0</v>
      </c>
      <c r="BG1149" s="1">
        <v>0</v>
      </c>
      <c r="BH1149" s="1">
        <v>0</v>
      </c>
      <c r="BK1149" s="1">
        <v>0</v>
      </c>
      <c r="BM1149" s="1">
        <v>0</v>
      </c>
      <c r="BO1149" s="1">
        <v>0</v>
      </c>
    </row>
    <row r="1150" spans="1:69" x14ac:dyDescent="0.25">
      <c r="A1150" s="1">
        <v>30451179</v>
      </c>
      <c r="B1150" t="s">
        <v>2950</v>
      </c>
      <c r="C1150" t="s">
        <v>39</v>
      </c>
      <c r="D1150" t="s">
        <v>2512</v>
      </c>
      <c r="E1150" t="s">
        <v>195</v>
      </c>
      <c r="L1150" t="s">
        <v>52</v>
      </c>
      <c r="M1150" s="1">
        <v>0</v>
      </c>
      <c r="N1150" s="1">
        <v>0</v>
      </c>
      <c r="O1150" t="s">
        <v>2512</v>
      </c>
      <c r="P1150" t="s">
        <v>176</v>
      </c>
      <c r="Q1150" t="s">
        <v>196</v>
      </c>
      <c r="S1150" t="s">
        <v>178</v>
      </c>
      <c r="T1150" t="s">
        <v>197</v>
      </c>
      <c r="U1150" t="s">
        <v>2951</v>
      </c>
      <c r="Y1150" t="s">
        <v>224</v>
      </c>
      <c r="AC1150" t="s">
        <v>180</v>
      </c>
      <c r="AD1150" t="s">
        <v>200</v>
      </c>
      <c r="AE1150" t="s">
        <v>175</v>
      </c>
      <c r="AF1150" t="s">
        <v>175</v>
      </c>
      <c r="AG1150" t="s">
        <v>200</v>
      </c>
      <c r="AH1150" t="s">
        <v>200</v>
      </c>
      <c r="AI1150" t="s">
        <v>200</v>
      </c>
      <c r="AJ1150" t="s">
        <v>200</v>
      </c>
      <c r="AK1150" t="s">
        <v>200</v>
      </c>
      <c r="AL1150" t="s">
        <v>52</v>
      </c>
      <c r="AM1150" t="s">
        <v>184</v>
      </c>
      <c r="AN1150" t="s">
        <v>206</v>
      </c>
      <c r="AO1150" t="s">
        <v>183</v>
      </c>
      <c r="AP1150" t="s">
        <v>182</v>
      </c>
      <c r="AQ1150" t="s">
        <v>202</v>
      </c>
      <c r="AR1150" t="s">
        <v>203</v>
      </c>
      <c r="AS1150" t="s">
        <v>185</v>
      </c>
      <c r="AT1150" t="s">
        <v>204</v>
      </c>
      <c r="AU1150" t="s">
        <v>205</v>
      </c>
      <c r="AV1150" t="s">
        <v>201</v>
      </c>
      <c r="AW1150" t="s">
        <v>2952</v>
      </c>
      <c r="AX1150" t="s">
        <v>186</v>
      </c>
      <c r="AY1150" t="s">
        <v>187</v>
      </c>
      <c r="AZ1150" t="s">
        <v>207</v>
      </c>
      <c r="BA1150" t="s">
        <v>188</v>
      </c>
      <c r="BC1150" t="s">
        <v>209</v>
      </c>
      <c r="BF1150" t="s">
        <v>210</v>
      </c>
      <c r="BG1150" s="1">
        <v>0</v>
      </c>
      <c r="BH1150" t="s">
        <v>190</v>
      </c>
      <c r="BK1150" t="s">
        <v>191</v>
      </c>
      <c r="BL1150" t="s">
        <v>325</v>
      </c>
      <c r="BM1150" t="s">
        <v>191</v>
      </c>
      <c r="BN1150" t="s">
        <v>2953</v>
      </c>
      <c r="BO1150" t="s">
        <v>218</v>
      </c>
      <c r="BP1150" t="s">
        <v>2954</v>
      </c>
      <c r="BQ1150" t="s">
        <v>952</v>
      </c>
    </row>
    <row r="1151" spans="1:69" x14ac:dyDescent="0.25">
      <c r="A1151" s="1">
        <v>30451185</v>
      </c>
      <c r="B1151" t="s">
        <v>4377</v>
      </c>
      <c r="C1151" t="s">
        <v>39</v>
      </c>
      <c r="D1151" t="s">
        <v>3727</v>
      </c>
      <c r="E1151" t="s">
        <v>216</v>
      </c>
      <c r="L1151" t="s">
        <v>52</v>
      </c>
      <c r="M1151" s="1">
        <v>0</v>
      </c>
      <c r="N1151" s="1">
        <v>0</v>
      </c>
      <c r="O1151" t="s">
        <v>3728</v>
      </c>
      <c r="P1151" t="s">
        <v>216</v>
      </c>
      <c r="Q1151" t="s">
        <v>328</v>
      </c>
      <c r="S1151" s="1">
        <v>0</v>
      </c>
      <c r="T1151" t="s">
        <v>197</v>
      </c>
      <c r="Y1151" t="s">
        <v>224</v>
      </c>
      <c r="AC1151" t="s">
        <v>199</v>
      </c>
      <c r="AD1151" t="s">
        <v>181</v>
      </c>
      <c r="AE1151" t="s">
        <v>181</v>
      </c>
      <c r="AF1151" t="s">
        <v>181</v>
      </c>
      <c r="AG1151" t="s">
        <v>230</v>
      </c>
      <c r="AH1151" t="s">
        <v>175</v>
      </c>
      <c r="AI1151" t="s">
        <v>175</v>
      </c>
      <c r="AJ1151" t="s">
        <v>181</v>
      </c>
      <c r="AK1151" t="s">
        <v>181</v>
      </c>
      <c r="AL1151" t="s">
        <v>42</v>
      </c>
      <c r="AM1151" t="s">
        <v>201</v>
      </c>
      <c r="AN1151" t="s">
        <v>206</v>
      </c>
      <c r="AO1151" t="s">
        <v>183</v>
      </c>
      <c r="AP1151" t="s">
        <v>203</v>
      </c>
      <c r="AQ1151" t="s">
        <v>184</v>
      </c>
      <c r="AR1151" t="s">
        <v>185</v>
      </c>
      <c r="AS1151" t="s">
        <v>202</v>
      </c>
      <c r="AT1151" t="s">
        <v>205</v>
      </c>
      <c r="AU1151" t="s">
        <v>182</v>
      </c>
      <c r="AV1151" t="s">
        <v>204</v>
      </c>
      <c r="AY1151" t="s">
        <v>187</v>
      </c>
      <c r="AZ1151" t="s">
        <v>207</v>
      </c>
      <c r="BA1151" t="s">
        <v>188</v>
      </c>
      <c r="BC1151" t="s">
        <v>209</v>
      </c>
      <c r="BF1151" t="s">
        <v>189</v>
      </c>
      <c r="BG1151" s="1">
        <v>0</v>
      </c>
      <c r="BH1151" t="s">
        <v>412</v>
      </c>
      <c r="BI1151" t="s">
        <v>4378</v>
      </c>
      <c r="BK1151" t="s">
        <v>191</v>
      </c>
      <c r="BM1151" t="s">
        <v>191</v>
      </c>
      <c r="BO1151" t="s">
        <v>191</v>
      </c>
    </row>
    <row r="1152" spans="1:69" x14ac:dyDescent="0.25">
      <c r="A1152" s="1">
        <v>30451188</v>
      </c>
      <c r="B1152" t="s">
        <v>729</v>
      </c>
      <c r="C1152" t="s">
        <v>39</v>
      </c>
      <c r="D1152" t="s">
        <v>174</v>
      </c>
      <c r="E1152" t="s">
        <v>175</v>
      </c>
      <c r="L1152" t="s">
        <v>52</v>
      </c>
      <c r="M1152" s="1">
        <v>0</v>
      </c>
      <c r="N1152" s="1">
        <v>0</v>
      </c>
      <c r="O1152" t="s">
        <v>174</v>
      </c>
      <c r="P1152" t="s">
        <v>216</v>
      </c>
      <c r="Q1152" t="s">
        <v>177</v>
      </c>
      <c r="S1152" s="1">
        <v>0</v>
      </c>
      <c r="T1152" t="s">
        <v>175</v>
      </c>
      <c r="W1152" t="s">
        <v>262</v>
      </c>
      <c r="X1152" t="s">
        <v>179</v>
      </c>
      <c r="Y1152" t="s">
        <v>224</v>
      </c>
      <c r="AC1152" t="s">
        <v>180</v>
      </c>
      <c r="AD1152" t="s">
        <v>175</v>
      </c>
      <c r="AE1152" t="s">
        <v>181</v>
      </c>
      <c r="AF1152" t="s">
        <v>181</v>
      </c>
      <c r="AG1152" t="s">
        <v>175</v>
      </c>
      <c r="AH1152" t="s">
        <v>175</v>
      </c>
      <c r="AI1152" t="s">
        <v>175</v>
      </c>
      <c r="AJ1152" t="s">
        <v>175</v>
      </c>
      <c r="AK1152" t="s">
        <v>175</v>
      </c>
      <c r="AL1152" t="s">
        <v>42</v>
      </c>
      <c r="AM1152" t="s">
        <v>183</v>
      </c>
      <c r="AN1152" t="s">
        <v>205</v>
      </c>
      <c r="AO1152" t="s">
        <v>201</v>
      </c>
      <c r="AP1152" t="s">
        <v>182</v>
      </c>
      <c r="AQ1152" t="s">
        <v>185</v>
      </c>
      <c r="AR1152" t="s">
        <v>203</v>
      </c>
      <c r="AS1152" t="s">
        <v>184</v>
      </c>
      <c r="AT1152" t="s">
        <v>206</v>
      </c>
      <c r="AU1152" t="s">
        <v>204</v>
      </c>
      <c r="AV1152" t="s">
        <v>202</v>
      </c>
      <c r="AX1152" t="s">
        <v>186</v>
      </c>
      <c r="AY1152" t="s">
        <v>187</v>
      </c>
      <c r="AZ1152" t="s">
        <v>207</v>
      </c>
      <c r="BA1152" t="s">
        <v>188</v>
      </c>
      <c r="BB1152" t="s">
        <v>208</v>
      </c>
      <c r="BC1152" t="s">
        <v>209</v>
      </c>
      <c r="BF1152" t="s">
        <v>189</v>
      </c>
      <c r="BG1152" s="1">
        <v>0</v>
      </c>
      <c r="BH1152" t="s">
        <v>211</v>
      </c>
      <c r="BK1152" t="s">
        <v>191</v>
      </c>
      <c r="BL1152" t="s">
        <v>730</v>
      </c>
      <c r="BM1152" t="s">
        <v>191</v>
      </c>
      <c r="BO1152" t="s">
        <v>191</v>
      </c>
      <c r="BP1152" t="s">
        <v>730</v>
      </c>
    </row>
    <row r="1153" spans="1:69" x14ac:dyDescent="0.25">
      <c r="A1153" s="1">
        <v>30451260</v>
      </c>
      <c r="B1153" t="s">
        <v>2248</v>
      </c>
      <c r="C1153" t="s">
        <v>39</v>
      </c>
      <c r="D1153" t="s">
        <v>1616</v>
      </c>
      <c r="E1153" t="s">
        <v>175</v>
      </c>
      <c r="L1153" t="s">
        <v>52</v>
      </c>
      <c r="M1153" s="1">
        <v>0</v>
      </c>
      <c r="N1153" s="1">
        <v>0</v>
      </c>
      <c r="O1153" t="s">
        <v>1616</v>
      </c>
      <c r="P1153" t="s">
        <v>216</v>
      </c>
      <c r="Q1153" t="s">
        <v>177</v>
      </c>
      <c r="S1153" s="1">
        <v>0</v>
      </c>
      <c r="T1153" t="s">
        <v>175</v>
      </c>
      <c r="W1153" t="s">
        <v>262</v>
      </c>
      <c r="Y1153" t="s">
        <v>224</v>
      </c>
      <c r="AC1153" t="s">
        <v>180</v>
      </c>
      <c r="AD1153" t="s">
        <v>200</v>
      </c>
      <c r="AE1153" t="s">
        <v>200</v>
      </c>
      <c r="AF1153" t="s">
        <v>200</v>
      </c>
      <c r="AG1153" t="s">
        <v>200</v>
      </c>
      <c r="AH1153" t="s">
        <v>200</v>
      </c>
      <c r="AI1153" t="s">
        <v>200</v>
      </c>
      <c r="AJ1153" t="s">
        <v>200</v>
      </c>
      <c r="AK1153" t="s">
        <v>200</v>
      </c>
      <c r="AL1153" t="s">
        <v>52</v>
      </c>
      <c r="AM1153" t="s">
        <v>204</v>
      </c>
      <c r="AN1153" t="s">
        <v>183</v>
      </c>
      <c r="AO1153" t="s">
        <v>184</v>
      </c>
      <c r="AP1153" t="s">
        <v>185</v>
      </c>
      <c r="AQ1153" t="s">
        <v>202</v>
      </c>
      <c r="AR1153" t="s">
        <v>203</v>
      </c>
      <c r="AS1153" t="s">
        <v>182</v>
      </c>
      <c r="AT1153" t="s">
        <v>201</v>
      </c>
      <c r="AU1153" t="s">
        <v>206</v>
      </c>
      <c r="AV1153" t="s">
        <v>205</v>
      </c>
      <c r="AW1153" t="s">
        <v>2249</v>
      </c>
      <c r="AX1153" t="s">
        <v>186</v>
      </c>
      <c r="BA1153" t="s">
        <v>188</v>
      </c>
      <c r="BC1153" t="s">
        <v>209</v>
      </c>
      <c r="BF1153" t="s">
        <v>232</v>
      </c>
      <c r="BG1153" t="s">
        <v>276</v>
      </c>
      <c r="BH1153" t="s">
        <v>247</v>
      </c>
      <c r="BK1153" t="s">
        <v>191</v>
      </c>
      <c r="BL1153" t="s">
        <v>2250</v>
      </c>
      <c r="BM1153" t="s">
        <v>191</v>
      </c>
      <c r="BN1153" t="s">
        <v>2251</v>
      </c>
      <c r="BO1153" t="s">
        <v>218</v>
      </c>
      <c r="BP1153" t="s">
        <v>2252</v>
      </c>
    </row>
    <row r="1154" spans="1:69" x14ac:dyDescent="0.25">
      <c r="A1154" s="1">
        <v>30451337</v>
      </c>
      <c r="B1154" t="s">
        <v>2955</v>
      </c>
      <c r="C1154" t="s">
        <v>39</v>
      </c>
      <c r="D1154" t="s">
        <v>2512</v>
      </c>
      <c r="E1154" t="s">
        <v>200</v>
      </c>
      <c r="L1154" t="s">
        <v>52</v>
      </c>
      <c r="M1154" s="1">
        <v>0</v>
      </c>
      <c r="N1154" s="1">
        <v>0</v>
      </c>
      <c r="O1154" t="s">
        <v>2512</v>
      </c>
      <c r="P1154" t="s">
        <v>176</v>
      </c>
      <c r="Q1154" t="s">
        <v>177</v>
      </c>
      <c r="S1154" t="s">
        <v>178</v>
      </c>
      <c r="T1154" t="s">
        <v>200</v>
      </c>
      <c r="Z1154" t="s">
        <v>244</v>
      </c>
      <c r="AC1154" t="s">
        <v>180</v>
      </c>
      <c r="AD1154" t="s">
        <v>181</v>
      </c>
      <c r="AE1154" t="s">
        <v>175</v>
      </c>
      <c r="AF1154" t="s">
        <v>175</v>
      </c>
      <c r="AG1154" t="s">
        <v>175</v>
      </c>
      <c r="AH1154" t="s">
        <v>175</v>
      </c>
      <c r="AI1154" t="s">
        <v>200</v>
      </c>
      <c r="AJ1154" t="s">
        <v>175</v>
      </c>
      <c r="AK1154" t="s">
        <v>181</v>
      </c>
      <c r="AL1154" t="s">
        <v>52</v>
      </c>
      <c r="AM1154" t="s">
        <v>205</v>
      </c>
      <c r="AN1154" t="s">
        <v>204</v>
      </c>
      <c r="AO1154" t="s">
        <v>185</v>
      </c>
      <c r="AP1154" t="s">
        <v>184</v>
      </c>
      <c r="AQ1154" t="s">
        <v>183</v>
      </c>
      <c r="AR1154" t="s">
        <v>201</v>
      </c>
      <c r="AS1154" t="s">
        <v>182</v>
      </c>
      <c r="AT1154" t="s">
        <v>203</v>
      </c>
      <c r="AU1154" t="s">
        <v>202</v>
      </c>
      <c r="AV1154" t="s">
        <v>206</v>
      </c>
      <c r="AX1154" t="s">
        <v>186</v>
      </c>
      <c r="BC1154" t="s">
        <v>209</v>
      </c>
      <c r="BF1154" s="1">
        <v>0</v>
      </c>
      <c r="BG1154" s="1">
        <v>0</v>
      </c>
      <c r="BH1154" t="s">
        <v>211</v>
      </c>
      <c r="BK1154" t="s">
        <v>191</v>
      </c>
      <c r="BL1154" t="s">
        <v>576</v>
      </c>
      <c r="BM1154" t="s">
        <v>218</v>
      </c>
      <c r="BN1154" t="s">
        <v>576</v>
      </c>
      <c r="BO1154" t="s">
        <v>191</v>
      </c>
    </row>
    <row r="1155" spans="1:69" x14ac:dyDescent="0.25">
      <c r="A1155" s="1">
        <v>30451368</v>
      </c>
      <c r="B1155" t="s">
        <v>2253</v>
      </c>
      <c r="C1155" t="s">
        <v>39</v>
      </c>
      <c r="D1155" t="s">
        <v>1616</v>
      </c>
      <c r="E1155" t="s">
        <v>195</v>
      </c>
      <c r="L1155" t="s">
        <v>52</v>
      </c>
      <c r="M1155" s="1">
        <v>0</v>
      </c>
      <c r="N1155" s="1">
        <v>0</v>
      </c>
      <c r="O1155" t="s">
        <v>1616</v>
      </c>
      <c r="P1155" t="s">
        <v>176</v>
      </c>
      <c r="Q1155" t="s">
        <v>196</v>
      </c>
      <c r="S1155" t="s">
        <v>178</v>
      </c>
      <c r="T1155" t="s">
        <v>197</v>
      </c>
      <c r="U1155" t="s">
        <v>2254</v>
      </c>
      <c r="X1155" t="s">
        <v>179</v>
      </c>
      <c r="AC1155" t="s">
        <v>180</v>
      </c>
      <c r="AD1155" t="s">
        <v>230</v>
      </c>
      <c r="AE1155" t="s">
        <v>230</v>
      </c>
      <c r="AF1155" t="s">
        <v>230</v>
      </c>
      <c r="AG1155" t="s">
        <v>181</v>
      </c>
      <c r="AH1155" t="s">
        <v>200</v>
      </c>
      <c r="AI1155" t="s">
        <v>200</v>
      </c>
      <c r="AJ1155" t="s">
        <v>175</v>
      </c>
      <c r="AK1155" t="s">
        <v>230</v>
      </c>
      <c r="AL1155" t="s">
        <v>42</v>
      </c>
      <c r="AM1155" s="1">
        <v>0</v>
      </c>
      <c r="AN1155" s="1">
        <v>0</v>
      </c>
      <c r="AO1155" s="1">
        <v>0</v>
      </c>
      <c r="AP1155" t="s">
        <v>185</v>
      </c>
      <c r="AQ1155" s="1">
        <v>0</v>
      </c>
      <c r="AR1155" s="1">
        <v>0</v>
      </c>
      <c r="AS1155" s="1">
        <v>0</v>
      </c>
      <c r="AT1155" s="1">
        <v>0</v>
      </c>
      <c r="AU1155" s="1">
        <v>0</v>
      </c>
      <c r="AV1155" s="1">
        <v>0</v>
      </c>
      <c r="AZ1155" t="s">
        <v>207</v>
      </c>
      <c r="BA1155" t="s">
        <v>188</v>
      </c>
      <c r="BC1155" t="s">
        <v>209</v>
      </c>
      <c r="BF1155" t="s">
        <v>189</v>
      </c>
      <c r="BG1155" s="1">
        <v>0</v>
      </c>
      <c r="BH1155" t="s">
        <v>211</v>
      </c>
      <c r="BK1155" t="s">
        <v>191</v>
      </c>
      <c r="BL1155" t="s">
        <v>2255</v>
      </c>
      <c r="BM1155" t="s">
        <v>191</v>
      </c>
      <c r="BN1155" t="s">
        <v>2256</v>
      </c>
      <c r="BO1155" t="s">
        <v>191</v>
      </c>
      <c r="BP1155" t="s">
        <v>2257</v>
      </c>
    </row>
    <row r="1156" spans="1:69" x14ac:dyDescent="0.25">
      <c r="A1156" s="1">
        <v>30451387</v>
      </c>
      <c r="B1156" t="s">
        <v>1421</v>
      </c>
      <c r="C1156" t="s">
        <v>39</v>
      </c>
      <c r="D1156" t="s">
        <v>942</v>
      </c>
      <c r="E1156" t="s">
        <v>175</v>
      </c>
      <c r="L1156" t="s">
        <v>52</v>
      </c>
      <c r="M1156" s="1">
        <v>0</v>
      </c>
      <c r="N1156" s="1">
        <v>0</v>
      </c>
      <c r="O1156" t="s">
        <v>942</v>
      </c>
      <c r="P1156" t="s">
        <v>176</v>
      </c>
      <c r="Q1156" t="s">
        <v>177</v>
      </c>
      <c r="S1156" t="s">
        <v>349</v>
      </c>
      <c r="T1156" t="s">
        <v>175</v>
      </c>
      <c r="X1156" t="s">
        <v>179</v>
      </c>
      <c r="AC1156" t="s">
        <v>225</v>
      </c>
      <c r="AD1156" t="s">
        <v>175</v>
      </c>
      <c r="AE1156" t="s">
        <v>175</v>
      </c>
      <c r="AF1156" t="s">
        <v>175</v>
      </c>
      <c r="AG1156" t="s">
        <v>175</v>
      </c>
      <c r="AH1156" t="s">
        <v>175</v>
      </c>
      <c r="AI1156" t="s">
        <v>175</v>
      </c>
      <c r="AJ1156" t="s">
        <v>175</v>
      </c>
      <c r="AK1156" t="s">
        <v>175</v>
      </c>
      <c r="AL1156" t="s">
        <v>42</v>
      </c>
      <c r="AM1156" t="s">
        <v>206</v>
      </c>
      <c r="AN1156" t="s">
        <v>205</v>
      </c>
      <c r="AO1156" t="s">
        <v>202</v>
      </c>
      <c r="AP1156" t="s">
        <v>185</v>
      </c>
      <c r="AQ1156" t="s">
        <v>204</v>
      </c>
      <c r="AR1156" t="s">
        <v>183</v>
      </c>
      <c r="AS1156" t="s">
        <v>184</v>
      </c>
      <c r="AT1156" t="s">
        <v>201</v>
      </c>
      <c r="AU1156" t="s">
        <v>203</v>
      </c>
      <c r="AV1156" t="s">
        <v>182</v>
      </c>
      <c r="AX1156" t="s">
        <v>186</v>
      </c>
      <c r="AZ1156" t="s">
        <v>207</v>
      </c>
      <c r="BB1156" t="s">
        <v>208</v>
      </c>
      <c r="BC1156" t="s">
        <v>209</v>
      </c>
      <c r="BF1156" t="s">
        <v>210</v>
      </c>
      <c r="BG1156" s="1">
        <v>0</v>
      </c>
      <c r="BH1156" t="s">
        <v>247</v>
      </c>
      <c r="BK1156" t="s">
        <v>191</v>
      </c>
      <c r="BM1156" t="s">
        <v>191</v>
      </c>
      <c r="BO1156" t="s">
        <v>218</v>
      </c>
      <c r="BQ1156" t="s">
        <v>1422</v>
      </c>
    </row>
    <row r="1157" spans="1:69" x14ac:dyDescent="0.25">
      <c r="A1157" s="1">
        <v>30451437</v>
      </c>
      <c r="B1157" t="s">
        <v>2956</v>
      </c>
      <c r="C1157" t="s">
        <v>39</v>
      </c>
      <c r="D1157" t="s">
        <v>2512</v>
      </c>
      <c r="E1157" t="s">
        <v>175</v>
      </c>
      <c r="L1157" t="s">
        <v>52</v>
      </c>
      <c r="M1157" s="1">
        <v>0</v>
      </c>
      <c r="N1157" s="1">
        <v>0</v>
      </c>
      <c r="O1157" t="s">
        <v>2512</v>
      </c>
      <c r="P1157" t="s">
        <v>176</v>
      </c>
      <c r="Q1157" t="s">
        <v>238</v>
      </c>
      <c r="S1157" t="s">
        <v>178</v>
      </c>
      <c r="T1157" t="s">
        <v>175</v>
      </c>
      <c r="W1157" t="s">
        <v>262</v>
      </c>
      <c r="X1157" t="s">
        <v>179</v>
      </c>
      <c r="Y1157" t="s">
        <v>224</v>
      </c>
      <c r="Z1157" t="s">
        <v>244</v>
      </c>
      <c r="AC1157" t="s">
        <v>266</v>
      </c>
      <c r="AD1157" t="s">
        <v>181</v>
      </c>
      <c r="AE1157" t="s">
        <v>299</v>
      </c>
      <c r="AF1157" t="s">
        <v>230</v>
      </c>
      <c r="AG1157" t="s">
        <v>299</v>
      </c>
      <c r="AH1157" t="s">
        <v>175</v>
      </c>
      <c r="AI1157" t="s">
        <v>230</v>
      </c>
      <c r="AJ1157" t="s">
        <v>175</v>
      </c>
      <c r="AK1157" t="s">
        <v>299</v>
      </c>
      <c r="AL1157" t="s">
        <v>42</v>
      </c>
      <c r="AM1157" t="s">
        <v>183</v>
      </c>
      <c r="AN1157" t="s">
        <v>184</v>
      </c>
      <c r="AO1157" t="s">
        <v>201</v>
      </c>
      <c r="AP1157" t="s">
        <v>206</v>
      </c>
      <c r="AQ1157" t="s">
        <v>185</v>
      </c>
      <c r="AR1157" t="s">
        <v>182</v>
      </c>
      <c r="AS1157" t="s">
        <v>203</v>
      </c>
      <c r="AT1157" t="s">
        <v>204</v>
      </c>
      <c r="AU1157" t="s">
        <v>205</v>
      </c>
      <c r="AV1157" t="s">
        <v>202</v>
      </c>
      <c r="AX1157" t="s">
        <v>186</v>
      </c>
      <c r="AY1157" t="s">
        <v>187</v>
      </c>
      <c r="BA1157" t="s">
        <v>188</v>
      </c>
      <c r="BF1157" t="s">
        <v>189</v>
      </c>
      <c r="BG1157" s="1">
        <v>0</v>
      </c>
      <c r="BH1157" t="s">
        <v>302</v>
      </c>
      <c r="BI1157" t="s">
        <v>2957</v>
      </c>
      <c r="BK1157" t="s">
        <v>191</v>
      </c>
      <c r="BL1157" t="s">
        <v>2958</v>
      </c>
      <c r="BM1157" s="1">
        <v>0</v>
      </c>
      <c r="BO1157" s="1">
        <v>0</v>
      </c>
    </row>
    <row r="1158" spans="1:69" x14ac:dyDescent="0.25">
      <c r="A1158" s="1">
        <v>30451450</v>
      </c>
      <c r="B1158" t="s">
        <v>2258</v>
      </c>
      <c r="C1158" t="s">
        <v>39</v>
      </c>
      <c r="D1158" t="s">
        <v>1616</v>
      </c>
      <c r="E1158" t="s">
        <v>200</v>
      </c>
      <c r="L1158" t="s">
        <v>52</v>
      </c>
      <c r="M1158" s="1">
        <v>0</v>
      </c>
      <c r="N1158" s="1">
        <v>0</v>
      </c>
      <c r="O1158" t="s">
        <v>1616</v>
      </c>
      <c r="P1158" t="s">
        <v>216</v>
      </c>
      <c r="Q1158" t="s">
        <v>322</v>
      </c>
      <c r="S1158" s="1">
        <v>0</v>
      </c>
      <c r="T1158" t="s">
        <v>200</v>
      </c>
      <c r="AC1158" t="s">
        <v>199</v>
      </c>
      <c r="AD1158" t="s">
        <v>299</v>
      </c>
      <c r="AE1158" t="s">
        <v>299</v>
      </c>
      <c r="AF1158" t="s">
        <v>299</v>
      </c>
      <c r="AG1158" t="s">
        <v>299</v>
      </c>
      <c r="AH1158" t="s">
        <v>299</v>
      </c>
      <c r="AI1158" t="s">
        <v>299</v>
      </c>
      <c r="AJ1158" t="s">
        <v>299</v>
      </c>
      <c r="AK1158" t="s">
        <v>299</v>
      </c>
      <c r="AL1158" t="s">
        <v>42</v>
      </c>
      <c r="AM1158" t="s">
        <v>184</v>
      </c>
      <c r="AN1158" t="s">
        <v>183</v>
      </c>
      <c r="AO1158" t="s">
        <v>185</v>
      </c>
      <c r="AP1158" t="s">
        <v>204</v>
      </c>
      <c r="AQ1158" t="s">
        <v>202</v>
      </c>
      <c r="AR1158" t="s">
        <v>205</v>
      </c>
      <c r="AS1158" t="s">
        <v>201</v>
      </c>
      <c r="AT1158" t="s">
        <v>182</v>
      </c>
      <c r="AU1158" t="s">
        <v>203</v>
      </c>
      <c r="AV1158" t="s">
        <v>206</v>
      </c>
      <c r="AX1158" t="s">
        <v>186</v>
      </c>
      <c r="AZ1158" t="s">
        <v>207</v>
      </c>
      <c r="BF1158" t="s">
        <v>210</v>
      </c>
      <c r="BG1158" s="1">
        <v>0</v>
      </c>
      <c r="BH1158" t="s">
        <v>211</v>
      </c>
      <c r="BK1158" t="s">
        <v>191</v>
      </c>
      <c r="BL1158" t="s">
        <v>2259</v>
      </c>
      <c r="BM1158" t="s">
        <v>191</v>
      </c>
      <c r="BN1158" t="s">
        <v>2260</v>
      </c>
      <c r="BO1158" t="s">
        <v>191</v>
      </c>
      <c r="BP1158" t="s">
        <v>2261</v>
      </c>
      <c r="BQ1158" t="s">
        <v>225</v>
      </c>
    </row>
    <row r="1159" spans="1:69" x14ac:dyDescent="0.25">
      <c r="A1159" s="1">
        <v>30451483</v>
      </c>
      <c r="B1159" t="s">
        <v>2262</v>
      </c>
      <c r="C1159" t="s">
        <v>39</v>
      </c>
      <c r="D1159" t="s">
        <v>1616</v>
      </c>
      <c r="E1159" t="s">
        <v>175</v>
      </c>
      <c r="L1159" t="s">
        <v>52</v>
      </c>
      <c r="M1159" s="1">
        <v>0</v>
      </c>
      <c r="N1159" s="1">
        <v>0</v>
      </c>
      <c r="O1159" t="s">
        <v>1616</v>
      </c>
      <c r="P1159" t="s">
        <v>176</v>
      </c>
      <c r="Q1159" t="s">
        <v>177</v>
      </c>
      <c r="S1159" t="s">
        <v>178</v>
      </c>
      <c r="T1159" t="s">
        <v>175</v>
      </c>
      <c r="X1159" t="s">
        <v>179</v>
      </c>
      <c r="AC1159" t="s">
        <v>199</v>
      </c>
      <c r="AD1159" t="s">
        <v>175</v>
      </c>
      <c r="AE1159" t="s">
        <v>175</v>
      </c>
      <c r="AF1159" t="s">
        <v>181</v>
      </c>
      <c r="AG1159" t="s">
        <v>181</v>
      </c>
      <c r="AH1159" t="s">
        <v>175</v>
      </c>
      <c r="AI1159" t="s">
        <v>175</v>
      </c>
      <c r="AJ1159" t="s">
        <v>175</v>
      </c>
      <c r="AK1159" t="s">
        <v>175</v>
      </c>
      <c r="AL1159" t="s">
        <v>42</v>
      </c>
      <c r="AM1159" t="s">
        <v>182</v>
      </c>
      <c r="AN1159" t="s">
        <v>204</v>
      </c>
      <c r="AO1159" t="s">
        <v>201</v>
      </c>
      <c r="AP1159" t="s">
        <v>184</v>
      </c>
      <c r="AQ1159" t="s">
        <v>185</v>
      </c>
      <c r="AR1159" t="s">
        <v>202</v>
      </c>
      <c r="AS1159" t="s">
        <v>203</v>
      </c>
      <c r="AT1159" t="s">
        <v>205</v>
      </c>
      <c r="AU1159" t="s">
        <v>206</v>
      </c>
      <c r="AV1159" t="s">
        <v>183</v>
      </c>
      <c r="AX1159" t="s">
        <v>186</v>
      </c>
      <c r="AY1159" t="s">
        <v>187</v>
      </c>
      <c r="AZ1159" t="s">
        <v>207</v>
      </c>
      <c r="BA1159" t="s">
        <v>188</v>
      </c>
      <c r="BB1159" t="s">
        <v>208</v>
      </c>
      <c r="BF1159" t="s">
        <v>232</v>
      </c>
      <c r="BG1159" t="s">
        <v>301</v>
      </c>
      <c r="BH1159" t="s">
        <v>211</v>
      </c>
      <c r="BK1159" t="s">
        <v>191</v>
      </c>
      <c r="BL1159" t="s">
        <v>2263</v>
      </c>
      <c r="BM1159" t="s">
        <v>191</v>
      </c>
      <c r="BN1159" t="s">
        <v>2264</v>
      </c>
      <c r="BO1159" t="s">
        <v>218</v>
      </c>
      <c r="BP1159" t="s">
        <v>2265</v>
      </c>
    </row>
    <row r="1160" spans="1:69" x14ac:dyDescent="0.25">
      <c r="A1160" s="1">
        <v>30451501</v>
      </c>
      <c r="B1160" t="s">
        <v>2959</v>
      </c>
      <c r="C1160" t="s">
        <v>39</v>
      </c>
      <c r="D1160" t="s">
        <v>2512</v>
      </c>
      <c r="E1160" t="s">
        <v>175</v>
      </c>
      <c r="L1160" t="s">
        <v>52</v>
      </c>
      <c r="M1160" s="1">
        <v>0</v>
      </c>
      <c r="N1160" s="1">
        <v>0</v>
      </c>
      <c r="O1160" t="s">
        <v>2512</v>
      </c>
      <c r="P1160" t="s">
        <v>216</v>
      </c>
      <c r="Q1160" t="s">
        <v>328</v>
      </c>
      <c r="S1160" s="1">
        <v>0</v>
      </c>
      <c r="T1160" t="s">
        <v>175</v>
      </c>
      <c r="W1160" t="s">
        <v>262</v>
      </c>
      <c r="X1160" t="s">
        <v>179</v>
      </c>
      <c r="Y1160" t="s">
        <v>224</v>
      </c>
      <c r="AC1160" t="s">
        <v>180</v>
      </c>
      <c r="AD1160" t="s">
        <v>175</v>
      </c>
      <c r="AE1160" t="s">
        <v>175</v>
      </c>
      <c r="AF1160" t="s">
        <v>175</v>
      </c>
      <c r="AG1160" t="s">
        <v>181</v>
      </c>
      <c r="AH1160" t="s">
        <v>175</v>
      </c>
      <c r="AI1160" t="s">
        <v>175</v>
      </c>
      <c r="AJ1160" t="s">
        <v>175</v>
      </c>
      <c r="AK1160" t="s">
        <v>175</v>
      </c>
      <c r="AL1160" t="s">
        <v>42</v>
      </c>
      <c r="AM1160" t="s">
        <v>201</v>
      </c>
      <c r="AN1160" t="s">
        <v>184</v>
      </c>
      <c r="AO1160" t="s">
        <v>205</v>
      </c>
      <c r="AP1160" t="s">
        <v>204</v>
      </c>
      <c r="AQ1160" t="s">
        <v>185</v>
      </c>
      <c r="AR1160" t="s">
        <v>183</v>
      </c>
      <c r="AS1160" t="s">
        <v>203</v>
      </c>
      <c r="AT1160" t="s">
        <v>182</v>
      </c>
      <c r="AU1160" t="s">
        <v>206</v>
      </c>
      <c r="AV1160" t="s">
        <v>202</v>
      </c>
      <c r="AW1160" t="s">
        <v>2960</v>
      </c>
      <c r="AX1160" t="s">
        <v>186</v>
      </c>
      <c r="AZ1160" t="s">
        <v>207</v>
      </c>
      <c r="BA1160" t="s">
        <v>188</v>
      </c>
      <c r="BF1160" t="s">
        <v>232</v>
      </c>
      <c r="BG1160" t="s">
        <v>233</v>
      </c>
      <c r="BH1160" t="s">
        <v>302</v>
      </c>
      <c r="BI1160" t="s">
        <v>2961</v>
      </c>
      <c r="BK1160" t="s">
        <v>191</v>
      </c>
      <c r="BL1160" t="s">
        <v>2962</v>
      </c>
      <c r="BM1160" t="s">
        <v>191</v>
      </c>
      <c r="BN1160" t="s">
        <v>2963</v>
      </c>
      <c r="BO1160" t="s">
        <v>191</v>
      </c>
      <c r="BP1160" t="s">
        <v>2964</v>
      </c>
      <c r="BQ1160" t="s">
        <v>2965</v>
      </c>
    </row>
    <row r="1161" spans="1:69" x14ac:dyDescent="0.25">
      <c r="A1161" s="1">
        <v>30451530</v>
      </c>
      <c r="B1161" t="s">
        <v>1423</v>
      </c>
      <c r="C1161" t="s">
        <v>39</v>
      </c>
      <c r="D1161" t="s">
        <v>942</v>
      </c>
      <c r="E1161" t="s">
        <v>175</v>
      </c>
      <c r="L1161" t="s">
        <v>52</v>
      </c>
      <c r="M1161" s="1">
        <v>0</v>
      </c>
      <c r="N1161" s="1">
        <v>0</v>
      </c>
      <c r="O1161" t="s">
        <v>942</v>
      </c>
      <c r="P1161" t="s">
        <v>176</v>
      </c>
      <c r="Q1161" t="s">
        <v>177</v>
      </c>
      <c r="S1161" t="s">
        <v>178</v>
      </c>
      <c r="T1161" t="s">
        <v>175</v>
      </c>
      <c r="Y1161" t="s">
        <v>224</v>
      </c>
      <c r="AC1161" t="s">
        <v>180</v>
      </c>
      <c r="AD1161" t="s">
        <v>175</v>
      </c>
      <c r="AE1161" t="s">
        <v>175</v>
      </c>
      <c r="AF1161" t="s">
        <v>175</v>
      </c>
      <c r="AG1161" t="s">
        <v>175</v>
      </c>
      <c r="AH1161" t="s">
        <v>175</v>
      </c>
      <c r="AI1161" t="s">
        <v>175</v>
      </c>
      <c r="AJ1161" t="s">
        <v>175</v>
      </c>
      <c r="AK1161" t="s">
        <v>175</v>
      </c>
      <c r="AL1161" t="s">
        <v>42</v>
      </c>
      <c r="AM1161" t="s">
        <v>206</v>
      </c>
      <c r="AN1161" t="s">
        <v>182</v>
      </c>
      <c r="AO1161" t="s">
        <v>184</v>
      </c>
      <c r="AP1161" t="s">
        <v>185</v>
      </c>
      <c r="AQ1161" t="s">
        <v>202</v>
      </c>
      <c r="AR1161" t="s">
        <v>205</v>
      </c>
      <c r="AS1161" t="s">
        <v>203</v>
      </c>
      <c r="AT1161" t="s">
        <v>201</v>
      </c>
      <c r="AU1161" t="s">
        <v>204</v>
      </c>
      <c r="AV1161" t="s">
        <v>183</v>
      </c>
      <c r="AX1161" t="s">
        <v>186</v>
      </c>
      <c r="BF1161" t="s">
        <v>232</v>
      </c>
      <c r="BG1161" t="s">
        <v>301</v>
      </c>
      <c r="BH1161" t="s">
        <v>211</v>
      </c>
      <c r="BK1161" t="s">
        <v>191</v>
      </c>
      <c r="BL1161" t="s">
        <v>1424</v>
      </c>
      <c r="BM1161" s="1">
        <v>0</v>
      </c>
      <c r="BN1161" t="s">
        <v>1425</v>
      </c>
      <c r="BO1161" t="s">
        <v>218</v>
      </c>
      <c r="BP1161" t="s">
        <v>1426</v>
      </c>
      <c r="BQ1161" t="s">
        <v>1427</v>
      </c>
    </row>
    <row r="1162" spans="1:69" x14ac:dyDescent="0.25">
      <c r="A1162" s="1">
        <v>30451538</v>
      </c>
      <c r="B1162" t="s">
        <v>4379</v>
      </c>
      <c r="C1162" t="s">
        <v>39</v>
      </c>
      <c r="D1162" t="s">
        <v>3727</v>
      </c>
      <c r="E1162" t="s">
        <v>175</v>
      </c>
      <c r="L1162" t="s">
        <v>52</v>
      </c>
      <c r="M1162" s="1">
        <v>0</v>
      </c>
      <c r="N1162" s="1">
        <v>0</v>
      </c>
      <c r="O1162" t="s">
        <v>3728</v>
      </c>
      <c r="P1162" t="s">
        <v>216</v>
      </c>
      <c r="Q1162" t="s">
        <v>196</v>
      </c>
      <c r="S1162" s="1">
        <v>0</v>
      </c>
      <c r="T1162" t="s">
        <v>175</v>
      </c>
      <c r="Y1162" t="s">
        <v>224</v>
      </c>
      <c r="AC1162" t="s">
        <v>225</v>
      </c>
      <c r="AD1162" t="s">
        <v>175</v>
      </c>
      <c r="AE1162" t="s">
        <v>175</v>
      </c>
      <c r="AF1162" t="s">
        <v>175</v>
      </c>
      <c r="AG1162" t="s">
        <v>175</v>
      </c>
      <c r="AH1162" t="s">
        <v>175</v>
      </c>
      <c r="AI1162" t="s">
        <v>175</v>
      </c>
      <c r="AJ1162" t="s">
        <v>175</v>
      </c>
      <c r="AK1162" t="s">
        <v>175</v>
      </c>
      <c r="AL1162" t="s">
        <v>42</v>
      </c>
      <c r="AM1162" s="1">
        <v>0</v>
      </c>
      <c r="AN1162" s="1">
        <v>0</v>
      </c>
      <c r="AO1162" s="1">
        <v>0</v>
      </c>
      <c r="AP1162" s="1">
        <v>0</v>
      </c>
      <c r="AQ1162" s="1">
        <v>0</v>
      </c>
      <c r="AR1162" s="1">
        <v>0</v>
      </c>
      <c r="AS1162" s="1">
        <v>0</v>
      </c>
      <c r="AT1162" s="1">
        <v>0</v>
      </c>
      <c r="AU1162" s="1">
        <v>0</v>
      </c>
      <c r="AV1162" s="1">
        <v>0</v>
      </c>
      <c r="AW1162" t="s">
        <v>4380</v>
      </c>
      <c r="AZ1162" t="s">
        <v>207</v>
      </c>
      <c r="BF1162" t="s">
        <v>292</v>
      </c>
      <c r="BG1162" t="s">
        <v>233</v>
      </c>
      <c r="BH1162" t="s">
        <v>211</v>
      </c>
      <c r="BK1162" t="s">
        <v>191</v>
      </c>
      <c r="BL1162" t="s">
        <v>4381</v>
      </c>
      <c r="BM1162" t="s">
        <v>191</v>
      </c>
      <c r="BN1162" t="s">
        <v>4382</v>
      </c>
      <c r="BO1162" t="s">
        <v>191</v>
      </c>
      <c r="BP1162" t="s">
        <v>4383</v>
      </c>
    </row>
    <row r="1163" spans="1:69" x14ac:dyDescent="0.25">
      <c r="A1163" s="1">
        <v>30451553</v>
      </c>
      <c r="B1163" t="s">
        <v>2266</v>
      </c>
      <c r="C1163" t="s">
        <v>39</v>
      </c>
      <c r="D1163" t="s">
        <v>1616</v>
      </c>
      <c r="E1163" t="s">
        <v>195</v>
      </c>
      <c r="L1163" t="s">
        <v>52</v>
      </c>
      <c r="M1163" s="1">
        <v>0</v>
      </c>
      <c r="N1163" s="1">
        <v>0</v>
      </c>
      <c r="O1163" t="s">
        <v>1616</v>
      </c>
      <c r="P1163" t="s">
        <v>176</v>
      </c>
      <c r="Q1163" t="s">
        <v>177</v>
      </c>
      <c r="S1163" t="s">
        <v>178</v>
      </c>
      <c r="T1163" t="s">
        <v>197</v>
      </c>
      <c r="U1163" t="s">
        <v>2267</v>
      </c>
      <c r="Y1163" t="s">
        <v>224</v>
      </c>
      <c r="AC1163" t="s">
        <v>180</v>
      </c>
      <c r="AD1163" t="s">
        <v>181</v>
      </c>
      <c r="AE1163" t="s">
        <v>181</v>
      </c>
      <c r="AF1163" t="s">
        <v>181</v>
      </c>
      <c r="AG1163" t="s">
        <v>181</v>
      </c>
      <c r="AH1163" t="s">
        <v>181</v>
      </c>
      <c r="AI1163" t="s">
        <v>181</v>
      </c>
      <c r="AJ1163" t="s">
        <v>181</v>
      </c>
      <c r="AK1163" t="s">
        <v>181</v>
      </c>
      <c r="AL1163" t="s">
        <v>42</v>
      </c>
      <c r="AM1163" t="s">
        <v>202</v>
      </c>
      <c r="AN1163" t="s">
        <v>206</v>
      </c>
      <c r="AO1163" t="s">
        <v>185</v>
      </c>
      <c r="AP1163" t="s">
        <v>201</v>
      </c>
      <c r="AQ1163" t="s">
        <v>184</v>
      </c>
      <c r="AR1163" t="s">
        <v>182</v>
      </c>
      <c r="AS1163" t="s">
        <v>183</v>
      </c>
      <c r="AT1163" t="s">
        <v>205</v>
      </c>
      <c r="AU1163" t="s">
        <v>204</v>
      </c>
      <c r="AV1163" t="s">
        <v>203</v>
      </c>
      <c r="AX1163" t="s">
        <v>186</v>
      </c>
      <c r="BF1163" t="s">
        <v>49</v>
      </c>
      <c r="BG1163" s="1">
        <v>0</v>
      </c>
      <c r="BH1163" s="1">
        <v>0</v>
      </c>
      <c r="BK1163" s="1">
        <v>0</v>
      </c>
      <c r="BM1163" s="1">
        <v>0</v>
      </c>
      <c r="BO1163" s="1">
        <v>0</v>
      </c>
    </row>
    <row r="1164" spans="1:69" x14ac:dyDescent="0.25">
      <c r="A1164" s="1">
        <v>30451555</v>
      </c>
      <c r="B1164" t="s">
        <v>2966</v>
      </c>
      <c r="C1164" t="s">
        <v>39</v>
      </c>
      <c r="D1164" t="s">
        <v>2512</v>
      </c>
      <c r="E1164" t="s">
        <v>200</v>
      </c>
      <c r="L1164" t="s">
        <v>52</v>
      </c>
      <c r="M1164" s="1">
        <v>0</v>
      </c>
      <c r="N1164" s="1">
        <v>0</v>
      </c>
      <c r="O1164" t="s">
        <v>2512</v>
      </c>
      <c r="P1164" t="s">
        <v>176</v>
      </c>
      <c r="Q1164" t="s">
        <v>177</v>
      </c>
      <c r="S1164" t="s">
        <v>178</v>
      </c>
      <c r="T1164" t="s">
        <v>200</v>
      </c>
      <c r="Y1164" t="s">
        <v>224</v>
      </c>
      <c r="AC1164" t="s">
        <v>180</v>
      </c>
      <c r="AD1164" t="s">
        <v>200</v>
      </c>
      <c r="AE1164" t="s">
        <v>200</v>
      </c>
      <c r="AF1164" t="s">
        <v>200</v>
      </c>
      <c r="AG1164" t="s">
        <v>200</v>
      </c>
      <c r="AH1164" t="s">
        <v>200</v>
      </c>
      <c r="AI1164" t="s">
        <v>200</v>
      </c>
      <c r="AJ1164" t="s">
        <v>200</v>
      </c>
      <c r="AK1164" t="s">
        <v>200</v>
      </c>
      <c r="AL1164" t="s">
        <v>42</v>
      </c>
      <c r="AM1164" t="s">
        <v>185</v>
      </c>
      <c r="AN1164" t="s">
        <v>184</v>
      </c>
      <c r="AO1164" t="s">
        <v>182</v>
      </c>
      <c r="AP1164" t="s">
        <v>204</v>
      </c>
      <c r="AQ1164" t="s">
        <v>202</v>
      </c>
      <c r="AR1164" t="s">
        <v>203</v>
      </c>
      <c r="AS1164" t="s">
        <v>205</v>
      </c>
      <c r="AT1164" t="s">
        <v>206</v>
      </c>
      <c r="AU1164" t="s">
        <v>201</v>
      </c>
      <c r="AV1164" t="s">
        <v>183</v>
      </c>
      <c r="AW1164" t="s">
        <v>2967</v>
      </c>
      <c r="AX1164" t="s">
        <v>186</v>
      </c>
      <c r="AY1164" t="s">
        <v>187</v>
      </c>
      <c r="BB1164" t="s">
        <v>208</v>
      </c>
      <c r="BF1164" t="s">
        <v>210</v>
      </c>
      <c r="BG1164" s="1">
        <v>0</v>
      </c>
      <c r="BH1164" t="s">
        <v>211</v>
      </c>
      <c r="BK1164" t="s">
        <v>191</v>
      </c>
      <c r="BL1164" t="s">
        <v>2968</v>
      </c>
      <c r="BM1164" t="s">
        <v>218</v>
      </c>
      <c r="BN1164" t="s">
        <v>2969</v>
      </c>
      <c r="BO1164" t="s">
        <v>218</v>
      </c>
      <c r="BP1164" t="s">
        <v>2970</v>
      </c>
    </row>
    <row r="1165" spans="1:69" x14ac:dyDescent="0.25">
      <c r="A1165" s="1">
        <v>30451563</v>
      </c>
      <c r="B1165" t="s">
        <v>731</v>
      </c>
      <c r="C1165" t="s">
        <v>39</v>
      </c>
      <c r="D1165" t="s">
        <v>174</v>
      </c>
      <c r="E1165" t="s">
        <v>175</v>
      </c>
      <c r="L1165" t="s">
        <v>52</v>
      </c>
      <c r="M1165" s="1">
        <v>0</v>
      </c>
      <c r="N1165" s="1">
        <v>0</v>
      </c>
      <c r="O1165" t="s">
        <v>174</v>
      </c>
      <c r="P1165" t="s">
        <v>176</v>
      </c>
      <c r="Q1165" t="s">
        <v>196</v>
      </c>
      <c r="S1165" t="s">
        <v>349</v>
      </c>
      <c r="T1165" t="s">
        <v>175</v>
      </c>
      <c r="AA1165" t="s">
        <v>273</v>
      </c>
      <c r="AB1165" t="s">
        <v>732</v>
      </c>
      <c r="AC1165" t="s">
        <v>180</v>
      </c>
      <c r="AD1165" t="s">
        <v>175</v>
      </c>
      <c r="AE1165" t="s">
        <v>175</v>
      </c>
      <c r="AF1165" t="s">
        <v>175</v>
      </c>
      <c r="AG1165" t="s">
        <v>175</v>
      </c>
      <c r="AH1165" t="s">
        <v>175</v>
      </c>
      <c r="AI1165" t="s">
        <v>175</v>
      </c>
      <c r="AJ1165" t="s">
        <v>175</v>
      </c>
      <c r="AK1165" t="s">
        <v>181</v>
      </c>
      <c r="AL1165" t="s">
        <v>42</v>
      </c>
      <c r="AM1165" t="s">
        <v>206</v>
      </c>
      <c r="AN1165" t="s">
        <v>183</v>
      </c>
      <c r="AO1165" t="s">
        <v>185</v>
      </c>
      <c r="AP1165" t="s">
        <v>201</v>
      </c>
      <c r="AQ1165" t="s">
        <v>202</v>
      </c>
      <c r="AR1165" t="s">
        <v>203</v>
      </c>
      <c r="AS1165" t="s">
        <v>204</v>
      </c>
      <c r="AT1165" t="s">
        <v>182</v>
      </c>
      <c r="AU1165" t="s">
        <v>184</v>
      </c>
      <c r="AV1165" t="s">
        <v>205</v>
      </c>
      <c r="AX1165" t="s">
        <v>186</v>
      </c>
      <c r="AY1165" t="s">
        <v>187</v>
      </c>
      <c r="AZ1165" t="s">
        <v>207</v>
      </c>
      <c r="BA1165" t="s">
        <v>188</v>
      </c>
      <c r="BF1165" t="s">
        <v>49</v>
      </c>
      <c r="BG1165" s="1">
        <v>0</v>
      </c>
      <c r="BH1165" t="s">
        <v>211</v>
      </c>
      <c r="BK1165" t="s">
        <v>191</v>
      </c>
      <c r="BL1165" t="s">
        <v>733</v>
      </c>
      <c r="BM1165" t="s">
        <v>191</v>
      </c>
      <c r="BN1165" t="s">
        <v>734</v>
      </c>
      <c r="BO1165" t="s">
        <v>191</v>
      </c>
      <c r="BP1165" t="s">
        <v>735</v>
      </c>
    </row>
    <row r="1166" spans="1:69" x14ac:dyDescent="0.25">
      <c r="A1166" s="1">
        <v>30451570</v>
      </c>
      <c r="B1166" t="s">
        <v>1428</v>
      </c>
      <c r="C1166" t="s">
        <v>39</v>
      </c>
      <c r="D1166" t="s">
        <v>942</v>
      </c>
      <c r="E1166" t="s">
        <v>200</v>
      </c>
      <c r="L1166" t="s">
        <v>52</v>
      </c>
      <c r="M1166" s="1">
        <v>0</v>
      </c>
      <c r="N1166" s="1">
        <v>0</v>
      </c>
      <c r="O1166" t="s">
        <v>942</v>
      </c>
      <c r="P1166" t="s">
        <v>176</v>
      </c>
      <c r="Q1166" t="s">
        <v>238</v>
      </c>
      <c r="S1166" t="s">
        <v>178</v>
      </c>
      <c r="T1166" t="s">
        <v>200</v>
      </c>
      <c r="X1166" t="s">
        <v>179</v>
      </c>
      <c r="AC1166" t="s">
        <v>180</v>
      </c>
      <c r="AD1166" t="s">
        <v>200</v>
      </c>
      <c r="AE1166" t="s">
        <v>200</v>
      </c>
      <c r="AF1166" t="s">
        <v>200</v>
      </c>
      <c r="AG1166" t="s">
        <v>200</v>
      </c>
      <c r="AH1166" t="s">
        <v>200</v>
      </c>
      <c r="AI1166" t="s">
        <v>200</v>
      </c>
      <c r="AJ1166" t="s">
        <v>200</v>
      </c>
      <c r="AK1166" t="s">
        <v>200</v>
      </c>
      <c r="AL1166" t="s">
        <v>42</v>
      </c>
      <c r="AM1166" s="1">
        <v>0</v>
      </c>
      <c r="AN1166" s="1">
        <v>0</v>
      </c>
      <c r="AO1166" s="1">
        <v>0</v>
      </c>
      <c r="AP1166" s="1">
        <v>0</v>
      </c>
      <c r="AQ1166" s="1">
        <v>0</v>
      </c>
      <c r="AR1166" s="1">
        <v>0</v>
      </c>
      <c r="AS1166" s="1">
        <v>0</v>
      </c>
      <c r="AT1166" s="1">
        <v>0</v>
      </c>
      <c r="AU1166" s="1">
        <v>0</v>
      </c>
      <c r="AV1166" s="1">
        <v>0</v>
      </c>
      <c r="AZ1166" t="s">
        <v>207</v>
      </c>
      <c r="BF1166" t="s">
        <v>49</v>
      </c>
      <c r="BG1166" s="1">
        <v>0</v>
      </c>
      <c r="BH1166" t="s">
        <v>190</v>
      </c>
      <c r="BK1166" t="s">
        <v>191</v>
      </c>
      <c r="BM1166" t="s">
        <v>191</v>
      </c>
      <c r="BO1166" t="s">
        <v>191</v>
      </c>
    </row>
    <row r="1167" spans="1:69" x14ac:dyDescent="0.25">
      <c r="A1167" s="1">
        <v>30451576</v>
      </c>
      <c r="B1167" t="s">
        <v>2268</v>
      </c>
      <c r="C1167" t="s">
        <v>39</v>
      </c>
      <c r="D1167" t="s">
        <v>1616</v>
      </c>
      <c r="E1167" t="s">
        <v>200</v>
      </c>
      <c r="L1167" t="s">
        <v>52</v>
      </c>
      <c r="M1167" s="1">
        <v>0</v>
      </c>
      <c r="N1167" s="1">
        <v>0</v>
      </c>
      <c r="O1167" t="s">
        <v>1616</v>
      </c>
      <c r="P1167" t="s">
        <v>176</v>
      </c>
      <c r="Q1167" t="s">
        <v>196</v>
      </c>
      <c r="S1167" t="s">
        <v>222</v>
      </c>
      <c r="T1167" t="s">
        <v>200</v>
      </c>
      <c r="Z1167" t="s">
        <v>244</v>
      </c>
      <c r="AC1167" t="s">
        <v>199</v>
      </c>
      <c r="AD1167" t="s">
        <v>230</v>
      </c>
      <c r="AE1167" t="s">
        <v>299</v>
      </c>
      <c r="AF1167" t="s">
        <v>299</v>
      </c>
      <c r="AG1167" t="s">
        <v>299</v>
      </c>
      <c r="AH1167" t="s">
        <v>299</v>
      </c>
      <c r="AI1167" t="s">
        <v>299</v>
      </c>
      <c r="AJ1167" t="s">
        <v>299</v>
      </c>
      <c r="AK1167" t="s">
        <v>299</v>
      </c>
      <c r="AL1167" t="s">
        <v>42</v>
      </c>
      <c r="AM1167" t="s">
        <v>204</v>
      </c>
      <c r="AN1167" t="s">
        <v>182</v>
      </c>
      <c r="AO1167" t="s">
        <v>185</v>
      </c>
      <c r="AP1167" t="s">
        <v>184</v>
      </c>
      <c r="AQ1167" t="s">
        <v>203</v>
      </c>
      <c r="AR1167" t="s">
        <v>202</v>
      </c>
      <c r="AS1167" t="s">
        <v>205</v>
      </c>
      <c r="AT1167" t="s">
        <v>183</v>
      </c>
      <c r="AU1167" t="s">
        <v>201</v>
      </c>
      <c r="AV1167" t="s">
        <v>206</v>
      </c>
      <c r="AZ1167" t="s">
        <v>207</v>
      </c>
      <c r="BF1167" t="s">
        <v>210</v>
      </c>
      <c r="BG1167" s="1">
        <v>0</v>
      </c>
      <c r="BH1167" t="s">
        <v>190</v>
      </c>
      <c r="BK1167" t="s">
        <v>191</v>
      </c>
      <c r="BL1167" t="s">
        <v>2269</v>
      </c>
      <c r="BM1167" t="s">
        <v>218</v>
      </c>
      <c r="BN1167" t="s">
        <v>2270</v>
      </c>
      <c r="BO1167" s="1">
        <v>0</v>
      </c>
      <c r="BP1167" t="s">
        <v>2271</v>
      </c>
    </row>
    <row r="1168" spans="1:69" x14ac:dyDescent="0.25">
      <c r="A1168" s="1">
        <v>30451586</v>
      </c>
      <c r="B1168" t="s">
        <v>135</v>
      </c>
      <c r="C1168" t="s">
        <v>39</v>
      </c>
      <c r="L1168" s="1">
        <v>0</v>
      </c>
      <c r="M1168" s="1">
        <v>0</v>
      </c>
      <c r="N1168" s="1">
        <v>0</v>
      </c>
      <c r="O1168" s="1">
        <v>0</v>
      </c>
      <c r="P1168" s="1">
        <v>0</v>
      </c>
      <c r="Q1168" s="1">
        <v>0</v>
      </c>
      <c r="S1168" s="1">
        <v>0</v>
      </c>
      <c r="T1168" s="1">
        <v>0</v>
      </c>
      <c r="AC1168" s="1">
        <v>0</v>
      </c>
      <c r="AD1168" s="1">
        <v>0</v>
      </c>
      <c r="AE1168" s="1">
        <v>0</v>
      </c>
      <c r="AF1168" s="1">
        <v>0</v>
      </c>
      <c r="AG1168" s="1">
        <v>0</v>
      </c>
      <c r="AH1168" s="1">
        <v>0</v>
      </c>
      <c r="AI1168" s="1">
        <v>0</v>
      </c>
      <c r="AJ1168" s="1">
        <v>0</v>
      </c>
      <c r="AK1168" s="1">
        <v>0</v>
      </c>
      <c r="AL1168" s="1">
        <v>0</v>
      </c>
      <c r="AM1168" s="1">
        <v>0</v>
      </c>
      <c r="AN1168" s="1">
        <v>0</v>
      </c>
      <c r="AO1168" s="1">
        <v>0</v>
      </c>
      <c r="AP1168" s="1">
        <v>0</v>
      </c>
      <c r="AQ1168" s="1">
        <v>0</v>
      </c>
      <c r="AR1168" s="1">
        <v>0</v>
      </c>
      <c r="AS1168" s="1">
        <v>0</v>
      </c>
      <c r="AT1168" s="1">
        <v>0</v>
      </c>
      <c r="AU1168" s="1">
        <v>0</v>
      </c>
      <c r="AV1168" s="1">
        <v>0</v>
      </c>
      <c r="BF1168" s="1">
        <v>0</v>
      </c>
      <c r="BG1168" s="1">
        <v>0</v>
      </c>
      <c r="BH1168" s="1">
        <v>0</v>
      </c>
      <c r="BK1168" s="1">
        <v>0</v>
      </c>
      <c r="BM1168" s="1">
        <v>0</v>
      </c>
      <c r="BO1168" s="1">
        <v>0</v>
      </c>
    </row>
    <row r="1169" spans="1:69" x14ac:dyDescent="0.25">
      <c r="A1169" s="1">
        <v>30451589</v>
      </c>
      <c r="B1169" t="s">
        <v>2971</v>
      </c>
      <c r="C1169" t="s">
        <v>39</v>
      </c>
      <c r="D1169" t="s">
        <v>2512</v>
      </c>
      <c r="E1169" t="s">
        <v>195</v>
      </c>
      <c r="L1169" t="s">
        <v>52</v>
      </c>
      <c r="M1169" s="1">
        <v>0</v>
      </c>
      <c r="N1169" s="1">
        <v>0</v>
      </c>
      <c r="O1169" t="s">
        <v>2512</v>
      </c>
      <c r="P1169" t="s">
        <v>176</v>
      </c>
      <c r="Q1169" t="s">
        <v>238</v>
      </c>
      <c r="S1169" t="s">
        <v>178</v>
      </c>
      <c r="T1169" t="s">
        <v>197</v>
      </c>
      <c r="W1169" t="s">
        <v>262</v>
      </c>
      <c r="X1169" t="s">
        <v>179</v>
      </c>
      <c r="Z1169" t="s">
        <v>244</v>
      </c>
      <c r="AC1169" t="s">
        <v>180</v>
      </c>
      <c r="AD1169" t="s">
        <v>175</v>
      </c>
      <c r="AE1169" t="s">
        <v>181</v>
      </c>
      <c r="AF1169" t="s">
        <v>175</v>
      </c>
      <c r="AG1169" t="s">
        <v>175</v>
      </c>
      <c r="AH1169" t="s">
        <v>175</v>
      </c>
      <c r="AI1169" t="s">
        <v>175</v>
      </c>
      <c r="AJ1169" t="s">
        <v>181</v>
      </c>
      <c r="AK1169" t="s">
        <v>175</v>
      </c>
      <c r="AL1169" t="s">
        <v>52</v>
      </c>
      <c r="AM1169" t="s">
        <v>201</v>
      </c>
      <c r="AN1169" t="s">
        <v>185</v>
      </c>
      <c r="AO1169" t="s">
        <v>183</v>
      </c>
      <c r="AP1169" t="s">
        <v>206</v>
      </c>
      <c r="AQ1169" t="s">
        <v>203</v>
      </c>
      <c r="AR1169" t="s">
        <v>202</v>
      </c>
      <c r="AS1169" t="s">
        <v>205</v>
      </c>
      <c r="AT1169" t="s">
        <v>184</v>
      </c>
      <c r="AU1169" t="s">
        <v>182</v>
      </c>
      <c r="AV1169" t="s">
        <v>204</v>
      </c>
      <c r="AW1169" t="s">
        <v>2972</v>
      </c>
      <c r="AX1169" t="s">
        <v>186</v>
      </c>
      <c r="AY1169" t="s">
        <v>187</v>
      </c>
      <c r="AZ1169" t="s">
        <v>207</v>
      </c>
      <c r="BA1169" t="s">
        <v>188</v>
      </c>
      <c r="BB1169" t="s">
        <v>208</v>
      </c>
      <c r="BC1169" t="s">
        <v>209</v>
      </c>
      <c r="BF1169" t="s">
        <v>189</v>
      </c>
      <c r="BG1169" s="1">
        <v>0</v>
      </c>
      <c r="BH1169" t="s">
        <v>464</v>
      </c>
      <c r="BK1169" t="s">
        <v>191</v>
      </c>
      <c r="BL1169" t="s">
        <v>2973</v>
      </c>
      <c r="BM1169" t="s">
        <v>191</v>
      </c>
      <c r="BN1169" t="s">
        <v>2974</v>
      </c>
      <c r="BO1169" t="s">
        <v>191</v>
      </c>
      <c r="BP1169" t="s">
        <v>2975</v>
      </c>
    </row>
    <row r="1170" spans="1:69" x14ac:dyDescent="0.25">
      <c r="A1170" s="1">
        <v>30451595</v>
      </c>
      <c r="B1170" t="s">
        <v>4384</v>
      </c>
      <c r="C1170" t="s">
        <v>39</v>
      </c>
      <c r="D1170" t="s">
        <v>3727</v>
      </c>
      <c r="E1170" t="s">
        <v>175</v>
      </c>
      <c r="L1170" t="s">
        <v>52</v>
      </c>
      <c r="M1170" s="1">
        <v>0</v>
      </c>
      <c r="N1170" s="1">
        <v>0</v>
      </c>
      <c r="O1170" t="s">
        <v>3728</v>
      </c>
      <c r="P1170" t="s">
        <v>176</v>
      </c>
      <c r="Q1170" t="s">
        <v>196</v>
      </c>
      <c r="S1170" t="s">
        <v>178</v>
      </c>
      <c r="T1170" t="s">
        <v>175</v>
      </c>
      <c r="Y1170" t="s">
        <v>224</v>
      </c>
      <c r="Z1170" t="s">
        <v>244</v>
      </c>
      <c r="AC1170" t="s">
        <v>180</v>
      </c>
      <c r="AD1170" t="s">
        <v>175</v>
      </c>
      <c r="AE1170" t="s">
        <v>175</v>
      </c>
      <c r="AF1170" t="s">
        <v>175</v>
      </c>
      <c r="AG1170" t="s">
        <v>175</v>
      </c>
      <c r="AH1170" t="s">
        <v>175</v>
      </c>
      <c r="AI1170" t="s">
        <v>175</v>
      </c>
      <c r="AJ1170" t="s">
        <v>175</v>
      </c>
      <c r="AK1170" t="s">
        <v>175</v>
      </c>
      <c r="AL1170" t="s">
        <v>42</v>
      </c>
      <c r="AM1170" t="s">
        <v>201</v>
      </c>
      <c r="AN1170" t="s">
        <v>184</v>
      </c>
      <c r="AO1170" t="s">
        <v>185</v>
      </c>
      <c r="AP1170" t="s">
        <v>202</v>
      </c>
      <c r="AQ1170" t="s">
        <v>204</v>
      </c>
      <c r="AR1170" t="s">
        <v>205</v>
      </c>
      <c r="AS1170" t="s">
        <v>203</v>
      </c>
      <c r="AT1170" t="s">
        <v>182</v>
      </c>
      <c r="AU1170" t="s">
        <v>183</v>
      </c>
      <c r="AV1170" t="s">
        <v>206</v>
      </c>
      <c r="AX1170" t="s">
        <v>186</v>
      </c>
      <c r="AY1170" t="s">
        <v>187</v>
      </c>
      <c r="BB1170" t="s">
        <v>208</v>
      </c>
      <c r="BC1170" t="s">
        <v>209</v>
      </c>
      <c r="BF1170" t="s">
        <v>210</v>
      </c>
      <c r="BG1170" s="1">
        <v>0</v>
      </c>
      <c r="BH1170" t="s">
        <v>211</v>
      </c>
      <c r="BK1170" t="s">
        <v>191</v>
      </c>
      <c r="BL1170" t="s">
        <v>4385</v>
      </c>
      <c r="BM1170" t="s">
        <v>191</v>
      </c>
      <c r="BN1170" t="s">
        <v>4386</v>
      </c>
      <c r="BO1170" t="s">
        <v>191</v>
      </c>
      <c r="BP1170" t="s">
        <v>4387</v>
      </c>
      <c r="BQ1170" t="s">
        <v>4388</v>
      </c>
    </row>
    <row r="1171" spans="1:69" x14ac:dyDescent="0.25">
      <c r="A1171" s="1">
        <v>30451605</v>
      </c>
      <c r="B1171" t="s">
        <v>4389</v>
      </c>
      <c r="C1171" t="s">
        <v>39</v>
      </c>
      <c r="D1171" t="s">
        <v>3727</v>
      </c>
      <c r="E1171" t="s">
        <v>200</v>
      </c>
      <c r="L1171" t="s">
        <v>52</v>
      </c>
      <c r="M1171" s="1">
        <v>0</v>
      </c>
      <c r="N1171" s="1">
        <v>0</v>
      </c>
      <c r="O1171" t="s">
        <v>3728</v>
      </c>
      <c r="P1171" t="s">
        <v>216</v>
      </c>
      <c r="Q1171" t="s">
        <v>196</v>
      </c>
      <c r="S1171" s="1">
        <v>0</v>
      </c>
      <c r="T1171" t="s">
        <v>200</v>
      </c>
      <c r="AA1171" t="s">
        <v>273</v>
      </c>
      <c r="AB1171" t="s">
        <v>2291</v>
      </c>
      <c r="AC1171" t="s">
        <v>49</v>
      </c>
      <c r="AD1171" t="s">
        <v>200</v>
      </c>
      <c r="AE1171" t="s">
        <v>200</v>
      </c>
      <c r="AF1171" t="s">
        <v>200</v>
      </c>
      <c r="AG1171" t="s">
        <v>200</v>
      </c>
      <c r="AH1171" t="s">
        <v>200</v>
      </c>
      <c r="AI1171" t="s">
        <v>200</v>
      </c>
      <c r="AJ1171" t="s">
        <v>200</v>
      </c>
      <c r="AK1171" t="s">
        <v>200</v>
      </c>
      <c r="AL1171" t="s">
        <v>52</v>
      </c>
      <c r="AM1171" s="1">
        <v>0</v>
      </c>
      <c r="AN1171" s="1">
        <v>0</v>
      </c>
      <c r="AO1171" s="1">
        <v>0</v>
      </c>
      <c r="AP1171" s="1">
        <v>0</v>
      </c>
      <c r="AQ1171" s="1">
        <v>0</v>
      </c>
      <c r="AR1171" s="1">
        <v>0</v>
      </c>
      <c r="AS1171" s="1">
        <v>0</v>
      </c>
      <c r="AT1171" s="1">
        <v>0</v>
      </c>
      <c r="AU1171" s="1">
        <v>0</v>
      </c>
      <c r="AV1171" s="1">
        <v>0</v>
      </c>
      <c r="BA1171" t="s">
        <v>188</v>
      </c>
      <c r="BF1171" t="s">
        <v>210</v>
      </c>
      <c r="BG1171" s="1">
        <v>0</v>
      </c>
      <c r="BH1171" t="s">
        <v>211</v>
      </c>
      <c r="BK1171" t="s">
        <v>191</v>
      </c>
      <c r="BL1171" t="s">
        <v>4390</v>
      </c>
      <c r="BM1171" t="s">
        <v>218</v>
      </c>
      <c r="BN1171" t="s">
        <v>325</v>
      </c>
      <c r="BO1171" t="s">
        <v>218</v>
      </c>
      <c r="BP1171" t="s">
        <v>4391</v>
      </c>
    </row>
    <row r="1172" spans="1:69" x14ac:dyDescent="0.25">
      <c r="A1172" s="1">
        <v>30451629</v>
      </c>
      <c r="B1172" t="s">
        <v>736</v>
      </c>
      <c r="C1172" t="s">
        <v>39</v>
      </c>
      <c r="D1172" t="s">
        <v>174</v>
      </c>
      <c r="E1172" t="s">
        <v>175</v>
      </c>
      <c r="L1172" t="s">
        <v>52</v>
      </c>
      <c r="M1172" s="1">
        <v>0</v>
      </c>
      <c r="N1172" s="1">
        <v>0</v>
      </c>
      <c r="O1172" t="s">
        <v>174</v>
      </c>
      <c r="P1172" t="s">
        <v>216</v>
      </c>
      <c r="Q1172" t="s">
        <v>177</v>
      </c>
      <c r="S1172" s="1">
        <v>0</v>
      </c>
      <c r="T1172" t="s">
        <v>175</v>
      </c>
      <c r="AA1172" t="s">
        <v>273</v>
      </c>
      <c r="AB1172" t="s">
        <v>737</v>
      </c>
      <c r="AC1172" t="s">
        <v>180</v>
      </c>
      <c r="AD1172" t="s">
        <v>200</v>
      </c>
      <c r="AE1172" t="s">
        <v>200</v>
      </c>
      <c r="AF1172" t="s">
        <v>200</v>
      </c>
      <c r="AG1172" t="s">
        <v>200</v>
      </c>
      <c r="AH1172" t="s">
        <v>200</v>
      </c>
      <c r="AI1172" t="s">
        <v>200</v>
      </c>
      <c r="AJ1172" t="s">
        <v>200</v>
      </c>
      <c r="AK1172" t="s">
        <v>200</v>
      </c>
      <c r="AL1172" t="s">
        <v>42</v>
      </c>
      <c r="AM1172" s="1">
        <v>0</v>
      </c>
      <c r="AN1172" s="1">
        <v>0</v>
      </c>
      <c r="AO1172" s="1">
        <v>0</v>
      </c>
      <c r="AP1172" s="1">
        <v>0</v>
      </c>
      <c r="AQ1172" s="1">
        <v>0</v>
      </c>
      <c r="AR1172" t="s">
        <v>184</v>
      </c>
      <c r="AS1172" s="1">
        <v>0</v>
      </c>
      <c r="AT1172" t="s">
        <v>185</v>
      </c>
      <c r="AU1172" s="1">
        <v>0</v>
      </c>
      <c r="AV1172" s="1">
        <v>0</v>
      </c>
      <c r="AX1172" t="s">
        <v>186</v>
      </c>
      <c r="AY1172" t="s">
        <v>187</v>
      </c>
      <c r="BA1172" t="s">
        <v>188</v>
      </c>
      <c r="BB1172" t="s">
        <v>208</v>
      </c>
      <c r="BC1172" t="s">
        <v>209</v>
      </c>
      <c r="BF1172" t="s">
        <v>210</v>
      </c>
      <c r="BG1172" s="1">
        <v>0</v>
      </c>
      <c r="BH1172" t="s">
        <v>211</v>
      </c>
      <c r="BK1172" s="1">
        <v>0</v>
      </c>
      <c r="BM1172" t="s">
        <v>218</v>
      </c>
      <c r="BO1172" s="1">
        <v>0</v>
      </c>
    </row>
    <row r="1173" spans="1:69" x14ac:dyDescent="0.25">
      <c r="A1173" s="1">
        <v>30451635</v>
      </c>
      <c r="B1173" t="s">
        <v>4392</v>
      </c>
      <c r="C1173" t="s">
        <v>39</v>
      </c>
      <c r="D1173" t="s">
        <v>3727</v>
      </c>
      <c r="E1173" t="s">
        <v>175</v>
      </c>
      <c r="L1173" t="s">
        <v>52</v>
      </c>
      <c r="M1173" s="1">
        <v>0</v>
      </c>
      <c r="N1173" s="1">
        <v>0</v>
      </c>
      <c r="O1173" t="s">
        <v>3728</v>
      </c>
      <c r="P1173" t="s">
        <v>216</v>
      </c>
      <c r="Q1173" t="s">
        <v>328</v>
      </c>
      <c r="S1173" s="1">
        <v>0</v>
      </c>
      <c r="T1173" t="s">
        <v>175</v>
      </c>
      <c r="Y1173" t="s">
        <v>224</v>
      </c>
      <c r="AC1173" t="s">
        <v>199</v>
      </c>
      <c r="AD1173" t="s">
        <v>175</v>
      </c>
      <c r="AE1173" t="s">
        <v>175</v>
      </c>
      <c r="AF1173" t="s">
        <v>181</v>
      </c>
      <c r="AG1173" t="s">
        <v>175</v>
      </c>
      <c r="AH1173" t="s">
        <v>175</v>
      </c>
      <c r="AI1173" t="s">
        <v>175</v>
      </c>
      <c r="AJ1173" t="s">
        <v>175</v>
      </c>
      <c r="AK1173" t="s">
        <v>175</v>
      </c>
      <c r="AL1173" t="s">
        <v>42</v>
      </c>
      <c r="AM1173" s="1">
        <v>0</v>
      </c>
      <c r="AN1173" s="1">
        <v>0</v>
      </c>
      <c r="AO1173" s="1">
        <v>0</v>
      </c>
      <c r="AP1173" s="1">
        <v>0</v>
      </c>
      <c r="AQ1173" s="1">
        <v>0</v>
      </c>
      <c r="AR1173" s="1">
        <v>0</v>
      </c>
      <c r="AS1173" s="1">
        <v>0</v>
      </c>
      <c r="AT1173" s="1">
        <v>0</v>
      </c>
      <c r="AU1173" s="1">
        <v>0</v>
      </c>
      <c r="AV1173" s="1">
        <v>0</v>
      </c>
      <c r="BF1173" s="1">
        <v>0</v>
      </c>
      <c r="BG1173" s="1">
        <v>0</v>
      </c>
      <c r="BH1173" s="1">
        <v>0</v>
      </c>
      <c r="BK1173" s="1">
        <v>0</v>
      </c>
      <c r="BM1173" s="1">
        <v>0</v>
      </c>
      <c r="BO1173" s="1">
        <v>0</v>
      </c>
    </row>
    <row r="1174" spans="1:69" x14ac:dyDescent="0.25">
      <c r="A1174" s="1">
        <v>30451642</v>
      </c>
      <c r="B1174" t="s">
        <v>1429</v>
      </c>
      <c r="C1174" t="s">
        <v>39</v>
      </c>
      <c r="D1174" t="s">
        <v>942</v>
      </c>
      <c r="E1174" t="s">
        <v>200</v>
      </c>
      <c r="L1174" t="s">
        <v>52</v>
      </c>
      <c r="M1174" s="1">
        <v>0</v>
      </c>
      <c r="N1174" s="1">
        <v>0</v>
      </c>
      <c r="O1174" t="s">
        <v>942</v>
      </c>
      <c r="P1174" t="s">
        <v>176</v>
      </c>
      <c r="Q1174" t="s">
        <v>238</v>
      </c>
      <c r="S1174" t="s">
        <v>178</v>
      </c>
      <c r="T1174" t="s">
        <v>200</v>
      </c>
      <c r="AC1174" t="s">
        <v>180</v>
      </c>
      <c r="AD1174" t="s">
        <v>175</v>
      </c>
      <c r="AE1174" t="s">
        <v>175</v>
      </c>
      <c r="AF1174" t="s">
        <v>175</v>
      </c>
      <c r="AG1174" t="s">
        <v>175</v>
      </c>
      <c r="AH1174" t="s">
        <v>200</v>
      </c>
      <c r="AI1174" t="s">
        <v>200</v>
      </c>
      <c r="AJ1174" t="s">
        <v>181</v>
      </c>
      <c r="AK1174" t="s">
        <v>175</v>
      </c>
      <c r="AL1174" t="s">
        <v>42</v>
      </c>
      <c r="AM1174" t="s">
        <v>184</v>
      </c>
      <c r="AN1174" s="1">
        <v>0</v>
      </c>
      <c r="AO1174" t="s">
        <v>182</v>
      </c>
      <c r="AP1174" t="s">
        <v>185</v>
      </c>
      <c r="AQ1174" s="1">
        <v>0</v>
      </c>
      <c r="AR1174" s="1">
        <v>0</v>
      </c>
      <c r="AS1174" s="1">
        <v>0</v>
      </c>
      <c r="AT1174" s="1">
        <v>0</v>
      </c>
      <c r="AU1174" s="1">
        <v>0</v>
      </c>
      <c r="AV1174" s="1">
        <v>0</v>
      </c>
      <c r="AX1174" t="s">
        <v>186</v>
      </c>
      <c r="AY1174" t="s">
        <v>187</v>
      </c>
      <c r="AZ1174" t="s">
        <v>207</v>
      </c>
      <c r="BF1174" t="s">
        <v>210</v>
      </c>
      <c r="BG1174" s="1">
        <v>0</v>
      </c>
      <c r="BH1174" t="s">
        <v>211</v>
      </c>
      <c r="BK1174" t="s">
        <v>191</v>
      </c>
      <c r="BL1174" t="s">
        <v>1430</v>
      </c>
      <c r="BM1174" t="s">
        <v>191</v>
      </c>
      <c r="BN1174" t="s">
        <v>1431</v>
      </c>
      <c r="BO1174" t="s">
        <v>191</v>
      </c>
      <c r="BP1174" t="s">
        <v>1432</v>
      </c>
    </row>
    <row r="1175" spans="1:69" x14ac:dyDescent="0.25">
      <c r="A1175" s="1">
        <v>30451643</v>
      </c>
      <c r="B1175" t="s">
        <v>2272</v>
      </c>
      <c r="C1175" t="s">
        <v>39</v>
      </c>
      <c r="D1175" t="s">
        <v>1616</v>
      </c>
      <c r="E1175" t="s">
        <v>200</v>
      </c>
      <c r="L1175" t="s">
        <v>52</v>
      </c>
      <c r="M1175" s="1">
        <v>0</v>
      </c>
      <c r="N1175" s="1">
        <v>0</v>
      </c>
      <c r="O1175" t="s">
        <v>1616</v>
      </c>
      <c r="P1175" t="s">
        <v>176</v>
      </c>
      <c r="Q1175" t="s">
        <v>177</v>
      </c>
      <c r="S1175" t="s">
        <v>315</v>
      </c>
      <c r="T1175" t="s">
        <v>200</v>
      </c>
      <c r="Y1175" t="s">
        <v>224</v>
      </c>
      <c r="AC1175" t="s">
        <v>180</v>
      </c>
      <c r="AD1175" t="s">
        <v>299</v>
      </c>
      <c r="AE1175" t="s">
        <v>299</v>
      </c>
      <c r="AF1175" t="s">
        <v>299</v>
      </c>
      <c r="AG1175" t="s">
        <v>299</v>
      </c>
      <c r="AH1175" t="s">
        <v>299</v>
      </c>
      <c r="AI1175" t="s">
        <v>299</v>
      </c>
      <c r="AJ1175" t="s">
        <v>299</v>
      </c>
      <c r="AK1175" t="s">
        <v>299</v>
      </c>
      <c r="AL1175" t="s">
        <v>42</v>
      </c>
      <c r="AM1175" t="s">
        <v>201</v>
      </c>
      <c r="AN1175" t="s">
        <v>185</v>
      </c>
      <c r="AO1175" t="s">
        <v>205</v>
      </c>
      <c r="AP1175" t="s">
        <v>184</v>
      </c>
      <c r="AQ1175" t="s">
        <v>203</v>
      </c>
      <c r="AR1175" t="s">
        <v>206</v>
      </c>
      <c r="AS1175" t="s">
        <v>182</v>
      </c>
      <c r="AT1175" t="s">
        <v>183</v>
      </c>
      <c r="AU1175" t="s">
        <v>202</v>
      </c>
      <c r="AV1175" t="s">
        <v>204</v>
      </c>
      <c r="AW1175" t="s">
        <v>2273</v>
      </c>
      <c r="BF1175" t="s">
        <v>210</v>
      </c>
      <c r="BG1175" s="1">
        <v>0</v>
      </c>
      <c r="BH1175" t="s">
        <v>211</v>
      </c>
      <c r="BK1175" t="s">
        <v>191</v>
      </c>
      <c r="BL1175" t="s">
        <v>2274</v>
      </c>
      <c r="BM1175" t="s">
        <v>218</v>
      </c>
      <c r="BN1175" t="s">
        <v>2275</v>
      </c>
      <c r="BO1175" t="s">
        <v>218</v>
      </c>
      <c r="BP1175" t="s">
        <v>2276</v>
      </c>
      <c r="BQ1175" t="s">
        <v>2277</v>
      </c>
    </row>
    <row r="1176" spans="1:69" x14ac:dyDescent="0.25">
      <c r="A1176" s="1">
        <v>30451648</v>
      </c>
      <c r="B1176" t="s">
        <v>2976</v>
      </c>
      <c r="C1176" t="s">
        <v>39</v>
      </c>
      <c r="D1176" t="s">
        <v>2512</v>
      </c>
      <c r="E1176" t="s">
        <v>175</v>
      </c>
      <c r="L1176" t="s">
        <v>52</v>
      </c>
      <c r="M1176" s="1">
        <v>0</v>
      </c>
      <c r="N1176" s="1">
        <v>0</v>
      </c>
      <c r="O1176" t="s">
        <v>2512</v>
      </c>
      <c r="P1176" t="s">
        <v>176</v>
      </c>
      <c r="Q1176" t="s">
        <v>238</v>
      </c>
      <c r="S1176" t="s">
        <v>178</v>
      </c>
      <c r="T1176" t="s">
        <v>175</v>
      </c>
      <c r="X1176" t="s">
        <v>179</v>
      </c>
      <c r="Y1176" t="s">
        <v>224</v>
      </c>
      <c r="AC1176" t="s">
        <v>199</v>
      </c>
      <c r="AD1176" t="s">
        <v>175</v>
      </c>
      <c r="AE1176" t="s">
        <v>181</v>
      </c>
      <c r="AF1176" t="s">
        <v>181</v>
      </c>
      <c r="AG1176" t="s">
        <v>181</v>
      </c>
      <c r="AH1176" t="s">
        <v>200</v>
      </c>
      <c r="AI1176" t="s">
        <v>200</v>
      </c>
      <c r="AJ1176" t="s">
        <v>175</v>
      </c>
      <c r="AK1176" t="s">
        <v>175</v>
      </c>
      <c r="AL1176" t="s">
        <v>42</v>
      </c>
      <c r="AM1176" t="s">
        <v>206</v>
      </c>
      <c r="AN1176" t="s">
        <v>204</v>
      </c>
      <c r="AO1176" t="s">
        <v>185</v>
      </c>
      <c r="AP1176" t="s">
        <v>201</v>
      </c>
      <c r="AQ1176" t="s">
        <v>184</v>
      </c>
      <c r="AR1176" t="s">
        <v>182</v>
      </c>
      <c r="AS1176" t="s">
        <v>183</v>
      </c>
      <c r="AT1176" t="s">
        <v>202</v>
      </c>
      <c r="AU1176" t="s">
        <v>203</v>
      </c>
      <c r="AV1176" t="s">
        <v>205</v>
      </c>
      <c r="AX1176" t="s">
        <v>186</v>
      </c>
      <c r="BA1176" t="s">
        <v>188</v>
      </c>
      <c r="BC1176" t="s">
        <v>209</v>
      </c>
      <c r="BF1176" t="s">
        <v>49</v>
      </c>
      <c r="BG1176" s="1">
        <v>0</v>
      </c>
      <c r="BH1176" t="s">
        <v>211</v>
      </c>
      <c r="BK1176" t="s">
        <v>191</v>
      </c>
      <c r="BM1176" t="s">
        <v>191</v>
      </c>
      <c r="BO1176" t="s">
        <v>191</v>
      </c>
      <c r="BQ1176" t="s">
        <v>2977</v>
      </c>
    </row>
    <row r="1177" spans="1:69" x14ac:dyDescent="0.25">
      <c r="A1177" s="1">
        <v>30451650</v>
      </c>
      <c r="B1177" t="s">
        <v>136</v>
      </c>
      <c r="C1177" t="s">
        <v>39</v>
      </c>
      <c r="L1177" t="s">
        <v>52</v>
      </c>
      <c r="M1177" s="1">
        <v>0</v>
      </c>
      <c r="N1177" s="1">
        <v>0</v>
      </c>
      <c r="O1177" s="1">
        <v>0</v>
      </c>
      <c r="P1177" s="1">
        <v>0</v>
      </c>
      <c r="Q1177" s="1">
        <v>0</v>
      </c>
      <c r="S1177" s="1">
        <v>0</v>
      </c>
      <c r="T1177" s="1">
        <v>0</v>
      </c>
      <c r="AC1177" s="1">
        <v>0</v>
      </c>
      <c r="AD1177" s="1">
        <v>0</v>
      </c>
      <c r="AE1177" s="1">
        <v>0</v>
      </c>
      <c r="AF1177" s="1">
        <v>0</v>
      </c>
      <c r="AG1177" s="1">
        <v>0</v>
      </c>
      <c r="AH1177" s="1">
        <v>0</v>
      </c>
      <c r="AI1177" s="1">
        <v>0</v>
      </c>
      <c r="AJ1177" s="1">
        <v>0</v>
      </c>
      <c r="AK1177" s="1">
        <v>0</v>
      </c>
      <c r="AL1177" s="1">
        <v>0</v>
      </c>
      <c r="AM1177" s="1">
        <v>0</v>
      </c>
      <c r="AN1177" s="1">
        <v>0</v>
      </c>
      <c r="AO1177" s="1">
        <v>0</v>
      </c>
      <c r="AP1177" s="1">
        <v>0</v>
      </c>
      <c r="AQ1177" s="1">
        <v>0</v>
      </c>
      <c r="AR1177" s="1">
        <v>0</v>
      </c>
      <c r="AS1177" s="1">
        <v>0</v>
      </c>
      <c r="AT1177" s="1">
        <v>0</v>
      </c>
      <c r="AU1177" s="1">
        <v>0</v>
      </c>
      <c r="AV1177" s="1">
        <v>0</v>
      </c>
      <c r="BF1177" s="1">
        <v>0</v>
      </c>
      <c r="BG1177" s="1">
        <v>0</v>
      </c>
      <c r="BH1177" s="1">
        <v>0</v>
      </c>
      <c r="BK1177" s="1">
        <v>0</v>
      </c>
      <c r="BM1177" s="1">
        <v>0</v>
      </c>
      <c r="BO1177" s="1">
        <v>0</v>
      </c>
    </row>
    <row r="1178" spans="1:69" x14ac:dyDescent="0.25">
      <c r="A1178" s="1">
        <v>30451652</v>
      </c>
      <c r="B1178" t="s">
        <v>2978</v>
      </c>
      <c r="C1178" t="s">
        <v>39</v>
      </c>
      <c r="D1178" t="s">
        <v>2512</v>
      </c>
      <c r="E1178" t="s">
        <v>195</v>
      </c>
      <c r="L1178" t="s">
        <v>52</v>
      </c>
      <c r="M1178" s="1">
        <v>0</v>
      </c>
      <c r="N1178" s="1">
        <v>0</v>
      </c>
      <c r="O1178" t="s">
        <v>2512</v>
      </c>
      <c r="P1178" t="s">
        <v>176</v>
      </c>
      <c r="Q1178" t="s">
        <v>196</v>
      </c>
      <c r="S1178" t="s">
        <v>315</v>
      </c>
      <c r="T1178" t="s">
        <v>197</v>
      </c>
      <c r="AA1178" t="s">
        <v>273</v>
      </c>
      <c r="AC1178" t="s">
        <v>180</v>
      </c>
      <c r="AD1178" s="1">
        <v>0</v>
      </c>
      <c r="AE1178" s="1">
        <v>0</v>
      </c>
      <c r="AF1178" s="1">
        <v>0</v>
      </c>
      <c r="AG1178" s="1">
        <v>0</v>
      </c>
      <c r="AH1178" s="1">
        <v>0</v>
      </c>
      <c r="AI1178" s="1">
        <v>0</v>
      </c>
      <c r="AJ1178" s="1">
        <v>0</v>
      </c>
      <c r="AK1178" s="1">
        <v>0</v>
      </c>
      <c r="AL1178" s="1">
        <v>0</v>
      </c>
      <c r="AM1178" s="1">
        <v>0</v>
      </c>
      <c r="AN1178" s="1">
        <v>0</v>
      </c>
      <c r="AO1178" s="1">
        <v>0</v>
      </c>
      <c r="AP1178" s="1">
        <v>0</v>
      </c>
      <c r="AQ1178" s="1">
        <v>0</v>
      </c>
      <c r="AR1178" s="1">
        <v>0</v>
      </c>
      <c r="AS1178" s="1">
        <v>0</v>
      </c>
      <c r="AT1178" s="1">
        <v>0</v>
      </c>
      <c r="AU1178" s="1">
        <v>0</v>
      </c>
      <c r="AV1178" s="1">
        <v>0</v>
      </c>
      <c r="BF1178" s="1">
        <v>0</v>
      </c>
      <c r="BG1178" s="1">
        <v>0</v>
      </c>
      <c r="BH1178" s="1">
        <v>0</v>
      </c>
      <c r="BK1178" s="1">
        <v>0</v>
      </c>
      <c r="BM1178" s="1">
        <v>0</v>
      </c>
      <c r="BO1178" s="1">
        <v>0</v>
      </c>
    </row>
    <row r="1179" spans="1:69" x14ac:dyDescent="0.25">
      <c r="A1179" s="1">
        <v>30451655</v>
      </c>
      <c r="B1179" t="s">
        <v>738</v>
      </c>
      <c r="C1179" t="s">
        <v>39</v>
      </c>
      <c r="D1179" t="s">
        <v>174</v>
      </c>
      <c r="E1179" t="s">
        <v>200</v>
      </c>
      <c r="L1179" t="s">
        <v>52</v>
      </c>
      <c r="M1179" s="1">
        <v>0</v>
      </c>
      <c r="N1179" s="1">
        <v>0</v>
      </c>
      <c r="O1179" t="s">
        <v>174</v>
      </c>
      <c r="P1179" t="s">
        <v>216</v>
      </c>
      <c r="Q1179" t="s">
        <v>258</v>
      </c>
      <c r="S1179" s="1">
        <v>0</v>
      </c>
      <c r="T1179" t="s">
        <v>200</v>
      </c>
      <c r="V1179" t="s">
        <v>397</v>
      </c>
      <c r="AC1179" t="s">
        <v>199</v>
      </c>
      <c r="AD1179" t="s">
        <v>175</v>
      </c>
      <c r="AE1179" t="s">
        <v>175</v>
      </c>
      <c r="AF1179" t="s">
        <v>175</v>
      </c>
      <c r="AG1179" t="s">
        <v>175</v>
      </c>
      <c r="AH1179" t="s">
        <v>175</v>
      </c>
      <c r="AI1179" t="s">
        <v>175</v>
      </c>
      <c r="AJ1179" t="s">
        <v>175</v>
      </c>
      <c r="AK1179" t="s">
        <v>175</v>
      </c>
      <c r="AL1179" t="s">
        <v>52</v>
      </c>
      <c r="AM1179" t="s">
        <v>205</v>
      </c>
      <c r="AN1179" t="s">
        <v>185</v>
      </c>
      <c r="AO1179" t="s">
        <v>202</v>
      </c>
      <c r="AP1179" t="s">
        <v>182</v>
      </c>
      <c r="AQ1179" t="s">
        <v>201</v>
      </c>
      <c r="AR1179" t="s">
        <v>204</v>
      </c>
      <c r="AS1179" t="s">
        <v>183</v>
      </c>
      <c r="AT1179" t="s">
        <v>184</v>
      </c>
      <c r="AU1179" t="s">
        <v>203</v>
      </c>
      <c r="AV1179" t="s">
        <v>206</v>
      </c>
      <c r="AX1179" t="s">
        <v>186</v>
      </c>
      <c r="BC1179" t="s">
        <v>209</v>
      </c>
      <c r="BF1179" t="s">
        <v>210</v>
      </c>
      <c r="BG1179" s="1">
        <v>0</v>
      </c>
      <c r="BH1179" t="s">
        <v>247</v>
      </c>
      <c r="BK1179" t="s">
        <v>191</v>
      </c>
      <c r="BM1179" t="s">
        <v>218</v>
      </c>
      <c r="BO1179" t="s">
        <v>218</v>
      </c>
    </row>
    <row r="1180" spans="1:69" x14ac:dyDescent="0.25">
      <c r="A1180" s="1">
        <v>30451659</v>
      </c>
      <c r="B1180" t="s">
        <v>739</v>
      </c>
      <c r="C1180" t="s">
        <v>39</v>
      </c>
      <c r="D1180" t="s">
        <v>174</v>
      </c>
      <c r="E1180" t="s">
        <v>200</v>
      </c>
      <c r="L1180" t="s">
        <v>52</v>
      </c>
      <c r="M1180" s="1">
        <v>0</v>
      </c>
      <c r="N1180" s="1">
        <v>0</v>
      </c>
      <c r="O1180" t="s">
        <v>174</v>
      </c>
      <c r="P1180" t="s">
        <v>176</v>
      </c>
      <c r="Q1180" t="s">
        <v>238</v>
      </c>
      <c r="S1180" t="s">
        <v>178</v>
      </c>
      <c r="T1180" t="s">
        <v>200</v>
      </c>
      <c r="Y1180" t="s">
        <v>224</v>
      </c>
      <c r="AC1180" t="s">
        <v>199</v>
      </c>
      <c r="AD1180" t="s">
        <v>230</v>
      </c>
      <c r="AE1180" t="s">
        <v>230</v>
      </c>
      <c r="AF1180" t="s">
        <v>230</v>
      </c>
      <c r="AG1180" t="s">
        <v>181</v>
      </c>
      <c r="AH1180" t="s">
        <v>175</v>
      </c>
      <c r="AI1180" t="s">
        <v>200</v>
      </c>
      <c r="AJ1180" t="s">
        <v>200</v>
      </c>
      <c r="AK1180" t="s">
        <v>230</v>
      </c>
      <c r="AL1180" t="s">
        <v>52</v>
      </c>
      <c r="AM1180" t="s">
        <v>204</v>
      </c>
      <c r="AN1180" t="s">
        <v>184</v>
      </c>
      <c r="AO1180" t="s">
        <v>185</v>
      </c>
      <c r="AP1180" t="s">
        <v>202</v>
      </c>
      <c r="AQ1180" t="s">
        <v>206</v>
      </c>
      <c r="AR1180" t="s">
        <v>205</v>
      </c>
      <c r="AS1180" t="s">
        <v>201</v>
      </c>
      <c r="AT1180" t="s">
        <v>182</v>
      </c>
      <c r="AU1180" t="s">
        <v>183</v>
      </c>
      <c r="AV1180" t="s">
        <v>203</v>
      </c>
      <c r="AX1180" t="s">
        <v>186</v>
      </c>
      <c r="AZ1180" t="s">
        <v>207</v>
      </c>
      <c r="BA1180" t="s">
        <v>188</v>
      </c>
      <c r="BC1180" t="s">
        <v>209</v>
      </c>
      <c r="BF1180" t="s">
        <v>292</v>
      </c>
      <c r="BG1180" t="s">
        <v>301</v>
      </c>
      <c r="BH1180" t="s">
        <v>302</v>
      </c>
      <c r="BK1180" t="s">
        <v>191</v>
      </c>
      <c r="BM1180" t="s">
        <v>218</v>
      </c>
      <c r="BO1180" t="s">
        <v>218</v>
      </c>
    </row>
    <row r="1181" spans="1:69" x14ac:dyDescent="0.25">
      <c r="A1181" s="1">
        <v>30451662</v>
      </c>
      <c r="B1181" t="s">
        <v>4393</v>
      </c>
      <c r="C1181" t="s">
        <v>39</v>
      </c>
      <c r="D1181" t="s">
        <v>3727</v>
      </c>
      <c r="E1181" t="s">
        <v>200</v>
      </c>
      <c r="L1181" t="s">
        <v>52</v>
      </c>
      <c r="M1181" s="1">
        <v>0</v>
      </c>
      <c r="N1181" s="1">
        <v>0</v>
      </c>
      <c r="O1181" t="s">
        <v>3728</v>
      </c>
      <c r="P1181" t="s">
        <v>216</v>
      </c>
      <c r="Q1181" t="s">
        <v>258</v>
      </c>
      <c r="S1181" s="1">
        <v>0</v>
      </c>
      <c r="T1181" t="s">
        <v>200</v>
      </c>
      <c r="AC1181" s="1">
        <v>0</v>
      </c>
      <c r="AD1181" s="1">
        <v>0</v>
      </c>
      <c r="AE1181" s="1">
        <v>0</v>
      </c>
      <c r="AF1181" s="1">
        <v>0</v>
      </c>
      <c r="AG1181" s="1">
        <v>0</v>
      </c>
      <c r="AH1181" s="1">
        <v>0</v>
      </c>
      <c r="AI1181" s="1">
        <v>0</v>
      </c>
      <c r="AJ1181" s="1">
        <v>0</v>
      </c>
      <c r="AK1181" s="1">
        <v>0</v>
      </c>
      <c r="AL1181" s="1">
        <v>0</v>
      </c>
      <c r="AM1181" s="1">
        <v>0</v>
      </c>
      <c r="AN1181" s="1">
        <v>0</v>
      </c>
      <c r="AO1181" s="1">
        <v>0</v>
      </c>
      <c r="AP1181" s="1">
        <v>0</v>
      </c>
      <c r="AQ1181" s="1">
        <v>0</v>
      </c>
      <c r="AR1181" s="1">
        <v>0</v>
      </c>
      <c r="AS1181" s="1">
        <v>0</v>
      </c>
      <c r="AT1181" s="1">
        <v>0</v>
      </c>
      <c r="AU1181" s="1">
        <v>0</v>
      </c>
      <c r="AV1181" s="1">
        <v>0</v>
      </c>
      <c r="BF1181" s="1">
        <v>0</v>
      </c>
      <c r="BG1181" s="1">
        <v>0</v>
      </c>
      <c r="BH1181" s="1">
        <v>0</v>
      </c>
      <c r="BK1181" s="1">
        <v>0</v>
      </c>
      <c r="BM1181" s="1">
        <v>0</v>
      </c>
      <c r="BO1181" s="1">
        <v>0</v>
      </c>
    </row>
    <row r="1182" spans="1:69" x14ac:dyDescent="0.25">
      <c r="A1182" s="1">
        <v>30451663</v>
      </c>
      <c r="B1182" t="s">
        <v>2278</v>
      </c>
      <c r="C1182" t="s">
        <v>39</v>
      </c>
      <c r="D1182" t="s">
        <v>1616</v>
      </c>
      <c r="E1182" t="s">
        <v>175</v>
      </c>
      <c r="L1182" t="s">
        <v>52</v>
      </c>
      <c r="M1182" s="1">
        <v>0</v>
      </c>
      <c r="N1182" s="1">
        <v>0</v>
      </c>
      <c r="O1182" t="s">
        <v>1616</v>
      </c>
      <c r="P1182" t="s">
        <v>176</v>
      </c>
      <c r="Q1182" t="s">
        <v>328</v>
      </c>
      <c r="S1182" t="s">
        <v>178</v>
      </c>
      <c r="T1182" t="s">
        <v>175</v>
      </c>
      <c r="AA1182" t="s">
        <v>273</v>
      </c>
      <c r="AB1182" t="s">
        <v>2279</v>
      </c>
      <c r="AC1182" t="s">
        <v>199</v>
      </c>
      <c r="AD1182" t="s">
        <v>175</v>
      </c>
      <c r="AE1182" t="s">
        <v>175</v>
      </c>
      <c r="AF1182" t="s">
        <v>175</v>
      </c>
      <c r="AG1182" t="s">
        <v>175</v>
      </c>
      <c r="AH1182" t="s">
        <v>175</v>
      </c>
      <c r="AI1182" t="s">
        <v>175</v>
      </c>
      <c r="AJ1182" t="s">
        <v>175</v>
      </c>
      <c r="AK1182" t="s">
        <v>175</v>
      </c>
      <c r="AL1182" t="s">
        <v>42</v>
      </c>
      <c r="AM1182" s="1">
        <v>0</v>
      </c>
      <c r="AN1182" s="1">
        <v>0</v>
      </c>
      <c r="AO1182" s="1">
        <v>0</v>
      </c>
      <c r="AP1182" s="1">
        <v>0</v>
      </c>
      <c r="AQ1182" s="1">
        <v>0</v>
      </c>
      <c r="AR1182" s="1">
        <v>0</v>
      </c>
      <c r="AS1182" s="1">
        <v>0</v>
      </c>
      <c r="AT1182" s="1">
        <v>0</v>
      </c>
      <c r="AU1182" s="1">
        <v>0</v>
      </c>
      <c r="AV1182" s="1">
        <v>0</v>
      </c>
      <c r="BF1182" s="1">
        <v>0</v>
      </c>
      <c r="BG1182" s="1">
        <v>0</v>
      </c>
      <c r="BH1182" s="1">
        <v>0</v>
      </c>
      <c r="BK1182" s="1">
        <v>0</v>
      </c>
      <c r="BM1182" s="1">
        <v>0</v>
      </c>
      <c r="BO1182" s="1">
        <v>0</v>
      </c>
    </row>
    <row r="1183" spans="1:69" x14ac:dyDescent="0.25">
      <c r="A1183" s="1">
        <v>30451704</v>
      </c>
      <c r="B1183" t="s">
        <v>4394</v>
      </c>
      <c r="C1183" t="s">
        <v>39</v>
      </c>
      <c r="D1183" t="s">
        <v>3727</v>
      </c>
      <c r="E1183" t="s">
        <v>200</v>
      </c>
      <c r="L1183" t="s">
        <v>52</v>
      </c>
      <c r="M1183" s="1">
        <v>0</v>
      </c>
      <c r="N1183" s="1">
        <v>0</v>
      </c>
      <c r="O1183" t="s">
        <v>3728</v>
      </c>
      <c r="P1183" t="s">
        <v>176</v>
      </c>
      <c r="Q1183" t="s">
        <v>196</v>
      </c>
      <c r="S1183" t="s">
        <v>178</v>
      </c>
      <c r="T1183" t="s">
        <v>200</v>
      </c>
      <c r="Y1183" t="s">
        <v>224</v>
      </c>
      <c r="AC1183" t="s">
        <v>180</v>
      </c>
      <c r="AD1183" t="s">
        <v>175</v>
      </c>
      <c r="AE1183" t="s">
        <v>175</v>
      </c>
      <c r="AF1183" t="s">
        <v>175</v>
      </c>
      <c r="AG1183" t="s">
        <v>175</v>
      </c>
      <c r="AH1183" t="s">
        <v>175</v>
      </c>
      <c r="AI1183" t="s">
        <v>175</v>
      </c>
      <c r="AJ1183" t="s">
        <v>175</v>
      </c>
      <c r="AK1183" t="s">
        <v>175</v>
      </c>
      <c r="AL1183" t="s">
        <v>42</v>
      </c>
      <c r="AM1183" t="s">
        <v>184</v>
      </c>
      <c r="AN1183" t="s">
        <v>182</v>
      </c>
      <c r="AO1183" t="s">
        <v>183</v>
      </c>
      <c r="AP1183" t="s">
        <v>206</v>
      </c>
      <c r="AQ1183" t="s">
        <v>185</v>
      </c>
      <c r="AR1183" t="s">
        <v>201</v>
      </c>
      <c r="AS1183" t="s">
        <v>203</v>
      </c>
      <c r="AT1183" t="s">
        <v>204</v>
      </c>
      <c r="AU1183" t="s">
        <v>202</v>
      </c>
      <c r="AV1183" t="s">
        <v>205</v>
      </c>
      <c r="AX1183" t="s">
        <v>186</v>
      </c>
      <c r="AY1183" t="s">
        <v>187</v>
      </c>
      <c r="BA1183" t="s">
        <v>188</v>
      </c>
      <c r="BC1183" t="s">
        <v>209</v>
      </c>
      <c r="BF1183" t="s">
        <v>232</v>
      </c>
      <c r="BG1183" t="s">
        <v>301</v>
      </c>
      <c r="BH1183" t="s">
        <v>247</v>
      </c>
      <c r="BK1183" t="s">
        <v>191</v>
      </c>
      <c r="BL1183" t="s">
        <v>4395</v>
      </c>
      <c r="BM1183" t="s">
        <v>191</v>
      </c>
      <c r="BN1183" t="s">
        <v>4396</v>
      </c>
      <c r="BO1183" t="s">
        <v>191</v>
      </c>
      <c r="BP1183" t="s">
        <v>4397</v>
      </c>
    </row>
    <row r="1184" spans="1:69" x14ac:dyDescent="0.25">
      <c r="A1184" s="1">
        <v>30451710</v>
      </c>
      <c r="B1184" t="s">
        <v>4398</v>
      </c>
      <c r="C1184" t="s">
        <v>39</v>
      </c>
      <c r="D1184" t="s">
        <v>3727</v>
      </c>
      <c r="E1184" t="s">
        <v>175</v>
      </c>
      <c r="L1184" t="s">
        <v>52</v>
      </c>
      <c r="M1184" s="1">
        <v>0</v>
      </c>
      <c r="N1184" s="1">
        <v>0</v>
      </c>
      <c r="O1184" t="s">
        <v>3728</v>
      </c>
      <c r="P1184" t="s">
        <v>176</v>
      </c>
      <c r="Q1184" t="s">
        <v>238</v>
      </c>
      <c r="S1184" t="s">
        <v>178</v>
      </c>
      <c r="T1184" t="s">
        <v>175</v>
      </c>
      <c r="Y1184" t="s">
        <v>224</v>
      </c>
      <c r="AC1184" t="s">
        <v>180</v>
      </c>
      <c r="AD1184" t="s">
        <v>175</v>
      </c>
      <c r="AE1184" t="s">
        <v>175</v>
      </c>
      <c r="AF1184" t="s">
        <v>175</v>
      </c>
      <c r="AG1184" t="s">
        <v>175</v>
      </c>
      <c r="AH1184" t="s">
        <v>175</v>
      </c>
      <c r="AI1184" t="s">
        <v>175</v>
      </c>
      <c r="AJ1184" t="s">
        <v>175</v>
      </c>
      <c r="AK1184" t="s">
        <v>175</v>
      </c>
      <c r="AL1184" t="s">
        <v>52</v>
      </c>
      <c r="AM1184" t="s">
        <v>206</v>
      </c>
      <c r="AN1184" t="s">
        <v>205</v>
      </c>
      <c r="AO1184" t="s">
        <v>201</v>
      </c>
      <c r="AP1184" t="s">
        <v>183</v>
      </c>
      <c r="AQ1184" t="s">
        <v>184</v>
      </c>
      <c r="AR1184" t="s">
        <v>185</v>
      </c>
      <c r="AS1184" t="s">
        <v>182</v>
      </c>
      <c r="AT1184" t="s">
        <v>204</v>
      </c>
      <c r="AU1184" t="s">
        <v>202</v>
      </c>
      <c r="AV1184" t="s">
        <v>203</v>
      </c>
      <c r="AX1184" t="s">
        <v>186</v>
      </c>
      <c r="BA1184" t="s">
        <v>188</v>
      </c>
      <c r="BB1184" t="s">
        <v>208</v>
      </c>
      <c r="BC1184" t="s">
        <v>209</v>
      </c>
      <c r="BF1184" t="s">
        <v>49</v>
      </c>
      <c r="BG1184" s="1">
        <v>0</v>
      </c>
      <c r="BH1184" t="s">
        <v>211</v>
      </c>
      <c r="BK1184" t="s">
        <v>191</v>
      </c>
      <c r="BL1184" t="s">
        <v>4399</v>
      </c>
      <c r="BM1184" t="s">
        <v>191</v>
      </c>
      <c r="BN1184" t="s">
        <v>4400</v>
      </c>
      <c r="BO1184" t="s">
        <v>218</v>
      </c>
      <c r="BP1184" t="s">
        <v>4401</v>
      </c>
    </row>
    <row r="1185" spans="1:69" x14ac:dyDescent="0.25">
      <c r="A1185" s="1">
        <v>30451717</v>
      </c>
      <c r="B1185" t="s">
        <v>2280</v>
      </c>
      <c r="C1185" t="s">
        <v>39</v>
      </c>
      <c r="D1185" t="s">
        <v>1616</v>
      </c>
      <c r="E1185" t="s">
        <v>195</v>
      </c>
      <c r="L1185" t="s">
        <v>52</v>
      </c>
      <c r="M1185" s="1">
        <v>0</v>
      </c>
      <c r="N1185" s="1">
        <v>0</v>
      </c>
      <c r="O1185" t="s">
        <v>1616</v>
      </c>
      <c r="P1185" t="s">
        <v>176</v>
      </c>
      <c r="Q1185" t="s">
        <v>177</v>
      </c>
      <c r="S1185" s="1">
        <v>0</v>
      </c>
      <c r="T1185" s="1">
        <v>0</v>
      </c>
      <c r="AC1185" s="1">
        <v>0</v>
      </c>
      <c r="AD1185" s="1">
        <v>0</v>
      </c>
      <c r="AE1185" s="1">
        <v>0</v>
      </c>
      <c r="AF1185" s="1">
        <v>0</v>
      </c>
      <c r="AG1185" s="1">
        <v>0</v>
      </c>
      <c r="AH1185" s="1">
        <v>0</v>
      </c>
      <c r="AI1185" s="1">
        <v>0</v>
      </c>
      <c r="AJ1185" s="1">
        <v>0</v>
      </c>
      <c r="AK1185" s="1">
        <v>0</v>
      </c>
      <c r="AL1185" s="1">
        <v>0</v>
      </c>
      <c r="AM1185" s="1">
        <v>0</v>
      </c>
      <c r="AN1185" s="1">
        <v>0</v>
      </c>
      <c r="AO1185" s="1">
        <v>0</v>
      </c>
      <c r="AP1185" s="1">
        <v>0</v>
      </c>
      <c r="AQ1185" s="1">
        <v>0</v>
      </c>
      <c r="AR1185" s="1">
        <v>0</v>
      </c>
      <c r="AS1185" s="1">
        <v>0</v>
      </c>
      <c r="AT1185" s="1">
        <v>0</v>
      </c>
      <c r="AU1185" s="1">
        <v>0</v>
      </c>
      <c r="AV1185" s="1">
        <v>0</v>
      </c>
      <c r="BF1185" s="1">
        <v>0</v>
      </c>
      <c r="BG1185" s="1">
        <v>0</v>
      </c>
      <c r="BH1185" s="1">
        <v>0</v>
      </c>
      <c r="BK1185" s="1">
        <v>0</v>
      </c>
      <c r="BM1185" s="1">
        <v>0</v>
      </c>
      <c r="BO1185" s="1">
        <v>0</v>
      </c>
    </row>
    <row r="1186" spans="1:69" x14ac:dyDescent="0.25">
      <c r="A1186" s="1">
        <v>30451724</v>
      </c>
      <c r="B1186" t="s">
        <v>2281</v>
      </c>
      <c r="C1186" t="s">
        <v>39</v>
      </c>
      <c r="D1186" t="s">
        <v>1616</v>
      </c>
      <c r="E1186" t="s">
        <v>216</v>
      </c>
      <c r="L1186" t="s">
        <v>52</v>
      </c>
      <c r="M1186" s="1">
        <v>0</v>
      </c>
      <c r="N1186" s="1">
        <v>0</v>
      </c>
      <c r="O1186" t="s">
        <v>1616</v>
      </c>
      <c r="P1186" t="s">
        <v>216</v>
      </c>
      <c r="Q1186" t="s">
        <v>177</v>
      </c>
      <c r="S1186" s="1">
        <v>0</v>
      </c>
      <c r="T1186" t="s">
        <v>197</v>
      </c>
      <c r="U1186" t="s">
        <v>2282</v>
      </c>
      <c r="AC1186" t="s">
        <v>225</v>
      </c>
      <c r="AD1186" t="s">
        <v>175</v>
      </c>
      <c r="AE1186" t="s">
        <v>181</v>
      </c>
      <c r="AF1186" t="s">
        <v>175</v>
      </c>
      <c r="AG1186" t="s">
        <v>181</v>
      </c>
      <c r="AH1186" t="s">
        <v>175</v>
      </c>
      <c r="AI1186" t="s">
        <v>175</v>
      </c>
      <c r="AJ1186" t="s">
        <v>175</v>
      </c>
      <c r="AK1186" t="s">
        <v>181</v>
      </c>
      <c r="AL1186" t="s">
        <v>52</v>
      </c>
      <c r="AM1186" t="s">
        <v>185</v>
      </c>
      <c r="AN1186" t="s">
        <v>205</v>
      </c>
      <c r="AO1186" t="s">
        <v>184</v>
      </c>
      <c r="AP1186" t="s">
        <v>183</v>
      </c>
      <c r="AQ1186" t="s">
        <v>204</v>
      </c>
      <c r="AR1186" t="s">
        <v>202</v>
      </c>
      <c r="AS1186" t="s">
        <v>182</v>
      </c>
      <c r="AT1186" t="s">
        <v>201</v>
      </c>
      <c r="AU1186" t="s">
        <v>206</v>
      </c>
      <c r="AV1186" t="s">
        <v>203</v>
      </c>
      <c r="AX1186" t="s">
        <v>186</v>
      </c>
      <c r="AZ1186" t="s">
        <v>207</v>
      </c>
      <c r="BF1186" t="s">
        <v>210</v>
      </c>
      <c r="BG1186" s="1">
        <v>0</v>
      </c>
      <c r="BH1186" t="s">
        <v>211</v>
      </c>
      <c r="BK1186" s="1">
        <v>0</v>
      </c>
      <c r="BL1186" t="s">
        <v>2283</v>
      </c>
      <c r="BM1186" t="s">
        <v>191</v>
      </c>
      <c r="BN1186" t="s">
        <v>2284</v>
      </c>
      <c r="BO1186" t="s">
        <v>191</v>
      </c>
      <c r="BP1186" t="s">
        <v>2285</v>
      </c>
    </row>
    <row r="1187" spans="1:69" x14ac:dyDescent="0.25">
      <c r="A1187" s="1">
        <v>30451736</v>
      </c>
      <c r="B1187" t="s">
        <v>740</v>
      </c>
      <c r="C1187" t="s">
        <v>39</v>
      </c>
      <c r="D1187" t="s">
        <v>174</v>
      </c>
      <c r="E1187" t="s">
        <v>175</v>
      </c>
      <c r="L1187" t="s">
        <v>52</v>
      </c>
      <c r="M1187" s="1">
        <v>0</v>
      </c>
      <c r="N1187" s="1">
        <v>0</v>
      </c>
      <c r="O1187" t="s">
        <v>174</v>
      </c>
      <c r="P1187" t="s">
        <v>216</v>
      </c>
      <c r="Q1187" t="s">
        <v>177</v>
      </c>
      <c r="S1187" s="1">
        <v>0</v>
      </c>
      <c r="T1187" t="s">
        <v>175</v>
      </c>
      <c r="Y1187" t="s">
        <v>224</v>
      </c>
      <c r="AC1187" s="1">
        <v>0</v>
      </c>
      <c r="AD1187" s="1">
        <v>0</v>
      </c>
      <c r="AE1187" s="1">
        <v>0</v>
      </c>
      <c r="AF1187" s="1">
        <v>0</v>
      </c>
      <c r="AG1187" s="1">
        <v>0</v>
      </c>
      <c r="AH1187" s="1">
        <v>0</v>
      </c>
      <c r="AI1187" s="1">
        <v>0</v>
      </c>
      <c r="AJ1187" s="1">
        <v>0</v>
      </c>
      <c r="AK1187" s="1">
        <v>0</v>
      </c>
      <c r="AL1187" t="s">
        <v>42</v>
      </c>
      <c r="AM1187" s="1">
        <v>0</v>
      </c>
      <c r="AN1187" s="1">
        <v>0</v>
      </c>
      <c r="AO1187" s="1">
        <v>0</v>
      </c>
      <c r="AP1187" s="1">
        <v>0</v>
      </c>
      <c r="AQ1187" s="1">
        <v>0</v>
      </c>
      <c r="AR1187" s="1">
        <v>0</v>
      </c>
      <c r="AS1187" s="1">
        <v>0</v>
      </c>
      <c r="AT1187" s="1">
        <v>0</v>
      </c>
      <c r="AU1187" s="1">
        <v>0</v>
      </c>
      <c r="AV1187" s="1">
        <v>0</v>
      </c>
      <c r="AW1187" t="s">
        <v>741</v>
      </c>
      <c r="BF1187" t="s">
        <v>210</v>
      </c>
      <c r="BG1187" s="1">
        <v>0</v>
      </c>
      <c r="BH1187" s="1">
        <v>0</v>
      </c>
      <c r="BK1187" t="s">
        <v>191</v>
      </c>
      <c r="BM1187" t="s">
        <v>191</v>
      </c>
      <c r="BO1187" t="s">
        <v>218</v>
      </c>
    </row>
    <row r="1188" spans="1:69" x14ac:dyDescent="0.25">
      <c r="A1188" s="1">
        <v>30451778</v>
      </c>
      <c r="B1188" t="s">
        <v>4402</v>
      </c>
      <c r="C1188" t="s">
        <v>39</v>
      </c>
      <c r="D1188" t="s">
        <v>3727</v>
      </c>
      <c r="E1188" t="s">
        <v>175</v>
      </c>
      <c r="L1188" t="s">
        <v>52</v>
      </c>
      <c r="M1188" s="1">
        <v>0</v>
      </c>
      <c r="N1188" s="1">
        <v>0</v>
      </c>
      <c r="O1188" t="s">
        <v>3728</v>
      </c>
      <c r="P1188" t="s">
        <v>216</v>
      </c>
      <c r="Q1188" t="s">
        <v>258</v>
      </c>
      <c r="S1188" s="1">
        <v>0</v>
      </c>
      <c r="T1188" t="s">
        <v>175</v>
      </c>
      <c r="W1188" t="s">
        <v>262</v>
      </c>
      <c r="AC1188" t="s">
        <v>180</v>
      </c>
      <c r="AD1188" t="s">
        <v>175</v>
      </c>
      <c r="AE1188" t="s">
        <v>181</v>
      </c>
      <c r="AF1188" t="s">
        <v>175</v>
      </c>
      <c r="AG1188" t="s">
        <v>181</v>
      </c>
      <c r="AH1188" t="s">
        <v>200</v>
      </c>
      <c r="AI1188" t="s">
        <v>200</v>
      </c>
      <c r="AJ1188" t="s">
        <v>200</v>
      </c>
      <c r="AK1188" t="s">
        <v>200</v>
      </c>
      <c r="AL1188" t="s">
        <v>42</v>
      </c>
      <c r="AM1188" s="1">
        <v>0</v>
      </c>
      <c r="AN1188" s="1">
        <v>0</v>
      </c>
      <c r="AO1188" s="1">
        <v>0</v>
      </c>
      <c r="AP1188" s="1">
        <v>0</v>
      </c>
      <c r="AQ1188" t="s">
        <v>182</v>
      </c>
      <c r="AR1188" t="s">
        <v>185</v>
      </c>
      <c r="AS1188" s="1">
        <v>0</v>
      </c>
      <c r="AT1188" s="1">
        <v>0</v>
      </c>
      <c r="AU1188" s="1">
        <v>0</v>
      </c>
      <c r="AV1188" t="s">
        <v>184</v>
      </c>
      <c r="AX1188" t="s">
        <v>186</v>
      </c>
      <c r="AZ1188" t="s">
        <v>207</v>
      </c>
      <c r="BC1188" t="s">
        <v>209</v>
      </c>
      <c r="BF1188" t="s">
        <v>210</v>
      </c>
      <c r="BG1188" s="1">
        <v>0</v>
      </c>
      <c r="BH1188" t="s">
        <v>464</v>
      </c>
      <c r="BK1188" t="s">
        <v>191</v>
      </c>
      <c r="BL1188" t="s">
        <v>518</v>
      </c>
      <c r="BM1188" t="s">
        <v>218</v>
      </c>
      <c r="BN1188" t="s">
        <v>576</v>
      </c>
      <c r="BO1188" t="s">
        <v>218</v>
      </c>
      <c r="BP1188" t="s">
        <v>4403</v>
      </c>
    </row>
    <row r="1189" spans="1:69" x14ac:dyDescent="0.25">
      <c r="A1189" s="1">
        <v>30451784</v>
      </c>
      <c r="B1189" t="s">
        <v>742</v>
      </c>
      <c r="C1189" t="s">
        <v>39</v>
      </c>
      <c r="D1189" t="s">
        <v>174</v>
      </c>
      <c r="E1189" t="s">
        <v>175</v>
      </c>
      <c r="L1189" t="s">
        <v>52</v>
      </c>
      <c r="M1189" s="1">
        <v>0</v>
      </c>
      <c r="N1189" s="1">
        <v>0</v>
      </c>
      <c r="O1189" t="s">
        <v>174</v>
      </c>
      <c r="P1189" t="s">
        <v>216</v>
      </c>
      <c r="Q1189" t="s">
        <v>196</v>
      </c>
      <c r="S1189" s="1">
        <v>0</v>
      </c>
      <c r="T1189" t="s">
        <v>175</v>
      </c>
      <c r="AA1189" t="s">
        <v>273</v>
      </c>
      <c r="AB1189" t="s">
        <v>743</v>
      </c>
      <c r="AC1189" t="s">
        <v>180</v>
      </c>
      <c r="AD1189" t="s">
        <v>175</v>
      </c>
      <c r="AE1189" t="s">
        <v>175</v>
      </c>
      <c r="AF1189" t="s">
        <v>175</v>
      </c>
      <c r="AG1189" t="s">
        <v>175</v>
      </c>
      <c r="AH1189" t="s">
        <v>175</v>
      </c>
      <c r="AI1189" t="s">
        <v>175</v>
      </c>
      <c r="AJ1189" t="s">
        <v>175</v>
      </c>
      <c r="AK1189" t="s">
        <v>175</v>
      </c>
      <c r="AL1189" t="s">
        <v>42</v>
      </c>
      <c r="AM1189" s="1">
        <v>0</v>
      </c>
      <c r="AN1189" s="1">
        <v>0</v>
      </c>
      <c r="AO1189" s="1">
        <v>0</v>
      </c>
      <c r="AP1189" s="1">
        <v>0</v>
      </c>
      <c r="AQ1189" s="1">
        <v>0</v>
      </c>
      <c r="AR1189" s="1">
        <v>0</v>
      </c>
      <c r="AS1189" s="1">
        <v>0</v>
      </c>
      <c r="AT1189" s="1">
        <v>0</v>
      </c>
      <c r="AU1189" s="1">
        <v>0</v>
      </c>
      <c r="AV1189" s="1">
        <v>0</v>
      </c>
      <c r="AW1189" t="s">
        <v>744</v>
      </c>
      <c r="AX1189" t="s">
        <v>186</v>
      </c>
      <c r="AZ1189" t="s">
        <v>207</v>
      </c>
      <c r="BF1189" t="s">
        <v>49</v>
      </c>
      <c r="BG1189" s="1">
        <v>0</v>
      </c>
      <c r="BH1189" t="s">
        <v>211</v>
      </c>
      <c r="BK1189" t="s">
        <v>191</v>
      </c>
      <c r="BL1189" t="s">
        <v>367</v>
      </c>
      <c r="BM1189" t="s">
        <v>191</v>
      </c>
      <c r="BN1189" t="s">
        <v>367</v>
      </c>
      <c r="BO1189" t="s">
        <v>191</v>
      </c>
      <c r="BP1189" t="s">
        <v>518</v>
      </c>
    </row>
    <row r="1190" spans="1:69" x14ac:dyDescent="0.25">
      <c r="A1190" s="1">
        <v>30451789</v>
      </c>
      <c r="B1190" t="s">
        <v>2286</v>
      </c>
      <c r="C1190" t="s">
        <v>39</v>
      </c>
      <c r="D1190" t="s">
        <v>1616</v>
      </c>
      <c r="E1190" t="s">
        <v>200</v>
      </c>
      <c r="L1190" t="s">
        <v>52</v>
      </c>
      <c r="M1190" s="1">
        <v>0</v>
      </c>
      <c r="N1190" s="1">
        <v>0</v>
      </c>
      <c r="O1190" t="s">
        <v>1616</v>
      </c>
      <c r="P1190" t="s">
        <v>176</v>
      </c>
      <c r="Q1190" t="s">
        <v>196</v>
      </c>
      <c r="S1190" t="s">
        <v>178</v>
      </c>
      <c r="T1190" t="s">
        <v>200</v>
      </c>
      <c r="V1190" t="s">
        <v>397</v>
      </c>
      <c r="W1190" t="s">
        <v>262</v>
      </c>
      <c r="X1190" t="s">
        <v>179</v>
      </c>
      <c r="Z1190" t="s">
        <v>244</v>
      </c>
      <c r="AC1190" t="s">
        <v>180</v>
      </c>
      <c r="AD1190" t="s">
        <v>175</v>
      </c>
      <c r="AE1190" t="s">
        <v>175</v>
      </c>
      <c r="AF1190" t="s">
        <v>175</v>
      </c>
      <c r="AG1190" t="s">
        <v>175</v>
      </c>
      <c r="AH1190" t="s">
        <v>175</v>
      </c>
      <c r="AI1190" t="s">
        <v>175</v>
      </c>
      <c r="AJ1190" t="s">
        <v>175</v>
      </c>
      <c r="AK1190" t="s">
        <v>175</v>
      </c>
      <c r="AL1190" t="s">
        <v>42</v>
      </c>
      <c r="AM1190" t="s">
        <v>183</v>
      </c>
      <c r="AN1190" t="s">
        <v>204</v>
      </c>
      <c r="AO1190" t="s">
        <v>182</v>
      </c>
      <c r="AP1190" t="s">
        <v>201</v>
      </c>
      <c r="AQ1190" t="s">
        <v>184</v>
      </c>
      <c r="AR1190" t="s">
        <v>185</v>
      </c>
      <c r="AS1190" t="s">
        <v>203</v>
      </c>
      <c r="AT1190" t="s">
        <v>202</v>
      </c>
      <c r="AU1190" t="s">
        <v>205</v>
      </c>
      <c r="AV1190" t="s">
        <v>206</v>
      </c>
      <c r="AW1190" t="s">
        <v>2287</v>
      </c>
      <c r="AX1190" t="s">
        <v>186</v>
      </c>
      <c r="AZ1190" t="s">
        <v>207</v>
      </c>
      <c r="BB1190" t="s">
        <v>208</v>
      </c>
      <c r="BF1190" t="s">
        <v>49</v>
      </c>
      <c r="BG1190" s="1">
        <v>0</v>
      </c>
      <c r="BH1190" t="s">
        <v>211</v>
      </c>
      <c r="BK1190" t="s">
        <v>191</v>
      </c>
      <c r="BL1190" t="s">
        <v>911</v>
      </c>
      <c r="BM1190" t="s">
        <v>191</v>
      </c>
      <c r="BN1190" t="s">
        <v>2288</v>
      </c>
      <c r="BO1190" t="s">
        <v>191</v>
      </c>
      <c r="BP1190" t="s">
        <v>575</v>
      </c>
      <c r="BQ1190" t="s">
        <v>2289</v>
      </c>
    </row>
    <row r="1191" spans="1:69" x14ac:dyDescent="0.25">
      <c r="A1191" s="1">
        <v>30451792</v>
      </c>
      <c r="B1191" t="s">
        <v>2979</v>
      </c>
      <c r="C1191" t="s">
        <v>39</v>
      </c>
      <c r="D1191" t="s">
        <v>2512</v>
      </c>
      <c r="E1191" t="s">
        <v>200</v>
      </c>
      <c r="L1191" t="s">
        <v>52</v>
      </c>
      <c r="M1191" s="1">
        <v>0</v>
      </c>
      <c r="N1191" s="1">
        <v>0</v>
      </c>
      <c r="O1191" t="s">
        <v>2512</v>
      </c>
      <c r="P1191" t="s">
        <v>176</v>
      </c>
      <c r="Q1191" t="s">
        <v>238</v>
      </c>
      <c r="S1191" t="s">
        <v>178</v>
      </c>
      <c r="T1191" t="s">
        <v>200</v>
      </c>
      <c r="X1191" t="s">
        <v>179</v>
      </c>
      <c r="AC1191" t="s">
        <v>180</v>
      </c>
      <c r="AD1191" t="s">
        <v>200</v>
      </c>
      <c r="AE1191" t="s">
        <v>181</v>
      </c>
      <c r="AF1191" t="s">
        <v>181</v>
      </c>
      <c r="AG1191" t="s">
        <v>200</v>
      </c>
      <c r="AH1191" t="s">
        <v>200</v>
      </c>
      <c r="AI1191" t="s">
        <v>200</v>
      </c>
      <c r="AJ1191" t="s">
        <v>200</v>
      </c>
      <c r="AK1191" t="s">
        <v>200</v>
      </c>
      <c r="AL1191" t="s">
        <v>42</v>
      </c>
      <c r="AM1191" t="s">
        <v>182</v>
      </c>
      <c r="AN1191" t="s">
        <v>201</v>
      </c>
      <c r="AO1191" t="s">
        <v>202</v>
      </c>
      <c r="AP1191" t="s">
        <v>185</v>
      </c>
      <c r="AQ1191" t="s">
        <v>204</v>
      </c>
      <c r="AR1191" t="s">
        <v>203</v>
      </c>
      <c r="AS1191" t="s">
        <v>184</v>
      </c>
      <c r="AT1191" t="s">
        <v>183</v>
      </c>
      <c r="AU1191" t="s">
        <v>205</v>
      </c>
      <c r="AV1191" t="s">
        <v>206</v>
      </c>
      <c r="AZ1191" t="s">
        <v>207</v>
      </c>
      <c r="BA1191" t="s">
        <v>188</v>
      </c>
      <c r="BC1191" t="s">
        <v>209</v>
      </c>
      <c r="BF1191" t="s">
        <v>49</v>
      </c>
      <c r="BG1191" s="1">
        <v>0</v>
      </c>
      <c r="BH1191" t="s">
        <v>190</v>
      </c>
      <c r="BK1191" t="s">
        <v>191</v>
      </c>
      <c r="BM1191" t="s">
        <v>191</v>
      </c>
      <c r="BO1191" t="s">
        <v>191</v>
      </c>
    </row>
    <row r="1192" spans="1:69" x14ac:dyDescent="0.25">
      <c r="A1192" s="1">
        <v>30451833</v>
      </c>
      <c r="B1192" t="s">
        <v>745</v>
      </c>
      <c r="C1192" t="s">
        <v>39</v>
      </c>
      <c r="D1192" t="s">
        <v>174</v>
      </c>
      <c r="E1192" t="s">
        <v>200</v>
      </c>
      <c r="L1192" t="s">
        <v>52</v>
      </c>
      <c r="M1192" s="1">
        <v>0</v>
      </c>
      <c r="N1192" s="1">
        <v>0</v>
      </c>
      <c r="O1192" t="s">
        <v>174</v>
      </c>
      <c r="P1192" t="s">
        <v>176</v>
      </c>
      <c r="Q1192" t="s">
        <v>238</v>
      </c>
      <c r="S1192" t="s">
        <v>178</v>
      </c>
      <c r="T1192" t="s">
        <v>200</v>
      </c>
      <c r="Y1192" t="s">
        <v>224</v>
      </c>
      <c r="AC1192" t="s">
        <v>180</v>
      </c>
      <c r="AD1192" t="s">
        <v>200</v>
      </c>
      <c r="AE1192" t="s">
        <v>200</v>
      </c>
      <c r="AF1192" t="s">
        <v>200</v>
      </c>
      <c r="AG1192" t="s">
        <v>200</v>
      </c>
      <c r="AH1192" t="s">
        <v>200</v>
      </c>
      <c r="AI1192" t="s">
        <v>200</v>
      </c>
      <c r="AJ1192" t="s">
        <v>200</v>
      </c>
      <c r="AK1192" t="s">
        <v>200</v>
      </c>
      <c r="AL1192" t="s">
        <v>42</v>
      </c>
      <c r="AM1192" s="1">
        <v>0</v>
      </c>
      <c r="AN1192" s="1">
        <v>0</v>
      </c>
      <c r="AO1192" s="1">
        <v>0</v>
      </c>
      <c r="AP1192" s="1">
        <v>0</v>
      </c>
      <c r="AQ1192" s="1">
        <v>0</v>
      </c>
      <c r="AR1192" s="1">
        <v>0</v>
      </c>
      <c r="AS1192" s="1">
        <v>0</v>
      </c>
      <c r="AT1192" s="1">
        <v>0</v>
      </c>
      <c r="AU1192" s="1">
        <v>0</v>
      </c>
      <c r="AV1192" s="1">
        <v>0</v>
      </c>
      <c r="BF1192" s="1">
        <v>0</v>
      </c>
      <c r="BG1192" s="1">
        <v>0</v>
      </c>
      <c r="BH1192" s="1">
        <v>0</v>
      </c>
      <c r="BK1192" s="1">
        <v>0</v>
      </c>
      <c r="BM1192" s="1">
        <v>0</v>
      </c>
      <c r="BO1192" s="1">
        <v>0</v>
      </c>
    </row>
    <row r="1193" spans="1:69" x14ac:dyDescent="0.25">
      <c r="A1193" s="1">
        <v>30451837</v>
      </c>
      <c r="B1193" t="s">
        <v>1433</v>
      </c>
      <c r="C1193" t="s">
        <v>39</v>
      </c>
      <c r="D1193" t="s">
        <v>942</v>
      </c>
      <c r="E1193" t="s">
        <v>175</v>
      </c>
      <c r="L1193" t="s">
        <v>52</v>
      </c>
      <c r="M1193" s="1">
        <v>0</v>
      </c>
      <c r="N1193" s="1">
        <v>0</v>
      </c>
      <c r="O1193" t="s">
        <v>942</v>
      </c>
      <c r="P1193" t="s">
        <v>176</v>
      </c>
      <c r="Q1193" t="s">
        <v>238</v>
      </c>
      <c r="S1193" t="s">
        <v>222</v>
      </c>
      <c r="T1193" t="s">
        <v>175</v>
      </c>
      <c r="AA1193" t="s">
        <v>273</v>
      </c>
      <c r="AB1193" t="s">
        <v>1434</v>
      </c>
      <c r="AC1193" t="s">
        <v>180</v>
      </c>
      <c r="AD1193" t="s">
        <v>181</v>
      </c>
      <c r="AE1193" t="s">
        <v>175</v>
      </c>
      <c r="AF1193" t="s">
        <v>181</v>
      </c>
      <c r="AG1193" t="s">
        <v>181</v>
      </c>
      <c r="AH1193" t="s">
        <v>200</v>
      </c>
      <c r="AI1193" t="s">
        <v>200</v>
      </c>
      <c r="AJ1193" t="s">
        <v>200</v>
      </c>
      <c r="AK1193" t="s">
        <v>230</v>
      </c>
      <c r="AL1193" t="s">
        <v>42</v>
      </c>
      <c r="AM1193" t="s">
        <v>204</v>
      </c>
      <c r="AN1193" t="s">
        <v>183</v>
      </c>
      <c r="AO1193" t="s">
        <v>182</v>
      </c>
      <c r="AP1193" t="s">
        <v>205</v>
      </c>
      <c r="AQ1193" t="s">
        <v>185</v>
      </c>
      <c r="AR1193" t="s">
        <v>184</v>
      </c>
      <c r="AS1193" t="s">
        <v>203</v>
      </c>
      <c r="AT1193" t="s">
        <v>201</v>
      </c>
      <c r="AU1193" t="s">
        <v>206</v>
      </c>
      <c r="AV1193" t="s">
        <v>202</v>
      </c>
      <c r="AW1193" t="s">
        <v>1435</v>
      </c>
      <c r="AX1193" t="s">
        <v>186</v>
      </c>
      <c r="AY1193" t="s">
        <v>187</v>
      </c>
      <c r="AZ1193" t="s">
        <v>207</v>
      </c>
      <c r="BC1193" t="s">
        <v>209</v>
      </c>
      <c r="BF1193" t="s">
        <v>232</v>
      </c>
      <c r="BG1193" t="s">
        <v>276</v>
      </c>
      <c r="BH1193" t="s">
        <v>247</v>
      </c>
      <c r="BK1193" t="s">
        <v>191</v>
      </c>
      <c r="BL1193" t="s">
        <v>1436</v>
      </c>
      <c r="BM1193" t="s">
        <v>191</v>
      </c>
      <c r="BN1193" t="s">
        <v>1437</v>
      </c>
      <c r="BO1193" t="s">
        <v>191</v>
      </c>
      <c r="BQ1193" t="s">
        <v>1438</v>
      </c>
    </row>
    <row r="1194" spans="1:69" x14ac:dyDescent="0.25">
      <c r="A1194" s="1">
        <v>30451839</v>
      </c>
      <c r="B1194" t="s">
        <v>1439</v>
      </c>
      <c r="C1194" t="s">
        <v>39</v>
      </c>
      <c r="D1194" t="s">
        <v>942</v>
      </c>
      <c r="E1194" t="s">
        <v>200</v>
      </c>
      <c r="L1194" t="s">
        <v>52</v>
      </c>
      <c r="M1194" s="1">
        <v>0</v>
      </c>
      <c r="N1194" s="1">
        <v>0</v>
      </c>
      <c r="O1194" t="s">
        <v>942</v>
      </c>
      <c r="P1194" t="s">
        <v>216</v>
      </c>
      <c r="Q1194" t="s">
        <v>196</v>
      </c>
      <c r="S1194" s="1">
        <v>0</v>
      </c>
      <c r="T1194" t="s">
        <v>200</v>
      </c>
      <c r="X1194" t="s">
        <v>179</v>
      </c>
      <c r="AC1194" t="s">
        <v>180</v>
      </c>
      <c r="AD1194" t="s">
        <v>175</v>
      </c>
      <c r="AE1194" t="s">
        <v>175</v>
      </c>
      <c r="AF1194" t="s">
        <v>175</v>
      </c>
      <c r="AG1194" t="s">
        <v>175</v>
      </c>
      <c r="AH1194" t="s">
        <v>175</v>
      </c>
      <c r="AI1194" t="s">
        <v>175</v>
      </c>
      <c r="AJ1194" t="s">
        <v>299</v>
      </c>
      <c r="AK1194" t="s">
        <v>175</v>
      </c>
      <c r="AL1194" t="s">
        <v>52</v>
      </c>
      <c r="AM1194" t="s">
        <v>185</v>
      </c>
      <c r="AN1194" s="1">
        <v>0</v>
      </c>
      <c r="AO1194" s="1">
        <v>0</v>
      </c>
      <c r="AP1194" t="s">
        <v>184</v>
      </c>
      <c r="AQ1194" s="1">
        <v>0</v>
      </c>
      <c r="AR1194" s="1">
        <v>0</v>
      </c>
      <c r="AS1194" s="1">
        <v>0</v>
      </c>
      <c r="AT1194" t="s">
        <v>182</v>
      </c>
      <c r="AU1194" s="1">
        <v>0</v>
      </c>
      <c r="AV1194" s="1">
        <v>0</v>
      </c>
      <c r="AY1194" t="s">
        <v>187</v>
      </c>
      <c r="AZ1194" t="s">
        <v>207</v>
      </c>
      <c r="BA1194" t="s">
        <v>188</v>
      </c>
      <c r="BC1194" t="s">
        <v>209</v>
      </c>
      <c r="BF1194" t="s">
        <v>210</v>
      </c>
      <c r="BG1194" s="1">
        <v>0</v>
      </c>
      <c r="BH1194" t="s">
        <v>211</v>
      </c>
      <c r="BK1194" t="s">
        <v>191</v>
      </c>
      <c r="BL1194" t="s">
        <v>367</v>
      </c>
      <c r="BM1194" t="s">
        <v>218</v>
      </c>
      <c r="BN1194" t="s">
        <v>1440</v>
      </c>
      <c r="BO1194" t="s">
        <v>218</v>
      </c>
      <c r="BQ1194" t="s">
        <v>1441</v>
      </c>
    </row>
    <row r="1195" spans="1:69" x14ac:dyDescent="0.25">
      <c r="A1195" s="1">
        <v>30451840</v>
      </c>
      <c r="B1195" t="s">
        <v>2290</v>
      </c>
      <c r="C1195" t="s">
        <v>39</v>
      </c>
      <c r="D1195" t="s">
        <v>1616</v>
      </c>
      <c r="E1195" t="s">
        <v>175</v>
      </c>
      <c r="L1195" t="s">
        <v>52</v>
      </c>
      <c r="M1195" s="1">
        <v>0</v>
      </c>
      <c r="N1195" s="1">
        <v>0</v>
      </c>
      <c r="O1195" t="s">
        <v>1616</v>
      </c>
      <c r="P1195" t="s">
        <v>176</v>
      </c>
      <c r="Q1195" t="s">
        <v>196</v>
      </c>
      <c r="S1195" t="s">
        <v>178</v>
      </c>
      <c r="T1195" t="s">
        <v>175</v>
      </c>
      <c r="AA1195" t="s">
        <v>273</v>
      </c>
      <c r="AB1195" t="s">
        <v>2291</v>
      </c>
      <c r="AC1195" t="s">
        <v>180</v>
      </c>
      <c r="AD1195" t="s">
        <v>175</v>
      </c>
      <c r="AE1195" t="s">
        <v>175</v>
      </c>
      <c r="AF1195" t="s">
        <v>175</v>
      </c>
      <c r="AG1195" t="s">
        <v>175</v>
      </c>
      <c r="AH1195" t="s">
        <v>175</v>
      </c>
      <c r="AI1195" t="s">
        <v>175</v>
      </c>
      <c r="AJ1195" t="s">
        <v>175</v>
      </c>
      <c r="AK1195" t="s">
        <v>175</v>
      </c>
      <c r="AL1195" t="s">
        <v>42</v>
      </c>
      <c r="AM1195" t="s">
        <v>206</v>
      </c>
      <c r="AN1195" t="s">
        <v>183</v>
      </c>
      <c r="AO1195" t="s">
        <v>182</v>
      </c>
      <c r="AP1195" t="s">
        <v>201</v>
      </c>
      <c r="AQ1195" t="s">
        <v>203</v>
      </c>
      <c r="AR1195" t="s">
        <v>202</v>
      </c>
      <c r="AS1195" t="s">
        <v>184</v>
      </c>
      <c r="AT1195" t="s">
        <v>185</v>
      </c>
      <c r="AU1195" t="s">
        <v>205</v>
      </c>
      <c r="AV1195" t="s">
        <v>204</v>
      </c>
      <c r="AX1195" t="s">
        <v>186</v>
      </c>
      <c r="AY1195" t="s">
        <v>187</v>
      </c>
      <c r="AZ1195" t="s">
        <v>207</v>
      </c>
      <c r="BA1195" t="s">
        <v>188</v>
      </c>
      <c r="BB1195" t="s">
        <v>208</v>
      </c>
      <c r="BC1195" t="s">
        <v>209</v>
      </c>
      <c r="BF1195" t="s">
        <v>210</v>
      </c>
      <c r="BG1195" s="1">
        <v>0</v>
      </c>
      <c r="BH1195" t="s">
        <v>211</v>
      </c>
      <c r="BK1195" t="s">
        <v>191</v>
      </c>
      <c r="BL1195" t="s">
        <v>2292</v>
      </c>
      <c r="BM1195" t="s">
        <v>218</v>
      </c>
      <c r="BN1195" t="s">
        <v>2293</v>
      </c>
      <c r="BO1195" t="s">
        <v>218</v>
      </c>
      <c r="BP1195" t="s">
        <v>2294</v>
      </c>
    </row>
    <row r="1196" spans="1:69" x14ac:dyDescent="0.25">
      <c r="A1196" s="1">
        <v>30451888</v>
      </c>
      <c r="B1196" t="s">
        <v>2295</v>
      </c>
      <c r="C1196" t="s">
        <v>39</v>
      </c>
      <c r="D1196" t="s">
        <v>1616</v>
      </c>
      <c r="E1196" t="s">
        <v>175</v>
      </c>
      <c r="L1196" t="s">
        <v>52</v>
      </c>
      <c r="M1196" s="1">
        <v>0</v>
      </c>
      <c r="N1196" s="1">
        <v>0</v>
      </c>
      <c r="O1196" t="s">
        <v>1616</v>
      </c>
      <c r="P1196" t="s">
        <v>216</v>
      </c>
      <c r="Q1196" t="s">
        <v>322</v>
      </c>
      <c r="S1196" s="1">
        <v>0</v>
      </c>
      <c r="T1196" t="s">
        <v>175</v>
      </c>
      <c r="V1196" t="s">
        <v>397</v>
      </c>
      <c r="Z1196" t="s">
        <v>244</v>
      </c>
      <c r="AC1196" t="s">
        <v>180</v>
      </c>
      <c r="AD1196" t="s">
        <v>181</v>
      </c>
      <c r="AE1196" t="s">
        <v>181</v>
      </c>
      <c r="AF1196" t="s">
        <v>181</v>
      </c>
      <c r="AG1196" t="s">
        <v>175</v>
      </c>
      <c r="AH1196" t="s">
        <v>175</v>
      </c>
      <c r="AI1196" t="s">
        <v>181</v>
      </c>
      <c r="AJ1196" t="s">
        <v>175</v>
      </c>
      <c r="AK1196" t="s">
        <v>175</v>
      </c>
      <c r="AL1196" t="s">
        <v>49</v>
      </c>
      <c r="AM1196" t="s">
        <v>182</v>
      </c>
      <c r="AN1196" s="1">
        <v>0</v>
      </c>
      <c r="AO1196" t="s">
        <v>185</v>
      </c>
      <c r="AP1196" t="s">
        <v>184</v>
      </c>
      <c r="AQ1196" s="1">
        <v>0</v>
      </c>
      <c r="AR1196" s="1">
        <v>0</v>
      </c>
      <c r="AS1196" s="1">
        <v>0</v>
      </c>
      <c r="AT1196" t="s">
        <v>183</v>
      </c>
      <c r="AU1196" s="1">
        <v>0</v>
      </c>
      <c r="AV1196" t="s">
        <v>201</v>
      </c>
      <c r="AY1196" t="s">
        <v>187</v>
      </c>
      <c r="AZ1196" t="s">
        <v>207</v>
      </c>
      <c r="BA1196" t="s">
        <v>188</v>
      </c>
      <c r="BC1196" t="s">
        <v>209</v>
      </c>
      <c r="BF1196" t="s">
        <v>232</v>
      </c>
      <c r="BG1196" t="s">
        <v>276</v>
      </c>
      <c r="BH1196" t="s">
        <v>247</v>
      </c>
      <c r="BK1196" t="s">
        <v>218</v>
      </c>
      <c r="BM1196" t="s">
        <v>218</v>
      </c>
      <c r="BO1196" t="s">
        <v>218</v>
      </c>
    </row>
    <row r="1197" spans="1:69" x14ac:dyDescent="0.25">
      <c r="A1197" s="1">
        <v>30451893</v>
      </c>
      <c r="B1197" t="s">
        <v>746</v>
      </c>
      <c r="C1197" t="s">
        <v>39</v>
      </c>
      <c r="D1197" t="s">
        <v>174</v>
      </c>
      <c r="E1197" t="s">
        <v>216</v>
      </c>
      <c r="L1197" t="s">
        <v>52</v>
      </c>
      <c r="M1197" s="1">
        <v>0</v>
      </c>
      <c r="N1197" s="1">
        <v>0</v>
      </c>
      <c r="O1197" t="s">
        <v>174</v>
      </c>
      <c r="P1197" t="s">
        <v>216</v>
      </c>
      <c r="Q1197" t="s">
        <v>177</v>
      </c>
      <c r="S1197" s="1">
        <v>0</v>
      </c>
      <c r="T1197" t="s">
        <v>297</v>
      </c>
      <c r="U1197" t="s">
        <v>747</v>
      </c>
      <c r="V1197" t="s">
        <v>397</v>
      </c>
      <c r="X1197" t="s">
        <v>179</v>
      </c>
      <c r="AC1197" t="s">
        <v>199</v>
      </c>
      <c r="AD1197" t="s">
        <v>230</v>
      </c>
      <c r="AE1197" t="s">
        <v>230</v>
      </c>
      <c r="AF1197" t="s">
        <v>299</v>
      </c>
      <c r="AG1197" t="s">
        <v>230</v>
      </c>
      <c r="AH1197" t="s">
        <v>175</v>
      </c>
      <c r="AI1197" t="s">
        <v>175</v>
      </c>
      <c r="AJ1197" t="s">
        <v>181</v>
      </c>
      <c r="AK1197" t="s">
        <v>230</v>
      </c>
      <c r="AL1197" t="s">
        <v>49</v>
      </c>
      <c r="AM1197" t="s">
        <v>204</v>
      </c>
      <c r="AN1197" t="s">
        <v>205</v>
      </c>
      <c r="AO1197" t="s">
        <v>203</v>
      </c>
      <c r="AP1197" t="s">
        <v>206</v>
      </c>
      <c r="AQ1197" t="s">
        <v>184</v>
      </c>
      <c r="AR1197" t="s">
        <v>182</v>
      </c>
      <c r="AS1197" t="s">
        <v>201</v>
      </c>
      <c r="AT1197" t="s">
        <v>185</v>
      </c>
      <c r="AU1197" t="s">
        <v>183</v>
      </c>
      <c r="AV1197" t="s">
        <v>202</v>
      </c>
      <c r="AX1197" t="s">
        <v>186</v>
      </c>
      <c r="AY1197" t="s">
        <v>187</v>
      </c>
      <c r="AZ1197" t="s">
        <v>207</v>
      </c>
      <c r="BC1197" t="s">
        <v>209</v>
      </c>
      <c r="BF1197" t="s">
        <v>49</v>
      </c>
      <c r="BG1197" s="1">
        <v>0</v>
      </c>
      <c r="BH1197" t="s">
        <v>211</v>
      </c>
      <c r="BK1197" t="s">
        <v>191</v>
      </c>
      <c r="BL1197" t="s">
        <v>748</v>
      </c>
      <c r="BM1197" t="s">
        <v>191</v>
      </c>
      <c r="BN1197" t="s">
        <v>749</v>
      </c>
      <c r="BO1197" t="s">
        <v>191</v>
      </c>
      <c r="BP1197" t="s">
        <v>750</v>
      </c>
    </row>
    <row r="1198" spans="1:69" x14ac:dyDescent="0.25">
      <c r="A1198" s="1">
        <v>30451901</v>
      </c>
      <c r="B1198" t="s">
        <v>4404</v>
      </c>
      <c r="C1198" t="s">
        <v>39</v>
      </c>
      <c r="D1198" t="s">
        <v>3727</v>
      </c>
      <c r="E1198" t="s">
        <v>200</v>
      </c>
      <c r="L1198" t="s">
        <v>52</v>
      </c>
      <c r="M1198" s="1">
        <v>0</v>
      </c>
      <c r="N1198" s="1">
        <v>0</v>
      </c>
      <c r="O1198" t="s">
        <v>3728</v>
      </c>
      <c r="P1198" t="s">
        <v>176</v>
      </c>
      <c r="Q1198" t="s">
        <v>196</v>
      </c>
      <c r="S1198" t="s">
        <v>178</v>
      </c>
      <c r="T1198" t="s">
        <v>200</v>
      </c>
      <c r="AC1198" t="s">
        <v>180</v>
      </c>
      <c r="AD1198" t="s">
        <v>200</v>
      </c>
      <c r="AE1198" t="s">
        <v>200</v>
      </c>
      <c r="AF1198" t="s">
        <v>200</v>
      </c>
      <c r="AG1198" t="s">
        <v>200</v>
      </c>
      <c r="AH1198" t="s">
        <v>200</v>
      </c>
      <c r="AI1198" t="s">
        <v>200</v>
      </c>
      <c r="AJ1198" t="s">
        <v>200</v>
      </c>
      <c r="AK1198" t="s">
        <v>200</v>
      </c>
      <c r="AL1198" t="s">
        <v>42</v>
      </c>
      <c r="AM1198" t="s">
        <v>184</v>
      </c>
      <c r="AN1198" t="s">
        <v>182</v>
      </c>
      <c r="AO1198" t="s">
        <v>185</v>
      </c>
      <c r="AP1198" s="1">
        <v>0</v>
      </c>
      <c r="AQ1198" s="1">
        <v>0</v>
      </c>
      <c r="AR1198" s="1">
        <v>0</v>
      </c>
      <c r="AS1198" s="1">
        <v>0</v>
      </c>
      <c r="AT1198" s="1">
        <v>0</v>
      </c>
      <c r="AU1198" s="1">
        <v>0</v>
      </c>
      <c r="AV1198" t="s">
        <v>183</v>
      </c>
      <c r="AX1198" t="s">
        <v>186</v>
      </c>
      <c r="AZ1198" t="s">
        <v>207</v>
      </c>
      <c r="BB1198" t="s">
        <v>208</v>
      </c>
      <c r="BF1198" t="s">
        <v>210</v>
      </c>
      <c r="BG1198" s="1">
        <v>0</v>
      </c>
      <c r="BH1198" t="s">
        <v>211</v>
      </c>
      <c r="BK1198" t="s">
        <v>191</v>
      </c>
      <c r="BL1198" t="s">
        <v>4405</v>
      </c>
      <c r="BM1198" s="1">
        <v>0</v>
      </c>
      <c r="BN1198" t="s">
        <v>1308</v>
      </c>
      <c r="BO1198" t="s">
        <v>218</v>
      </c>
      <c r="BP1198" t="s">
        <v>4406</v>
      </c>
      <c r="BQ1198" t="s">
        <v>4407</v>
      </c>
    </row>
    <row r="1199" spans="1:69" x14ac:dyDescent="0.25">
      <c r="A1199" s="1">
        <v>30451915</v>
      </c>
      <c r="B1199" t="s">
        <v>2980</v>
      </c>
      <c r="C1199" t="s">
        <v>39</v>
      </c>
      <c r="D1199" t="s">
        <v>2512</v>
      </c>
      <c r="E1199" t="s">
        <v>195</v>
      </c>
      <c r="L1199" t="s">
        <v>52</v>
      </c>
      <c r="M1199" s="1">
        <v>0</v>
      </c>
      <c r="N1199" s="1">
        <v>0</v>
      </c>
      <c r="O1199" t="s">
        <v>2512</v>
      </c>
      <c r="P1199" t="s">
        <v>176</v>
      </c>
      <c r="Q1199" t="s">
        <v>177</v>
      </c>
      <c r="S1199" t="s">
        <v>178</v>
      </c>
      <c r="T1199" t="s">
        <v>299</v>
      </c>
      <c r="U1199" t="s">
        <v>2981</v>
      </c>
      <c r="AC1199" s="1">
        <v>0</v>
      </c>
      <c r="AD1199" s="1">
        <v>0</v>
      </c>
      <c r="AE1199" s="1">
        <v>0</v>
      </c>
      <c r="AF1199" s="1">
        <v>0</v>
      </c>
      <c r="AG1199" s="1">
        <v>0</v>
      </c>
      <c r="AH1199" s="1">
        <v>0</v>
      </c>
      <c r="AI1199" s="1">
        <v>0</v>
      </c>
      <c r="AJ1199" s="1">
        <v>0</v>
      </c>
      <c r="AK1199" s="1">
        <v>0</v>
      </c>
      <c r="AL1199" s="1">
        <v>0</v>
      </c>
      <c r="AM1199" s="1">
        <v>0</v>
      </c>
      <c r="AN1199" s="1">
        <v>0</v>
      </c>
      <c r="AO1199" s="1">
        <v>0</v>
      </c>
      <c r="AP1199" s="1">
        <v>0</v>
      </c>
      <c r="AQ1199" s="1">
        <v>0</v>
      </c>
      <c r="AR1199" s="1">
        <v>0</v>
      </c>
      <c r="AS1199" s="1">
        <v>0</v>
      </c>
      <c r="AT1199" s="1">
        <v>0</v>
      </c>
      <c r="AU1199" s="1">
        <v>0</v>
      </c>
      <c r="AV1199" s="1">
        <v>0</v>
      </c>
      <c r="BF1199" s="1">
        <v>0</v>
      </c>
      <c r="BG1199" s="1">
        <v>0</v>
      </c>
      <c r="BH1199" s="1">
        <v>0</v>
      </c>
      <c r="BK1199" s="1">
        <v>0</v>
      </c>
      <c r="BM1199" s="1">
        <v>0</v>
      </c>
      <c r="BO1199" s="1">
        <v>0</v>
      </c>
    </row>
    <row r="1200" spans="1:69" x14ac:dyDescent="0.25">
      <c r="A1200" s="1">
        <v>30451928</v>
      </c>
      <c r="B1200" t="s">
        <v>137</v>
      </c>
      <c r="C1200" t="s">
        <v>39</v>
      </c>
      <c r="L1200" s="1">
        <v>0</v>
      </c>
      <c r="M1200" s="1">
        <v>0</v>
      </c>
      <c r="N1200" s="1">
        <v>0</v>
      </c>
      <c r="O1200" s="1">
        <v>0</v>
      </c>
      <c r="P1200" s="1">
        <v>0</v>
      </c>
      <c r="Q1200" s="1">
        <v>0</v>
      </c>
      <c r="S1200" s="1">
        <v>0</v>
      </c>
      <c r="T1200" s="1">
        <v>0</v>
      </c>
      <c r="AC1200" s="1">
        <v>0</v>
      </c>
      <c r="AD1200" s="1">
        <v>0</v>
      </c>
      <c r="AE1200" s="1">
        <v>0</v>
      </c>
      <c r="AF1200" s="1">
        <v>0</v>
      </c>
      <c r="AG1200" s="1">
        <v>0</v>
      </c>
      <c r="AH1200" s="1">
        <v>0</v>
      </c>
      <c r="AI1200" s="1">
        <v>0</v>
      </c>
      <c r="AJ1200" s="1">
        <v>0</v>
      </c>
      <c r="AK1200" s="1">
        <v>0</v>
      </c>
      <c r="AL1200" s="1">
        <v>0</v>
      </c>
      <c r="AM1200" s="1">
        <v>0</v>
      </c>
      <c r="AN1200" s="1">
        <v>0</v>
      </c>
      <c r="AO1200" s="1">
        <v>0</v>
      </c>
      <c r="AP1200" s="1">
        <v>0</v>
      </c>
      <c r="AQ1200" s="1">
        <v>0</v>
      </c>
      <c r="AR1200" s="1">
        <v>0</v>
      </c>
      <c r="AS1200" s="1">
        <v>0</v>
      </c>
      <c r="AT1200" s="1">
        <v>0</v>
      </c>
      <c r="AU1200" s="1">
        <v>0</v>
      </c>
      <c r="AV1200" s="1">
        <v>0</v>
      </c>
      <c r="BF1200" s="1">
        <v>0</v>
      </c>
      <c r="BG1200" s="1">
        <v>0</v>
      </c>
      <c r="BH1200" s="1">
        <v>0</v>
      </c>
      <c r="BK1200" s="1">
        <v>0</v>
      </c>
      <c r="BM1200" s="1">
        <v>0</v>
      </c>
      <c r="BO1200" s="1">
        <v>0</v>
      </c>
    </row>
    <row r="1201" spans="1:69" x14ac:dyDescent="0.25">
      <c r="A1201" s="1">
        <v>30451949</v>
      </c>
      <c r="B1201" t="s">
        <v>4408</v>
      </c>
      <c r="C1201" t="s">
        <v>39</v>
      </c>
      <c r="D1201" t="s">
        <v>3727</v>
      </c>
      <c r="E1201" t="s">
        <v>216</v>
      </c>
      <c r="L1201" t="s">
        <v>52</v>
      </c>
      <c r="M1201" s="1">
        <v>0</v>
      </c>
      <c r="N1201" s="1">
        <v>0</v>
      </c>
      <c r="O1201" t="s">
        <v>3728</v>
      </c>
      <c r="P1201" t="s">
        <v>216</v>
      </c>
      <c r="Q1201" t="s">
        <v>196</v>
      </c>
      <c r="S1201" s="1">
        <v>0</v>
      </c>
      <c r="T1201" t="s">
        <v>197</v>
      </c>
      <c r="U1201" t="s">
        <v>4409</v>
      </c>
      <c r="Y1201" t="s">
        <v>224</v>
      </c>
      <c r="AC1201" t="s">
        <v>199</v>
      </c>
      <c r="AD1201" t="s">
        <v>181</v>
      </c>
      <c r="AE1201" t="s">
        <v>230</v>
      </c>
      <c r="AF1201" t="s">
        <v>230</v>
      </c>
      <c r="AG1201" t="s">
        <v>181</v>
      </c>
      <c r="AH1201" t="s">
        <v>175</v>
      </c>
      <c r="AI1201" t="s">
        <v>175</v>
      </c>
      <c r="AJ1201" t="s">
        <v>181</v>
      </c>
      <c r="AK1201" t="s">
        <v>230</v>
      </c>
      <c r="AL1201" t="s">
        <v>42</v>
      </c>
      <c r="AM1201" t="s">
        <v>184</v>
      </c>
      <c r="AN1201" t="s">
        <v>201</v>
      </c>
      <c r="AO1201" t="s">
        <v>185</v>
      </c>
      <c r="AP1201" t="s">
        <v>182</v>
      </c>
      <c r="AQ1201" t="s">
        <v>202</v>
      </c>
      <c r="AR1201" t="s">
        <v>204</v>
      </c>
      <c r="AS1201" t="s">
        <v>203</v>
      </c>
      <c r="AT1201" t="s">
        <v>206</v>
      </c>
      <c r="AU1201" t="s">
        <v>205</v>
      </c>
      <c r="AV1201" t="s">
        <v>183</v>
      </c>
      <c r="AW1201" t="s">
        <v>4410</v>
      </c>
      <c r="AX1201" t="s">
        <v>186</v>
      </c>
      <c r="AZ1201" t="s">
        <v>207</v>
      </c>
      <c r="BA1201" t="s">
        <v>188</v>
      </c>
      <c r="BF1201" t="s">
        <v>292</v>
      </c>
      <c r="BG1201" t="s">
        <v>276</v>
      </c>
      <c r="BH1201" t="s">
        <v>302</v>
      </c>
      <c r="BI1201" t="s">
        <v>4411</v>
      </c>
      <c r="BK1201" t="s">
        <v>191</v>
      </c>
      <c r="BL1201" t="s">
        <v>4412</v>
      </c>
      <c r="BM1201" t="s">
        <v>191</v>
      </c>
      <c r="BN1201" t="s">
        <v>4413</v>
      </c>
      <c r="BO1201" t="s">
        <v>191</v>
      </c>
      <c r="BP1201" t="s">
        <v>4414</v>
      </c>
    </row>
    <row r="1202" spans="1:69" x14ac:dyDescent="0.25">
      <c r="A1202" s="1">
        <v>30451970</v>
      </c>
      <c r="B1202" t="s">
        <v>4415</v>
      </c>
      <c r="C1202" t="s">
        <v>39</v>
      </c>
      <c r="D1202" t="s">
        <v>3727</v>
      </c>
      <c r="L1202" t="s">
        <v>52</v>
      </c>
      <c r="M1202" s="1">
        <v>0</v>
      </c>
      <c r="N1202" s="1">
        <v>0</v>
      </c>
      <c r="O1202" t="s">
        <v>3728</v>
      </c>
      <c r="P1202" s="1">
        <v>0</v>
      </c>
      <c r="Q1202" s="1">
        <v>0</v>
      </c>
      <c r="S1202" s="1">
        <v>0</v>
      </c>
      <c r="T1202" s="1">
        <v>0</v>
      </c>
      <c r="AC1202" s="1">
        <v>0</v>
      </c>
      <c r="AD1202" s="1">
        <v>0</v>
      </c>
      <c r="AE1202" s="1">
        <v>0</v>
      </c>
      <c r="AF1202" s="1">
        <v>0</v>
      </c>
      <c r="AG1202" s="1">
        <v>0</v>
      </c>
      <c r="AH1202" s="1">
        <v>0</v>
      </c>
      <c r="AI1202" s="1">
        <v>0</v>
      </c>
      <c r="AJ1202" s="1">
        <v>0</v>
      </c>
      <c r="AK1202" s="1">
        <v>0</v>
      </c>
      <c r="AL1202" s="1">
        <v>0</v>
      </c>
      <c r="AM1202" s="1">
        <v>0</v>
      </c>
      <c r="AN1202" s="1">
        <v>0</v>
      </c>
      <c r="AO1202" s="1">
        <v>0</v>
      </c>
      <c r="AP1202" s="1">
        <v>0</v>
      </c>
      <c r="AQ1202" s="1">
        <v>0</v>
      </c>
      <c r="AR1202" s="1">
        <v>0</v>
      </c>
      <c r="AS1202" s="1">
        <v>0</v>
      </c>
      <c r="AT1202" s="1">
        <v>0</v>
      </c>
      <c r="AU1202" s="1">
        <v>0</v>
      </c>
      <c r="AV1202" s="1">
        <v>0</v>
      </c>
      <c r="BF1202" s="1">
        <v>0</v>
      </c>
      <c r="BG1202" s="1">
        <v>0</v>
      </c>
      <c r="BH1202" s="1">
        <v>0</v>
      </c>
      <c r="BK1202" s="1">
        <v>0</v>
      </c>
      <c r="BM1202" s="1">
        <v>0</v>
      </c>
      <c r="BO1202" s="1">
        <v>0</v>
      </c>
    </row>
    <row r="1203" spans="1:69" x14ac:dyDescent="0.25">
      <c r="A1203" s="1">
        <v>30451977</v>
      </c>
      <c r="B1203" t="s">
        <v>138</v>
      </c>
      <c r="C1203" t="s">
        <v>39</v>
      </c>
      <c r="L1203" s="1">
        <v>0</v>
      </c>
      <c r="M1203" s="1">
        <v>0</v>
      </c>
      <c r="N1203" s="1">
        <v>0</v>
      </c>
      <c r="O1203" s="1">
        <v>0</v>
      </c>
      <c r="P1203" s="1">
        <v>0</v>
      </c>
      <c r="Q1203" s="1">
        <v>0</v>
      </c>
      <c r="S1203" s="1">
        <v>0</v>
      </c>
      <c r="T1203" s="1">
        <v>0</v>
      </c>
      <c r="AC1203" s="1">
        <v>0</v>
      </c>
      <c r="AD1203" s="1">
        <v>0</v>
      </c>
      <c r="AE1203" s="1">
        <v>0</v>
      </c>
      <c r="AF1203" s="1">
        <v>0</v>
      </c>
      <c r="AG1203" s="1">
        <v>0</v>
      </c>
      <c r="AH1203" s="1">
        <v>0</v>
      </c>
      <c r="AI1203" s="1">
        <v>0</v>
      </c>
      <c r="AJ1203" s="1">
        <v>0</v>
      </c>
      <c r="AK1203" s="1">
        <v>0</v>
      </c>
      <c r="AL1203" s="1">
        <v>0</v>
      </c>
      <c r="AM1203" s="1">
        <v>0</v>
      </c>
      <c r="AN1203" s="1">
        <v>0</v>
      </c>
      <c r="AO1203" s="1">
        <v>0</v>
      </c>
      <c r="AP1203" s="1">
        <v>0</v>
      </c>
      <c r="AQ1203" s="1">
        <v>0</v>
      </c>
      <c r="AR1203" s="1">
        <v>0</v>
      </c>
      <c r="AS1203" s="1">
        <v>0</v>
      </c>
      <c r="AT1203" s="1">
        <v>0</v>
      </c>
      <c r="AU1203" s="1">
        <v>0</v>
      </c>
      <c r="AV1203" s="1">
        <v>0</v>
      </c>
      <c r="BF1203" s="1">
        <v>0</v>
      </c>
      <c r="BG1203" s="1">
        <v>0</v>
      </c>
      <c r="BH1203" s="1">
        <v>0</v>
      </c>
      <c r="BK1203" s="1">
        <v>0</v>
      </c>
      <c r="BM1203" s="1">
        <v>0</v>
      </c>
      <c r="BO1203" s="1">
        <v>0</v>
      </c>
    </row>
    <row r="1204" spans="1:69" x14ac:dyDescent="0.25">
      <c r="A1204" s="1">
        <v>30451987</v>
      </c>
      <c r="B1204" t="s">
        <v>1442</v>
      </c>
      <c r="C1204" t="s">
        <v>39</v>
      </c>
      <c r="D1204" t="s">
        <v>942</v>
      </c>
      <c r="E1204" t="s">
        <v>175</v>
      </c>
      <c r="L1204" t="s">
        <v>52</v>
      </c>
      <c r="M1204" s="1">
        <v>0</v>
      </c>
      <c r="N1204" s="1">
        <v>0</v>
      </c>
      <c r="O1204" t="s">
        <v>942</v>
      </c>
      <c r="P1204" t="s">
        <v>176</v>
      </c>
      <c r="Q1204" t="s">
        <v>238</v>
      </c>
      <c r="S1204" t="s">
        <v>178</v>
      </c>
      <c r="T1204" t="s">
        <v>175</v>
      </c>
      <c r="AA1204" t="s">
        <v>273</v>
      </c>
      <c r="AC1204" t="s">
        <v>199</v>
      </c>
      <c r="AD1204" t="s">
        <v>175</v>
      </c>
      <c r="AE1204" t="s">
        <v>175</v>
      </c>
      <c r="AF1204" t="s">
        <v>175</v>
      </c>
      <c r="AG1204" t="s">
        <v>175</v>
      </c>
      <c r="AH1204" t="s">
        <v>175</v>
      </c>
      <c r="AI1204" t="s">
        <v>175</v>
      </c>
      <c r="AJ1204" t="s">
        <v>175</v>
      </c>
      <c r="AK1204" t="s">
        <v>175</v>
      </c>
      <c r="AL1204" t="s">
        <v>52</v>
      </c>
      <c r="AM1204" t="s">
        <v>183</v>
      </c>
      <c r="AN1204" t="s">
        <v>201</v>
      </c>
      <c r="AO1204" t="s">
        <v>182</v>
      </c>
      <c r="AP1204" t="s">
        <v>185</v>
      </c>
      <c r="AQ1204" s="1">
        <v>0</v>
      </c>
      <c r="AR1204" s="1">
        <v>0</v>
      </c>
      <c r="AS1204" s="1">
        <v>0</v>
      </c>
      <c r="AT1204" t="s">
        <v>206</v>
      </c>
      <c r="AU1204" t="s">
        <v>205</v>
      </c>
      <c r="AV1204" t="s">
        <v>184</v>
      </c>
      <c r="AW1204" t="s">
        <v>1443</v>
      </c>
      <c r="AX1204" t="s">
        <v>186</v>
      </c>
      <c r="AZ1204" t="s">
        <v>207</v>
      </c>
      <c r="BA1204" t="s">
        <v>188</v>
      </c>
      <c r="BC1204" t="s">
        <v>209</v>
      </c>
      <c r="BF1204" t="s">
        <v>210</v>
      </c>
      <c r="BG1204" s="1">
        <v>0</v>
      </c>
      <c r="BH1204" t="s">
        <v>211</v>
      </c>
      <c r="BK1204" t="s">
        <v>218</v>
      </c>
      <c r="BL1204" t="s">
        <v>1444</v>
      </c>
      <c r="BM1204" t="s">
        <v>218</v>
      </c>
      <c r="BN1204" t="s">
        <v>1085</v>
      </c>
      <c r="BO1204" t="s">
        <v>218</v>
      </c>
      <c r="BP1204" t="s">
        <v>519</v>
      </c>
      <c r="BQ1204" t="s">
        <v>1445</v>
      </c>
    </row>
    <row r="1205" spans="1:69" x14ac:dyDescent="0.25">
      <c r="A1205" s="1">
        <v>30452003</v>
      </c>
      <c r="B1205" t="s">
        <v>4416</v>
      </c>
      <c r="C1205" t="s">
        <v>39</v>
      </c>
      <c r="D1205" t="s">
        <v>3727</v>
      </c>
      <c r="E1205" t="s">
        <v>195</v>
      </c>
      <c r="L1205" t="s">
        <v>52</v>
      </c>
      <c r="M1205" s="1">
        <v>0</v>
      </c>
      <c r="N1205" s="1">
        <v>0</v>
      </c>
      <c r="O1205" t="s">
        <v>3728</v>
      </c>
      <c r="P1205" t="s">
        <v>176</v>
      </c>
      <c r="Q1205" t="s">
        <v>238</v>
      </c>
      <c r="S1205" t="s">
        <v>178</v>
      </c>
      <c r="T1205" t="s">
        <v>197</v>
      </c>
      <c r="U1205" t="s">
        <v>4417</v>
      </c>
      <c r="AC1205" t="s">
        <v>199</v>
      </c>
      <c r="AD1205" t="s">
        <v>175</v>
      </c>
      <c r="AE1205" t="s">
        <v>175</v>
      </c>
      <c r="AF1205" t="s">
        <v>175</v>
      </c>
      <c r="AG1205" t="s">
        <v>175</v>
      </c>
      <c r="AH1205" t="s">
        <v>175</v>
      </c>
      <c r="AI1205" t="s">
        <v>175</v>
      </c>
      <c r="AJ1205" t="s">
        <v>175</v>
      </c>
      <c r="AK1205" t="s">
        <v>175</v>
      </c>
      <c r="AL1205" t="s">
        <v>42</v>
      </c>
      <c r="AM1205" t="s">
        <v>182</v>
      </c>
      <c r="AN1205" t="s">
        <v>202</v>
      </c>
      <c r="AO1205" t="s">
        <v>206</v>
      </c>
      <c r="AP1205" t="s">
        <v>203</v>
      </c>
      <c r="AQ1205" t="s">
        <v>185</v>
      </c>
      <c r="AR1205" t="s">
        <v>184</v>
      </c>
      <c r="AS1205" t="s">
        <v>205</v>
      </c>
      <c r="AT1205" t="s">
        <v>183</v>
      </c>
      <c r="AU1205" t="s">
        <v>201</v>
      </c>
      <c r="AV1205" t="s">
        <v>204</v>
      </c>
      <c r="AX1205" t="s">
        <v>186</v>
      </c>
      <c r="AZ1205" t="s">
        <v>207</v>
      </c>
      <c r="BC1205" t="s">
        <v>209</v>
      </c>
      <c r="BF1205" t="s">
        <v>232</v>
      </c>
      <c r="BG1205" t="s">
        <v>301</v>
      </c>
      <c r="BH1205" t="s">
        <v>211</v>
      </c>
      <c r="BK1205" t="s">
        <v>191</v>
      </c>
      <c r="BL1205" t="s">
        <v>4418</v>
      </c>
      <c r="BM1205" t="s">
        <v>191</v>
      </c>
      <c r="BN1205" t="s">
        <v>4419</v>
      </c>
      <c r="BO1205" t="s">
        <v>191</v>
      </c>
      <c r="BP1205" t="s">
        <v>4420</v>
      </c>
    </row>
    <row r="1206" spans="1:69" x14ac:dyDescent="0.25">
      <c r="A1206" s="1">
        <v>30452005</v>
      </c>
      <c r="B1206" t="s">
        <v>3566</v>
      </c>
      <c r="C1206" t="s">
        <v>39</v>
      </c>
      <c r="D1206" t="s">
        <v>3138</v>
      </c>
      <c r="E1206" t="s">
        <v>200</v>
      </c>
      <c r="L1206" t="s">
        <v>52</v>
      </c>
      <c r="M1206" s="1">
        <v>0</v>
      </c>
      <c r="N1206" s="1">
        <v>0</v>
      </c>
      <c r="O1206" t="s">
        <v>3139</v>
      </c>
      <c r="P1206" t="s">
        <v>216</v>
      </c>
      <c r="Q1206" t="s">
        <v>328</v>
      </c>
      <c r="S1206" s="1">
        <v>0</v>
      </c>
      <c r="T1206" t="s">
        <v>200</v>
      </c>
      <c r="Y1206" t="s">
        <v>224</v>
      </c>
      <c r="AC1206" t="s">
        <v>180</v>
      </c>
      <c r="AD1206" t="s">
        <v>175</v>
      </c>
      <c r="AE1206" t="s">
        <v>175</v>
      </c>
      <c r="AF1206" t="s">
        <v>175</v>
      </c>
      <c r="AG1206" t="s">
        <v>175</v>
      </c>
      <c r="AH1206" t="s">
        <v>175</v>
      </c>
      <c r="AI1206" t="s">
        <v>175</v>
      </c>
      <c r="AJ1206" t="s">
        <v>175</v>
      </c>
      <c r="AK1206" t="s">
        <v>175</v>
      </c>
      <c r="AL1206" t="s">
        <v>52</v>
      </c>
      <c r="AM1206" t="s">
        <v>183</v>
      </c>
      <c r="AN1206" t="s">
        <v>204</v>
      </c>
      <c r="AO1206" t="s">
        <v>182</v>
      </c>
      <c r="AP1206" t="s">
        <v>184</v>
      </c>
      <c r="AQ1206" t="s">
        <v>185</v>
      </c>
      <c r="AR1206" t="s">
        <v>201</v>
      </c>
      <c r="AS1206" t="s">
        <v>206</v>
      </c>
      <c r="AT1206" t="s">
        <v>203</v>
      </c>
      <c r="AU1206" t="s">
        <v>205</v>
      </c>
      <c r="AV1206" t="s">
        <v>202</v>
      </c>
      <c r="AX1206" t="s">
        <v>186</v>
      </c>
      <c r="AY1206" t="s">
        <v>187</v>
      </c>
      <c r="BA1206" t="s">
        <v>188</v>
      </c>
      <c r="BC1206" t="s">
        <v>209</v>
      </c>
      <c r="BF1206" t="s">
        <v>232</v>
      </c>
      <c r="BG1206" t="s">
        <v>49</v>
      </c>
      <c r="BH1206" t="s">
        <v>247</v>
      </c>
      <c r="BK1206" t="s">
        <v>191</v>
      </c>
      <c r="BM1206" t="s">
        <v>191</v>
      </c>
      <c r="BO1206" t="s">
        <v>191</v>
      </c>
    </row>
    <row r="1207" spans="1:69" x14ac:dyDescent="0.25">
      <c r="A1207" s="1">
        <v>30452020</v>
      </c>
      <c r="B1207" t="s">
        <v>1446</v>
      </c>
      <c r="C1207" t="s">
        <v>39</v>
      </c>
      <c r="D1207" t="s">
        <v>942</v>
      </c>
      <c r="E1207" t="s">
        <v>200</v>
      </c>
      <c r="L1207" t="s">
        <v>52</v>
      </c>
      <c r="M1207" s="1">
        <v>0</v>
      </c>
      <c r="N1207" s="1">
        <v>0</v>
      </c>
      <c r="O1207" t="s">
        <v>942</v>
      </c>
      <c r="P1207" t="s">
        <v>176</v>
      </c>
      <c r="Q1207" t="s">
        <v>238</v>
      </c>
      <c r="S1207" t="s">
        <v>178</v>
      </c>
      <c r="T1207" t="s">
        <v>200</v>
      </c>
      <c r="Y1207" t="s">
        <v>224</v>
      </c>
      <c r="AC1207" t="s">
        <v>180</v>
      </c>
      <c r="AD1207" t="s">
        <v>175</v>
      </c>
      <c r="AE1207" t="s">
        <v>175</v>
      </c>
      <c r="AF1207" t="s">
        <v>175</v>
      </c>
      <c r="AG1207" t="s">
        <v>175</v>
      </c>
      <c r="AH1207" t="s">
        <v>175</v>
      </c>
      <c r="AI1207" t="s">
        <v>175</v>
      </c>
      <c r="AJ1207" t="s">
        <v>175</v>
      </c>
      <c r="AK1207" t="s">
        <v>175</v>
      </c>
      <c r="AL1207" t="s">
        <v>52</v>
      </c>
      <c r="AM1207" s="1">
        <v>0</v>
      </c>
      <c r="AN1207" s="1">
        <v>0</v>
      </c>
      <c r="AO1207" s="1">
        <v>0</v>
      </c>
      <c r="AP1207" s="1">
        <v>0</v>
      </c>
      <c r="AQ1207" s="1">
        <v>0</v>
      </c>
      <c r="AR1207" s="1">
        <v>0</v>
      </c>
      <c r="AS1207" s="1">
        <v>0</v>
      </c>
      <c r="AT1207" s="1">
        <v>0</v>
      </c>
      <c r="AU1207" s="1">
        <v>0</v>
      </c>
      <c r="AV1207" s="1">
        <v>0</v>
      </c>
      <c r="BF1207" s="1">
        <v>0</v>
      </c>
      <c r="BG1207" s="1">
        <v>0</v>
      </c>
      <c r="BH1207" s="1">
        <v>0</v>
      </c>
      <c r="BK1207" s="1">
        <v>0</v>
      </c>
      <c r="BM1207" s="1">
        <v>0</v>
      </c>
      <c r="BO1207" s="1">
        <v>0</v>
      </c>
    </row>
    <row r="1208" spans="1:69" x14ac:dyDescent="0.25">
      <c r="A1208" s="1">
        <v>30452021</v>
      </c>
      <c r="B1208" t="s">
        <v>1446</v>
      </c>
      <c r="C1208" t="s">
        <v>39</v>
      </c>
      <c r="D1208" t="s">
        <v>3727</v>
      </c>
      <c r="E1208" t="s">
        <v>175</v>
      </c>
      <c r="L1208" t="s">
        <v>52</v>
      </c>
      <c r="M1208" s="1">
        <v>0</v>
      </c>
      <c r="N1208" s="1">
        <v>0</v>
      </c>
      <c r="O1208" t="s">
        <v>3728</v>
      </c>
      <c r="P1208" t="s">
        <v>216</v>
      </c>
      <c r="Q1208" t="s">
        <v>238</v>
      </c>
      <c r="S1208" s="1">
        <v>0</v>
      </c>
      <c r="T1208" t="s">
        <v>175</v>
      </c>
      <c r="Y1208" t="s">
        <v>224</v>
      </c>
      <c r="AC1208" t="s">
        <v>180</v>
      </c>
      <c r="AD1208" t="s">
        <v>200</v>
      </c>
      <c r="AE1208" t="s">
        <v>200</v>
      </c>
      <c r="AF1208" t="s">
        <v>200</v>
      </c>
      <c r="AG1208" t="s">
        <v>200</v>
      </c>
      <c r="AH1208" t="s">
        <v>200</v>
      </c>
      <c r="AI1208" t="s">
        <v>200</v>
      </c>
      <c r="AJ1208" t="s">
        <v>200</v>
      </c>
      <c r="AK1208" t="s">
        <v>200</v>
      </c>
      <c r="AL1208" t="s">
        <v>52</v>
      </c>
      <c r="AM1208" t="s">
        <v>204</v>
      </c>
      <c r="AN1208" t="s">
        <v>184</v>
      </c>
      <c r="AO1208" t="s">
        <v>183</v>
      </c>
      <c r="AP1208" t="s">
        <v>201</v>
      </c>
      <c r="AQ1208" t="s">
        <v>185</v>
      </c>
      <c r="AR1208" t="s">
        <v>203</v>
      </c>
      <c r="AS1208" t="s">
        <v>182</v>
      </c>
      <c r="AT1208" t="s">
        <v>206</v>
      </c>
      <c r="AU1208" t="s">
        <v>205</v>
      </c>
      <c r="AV1208" t="s">
        <v>202</v>
      </c>
      <c r="AX1208" t="s">
        <v>186</v>
      </c>
      <c r="BF1208" t="s">
        <v>49</v>
      </c>
      <c r="BG1208" s="1">
        <v>0</v>
      </c>
      <c r="BH1208" t="s">
        <v>247</v>
      </c>
      <c r="BK1208" t="s">
        <v>191</v>
      </c>
      <c r="BM1208" t="s">
        <v>191</v>
      </c>
      <c r="BO1208" t="s">
        <v>191</v>
      </c>
    </row>
    <row r="1209" spans="1:69" x14ac:dyDescent="0.25">
      <c r="A1209" s="1">
        <v>30452104</v>
      </c>
      <c r="B1209" t="s">
        <v>2982</v>
      </c>
      <c r="C1209" t="s">
        <v>39</v>
      </c>
      <c r="D1209" t="s">
        <v>2512</v>
      </c>
      <c r="E1209" t="s">
        <v>216</v>
      </c>
      <c r="L1209" t="s">
        <v>52</v>
      </c>
      <c r="M1209" s="1">
        <v>0</v>
      </c>
      <c r="N1209" s="1">
        <v>0</v>
      </c>
      <c r="O1209" t="s">
        <v>2512</v>
      </c>
      <c r="P1209" t="s">
        <v>216</v>
      </c>
      <c r="Q1209" t="s">
        <v>322</v>
      </c>
      <c r="S1209" s="1">
        <v>0</v>
      </c>
      <c r="T1209" t="s">
        <v>197</v>
      </c>
      <c r="U1209" t="s">
        <v>2983</v>
      </c>
      <c r="Y1209" t="s">
        <v>224</v>
      </c>
      <c r="AC1209" t="s">
        <v>180</v>
      </c>
      <c r="AD1209" t="s">
        <v>175</v>
      </c>
      <c r="AE1209" t="s">
        <v>299</v>
      </c>
      <c r="AF1209" t="s">
        <v>230</v>
      </c>
      <c r="AG1209" t="s">
        <v>175</v>
      </c>
      <c r="AH1209" t="s">
        <v>175</v>
      </c>
      <c r="AI1209" t="s">
        <v>175</v>
      </c>
      <c r="AJ1209" t="s">
        <v>175</v>
      </c>
      <c r="AK1209" t="s">
        <v>175</v>
      </c>
      <c r="AL1209" t="s">
        <v>52</v>
      </c>
      <c r="AM1209" s="1">
        <v>0</v>
      </c>
      <c r="AN1209" s="1">
        <v>0</v>
      </c>
      <c r="AO1209" s="1">
        <v>0</v>
      </c>
      <c r="AP1209" s="1">
        <v>0</v>
      </c>
      <c r="AQ1209" s="1">
        <v>0</v>
      </c>
      <c r="AR1209" s="1">
        <v>0</v>
      </c>
      <c r="AS1209" s="1">
        <v>0</v>
      </c>
      <c r="AT1209" s="1">
        <v>0</v>
      </c>
      <c r="AU1209" s="1">
        <v>0</v>
      </c>
      <c r="AV1209" s="1">
        <v>0</v>
      </c>
      <c r="BF1209" s="1">
        <v>0</v>
      </c>
      <c r="BG1209" s="1">
        <v>0</v>
      </c>
      <c r="BH1209" s="1">
        <v>0</v>
      </c>
      <c r="BK1209" s="1">
        <v>0</v>
      </c>
      <c r="BM1209" s="1">
        <v>0</v>
      </c>
      <c r="BO1209" s="1">
        <v>0</v>
      </c>
    </row>
    <row r="1210" spans="1:69" x14ac:dyDescent="0.25">
      <c r="A1210" s="1">
        <v>30452160</v>
      </c>
      <c r="B1210" t="s">
        <v>751</v>
      </c>
      <c r="C1210" t="s">
        <v>39</v>
      </c>
      <c r="D1210" t="s">
        <v>174</v>
      </c>
      <c r="E1210" t="s">
        <v>200</v>
      </c>
      <c r="L1210" t="s">
        <v>52</v>
      </c>
      <c r="M1210" s="1">
        <v>0</v>
      </c>
      <c r="N1210" s="1">
        <v>0</v>
      </c>
      <c r="O1210" t="s">
        <v>174</v>
      </c>
      <c r="P1210" t="s">
        <v>216</v>
      </c>
      <c r="Q1210" t="s">
        <v>273</v>
      </c>
      <c r="R1210" t="s">
        <v>752</v>
      </c>
      <c r="S1210" s="1">
        <v>0</v>
      </c>
      <c r="T1210" t="s">
        <v>200</v>
      </c>
      <c r="W1210" t="s">
        <v>262</v>
      </c>
      <c r="AC1210" t="s">
        <v>180</v>
      </c>
      <c r="AD1210" t="s">
        <v>200</v>
      </c>
      <c r="AE1210" t="s">
        <v>181</v>
      </c>
      <c r="AF1210" t="s">
        <v>181</v>
      </c>
      <c r="AG1210" t="s">
        <v>181</v>
      </c>
      <c r="AH1210" t="s">
        <v>200</v>
      </c>
      <c r="AI1210" t="s">
        <v>200</v>
      </c>
      <c r="AJ1210" t="s">
        <v>175</v>
      </c>
      <c r="AK1210" t="s">
        <v>181</v>
      </c>
      <c r="AL1210" t="s">
        <v>42</v>
      </c>
      <c r="AM1210" t="s">
        <v>184</v>
      </c>
      <c r="AN1210" t="s">
        <v>205</v>
      </c>
      <c r="AO1210" t="s">
        <v>183</v>
      </c>
      <c r="AP1210" t="s">
        <v>182</v>
      </c>
      <c r="AQ1210" t="s">
        <v>202</v>
      </c>
      <c r="AR1210" t="s">
        <v>203</v>
      </c>
      <c r="AS1210" t="s">
        <v>204</v>
      </c>
      <c r="AT1210" t="s">
        <v>185</v>
      </c>
      <c r="AU1210" t="s">
        <v>206</v>
      </c>
      <c r="AV1210" t="s">
        <v>201</v>
      </c>
      <c r="AX1210" t="s">
        <v>186</v>
      </c>
      <c r="AZ1210" t="s">
        <v>207</v>
      </c>
      <c r="BF1210" t="s">
        <v>189</v>
      </c>
      <c r="BG1210" s="1">
        <v>0</v>
      </c>
      <c r="BH1210" t="s">
        <v>464</v>
      </c>
      <c r="BK1210" t="s">
        <v>191</v>
      </c>
      <c r="BL1210" t="s">
        <v>753</v>
      </c>
      <c r="BM1210" t="s">
        <v>191</v>
      </c>
      <c r="BN1210" t="s">
        <v>754</v>
      </c>
      <c r="BO1210" t="s">
        <v>191</v>
      </c>
      <c r="BP1210" t="s">
        <v>755</v>
      </c>
    </row>
    <row r="1211" spans="1:69" x14ac:dyDescent="0.25">
      <c r="A1211" s="1">
        <v>30452185</v>
      </c>
      <c r="B1211" t="s">
        <v>756</v>
      </c>
      <c r="C1211" t="s">
        <v>39</v>
      </c>
      <c r="D1211" t="s">
        <v>174</v>
      </c>
      <c r="E1211" t="s">
        <v>175</v>
      </c>
      <c r="L1211" t="s">
        <v>52</v>
      </c>
      <c r="M1211" s="1">
        <v>0</v>
      </c>
      <c r="N1211" s="1">
        <v>0</v>
      </c>
      <c r="O1211" t="s">
        <v>174</v>
      </c>
      <c r="P1211" t="s">
        <v>176</v>
      </c>
      <c r="Q1211" t="s">
        <v>177</v>
      </c>
      <c r="S1211" t="s">
        <v>178</v>
      </c>
      <c r="T1211" t="s">
        <v>175</v>
      </c>
      <c r="AC1211" t="s">
        <v>199</v>
      </c>
      <c r="AD1211" t="s">
        <v>175</v>
      </c>
      <c r="AE1211" t="s">
        <v>175</v>
      </c>
      <c r="AF1211" t="s">
        <v>299</v>
      </c>
      <c r="AG1211" t="s">
        <v>181</v>
      </c>
      <c r="AH1211" t="s">
        <v>175</v>
      </c>
      <c r="AI1211" t="s">
        <v>175</v>
      </c>
      <c r="AJ1211" t="s">
        <v>230</v>
      </c>
      <c r="AK1211" t="s">
        <v>175</v>
      </c>
      <c r="AL1211" t="s">
        <v>42</v>
      </c>
      <c r="AM1211" t="s">
        <v>182</v>
      </c>
      <c r="AN1211" t="s">
        <v>183</v>
      </c>
      <c r="AO1211" t="s">
        <v>185</v>
      </c>
      <c r="AP1211" t="s">
        <v>184</v>
      </c>
      <c r="AQ1211" t="s">
        <v>202</v>
      </c>
      <c r="AR1211" t="s">
        <v>203</v>
      </c>
      <c r="AS1211" t="s">
        <v>204</v>
      </c>
      <c r="AT1211" t="s">
        <v>206</v>
      </c>
      <c r="AU1211" t="s">
        <v>201</v>
      </c>
      <c r="AV1211" t="s">
        <v>205</v>
      </c>
      <c r="AX1211" t="s">
        <v>186</v>
      </c>
      <c r="AY1211" t="s">
        <v>187</v>
      </c>
      <c r="AZ1211" t="s">
        <v>207</v>
      </c>
      <c r="BA1211" t="s">
        <v>188</v>
      </c>
      <c r="BB1211" t="s">
        <v>208</v>
      </c>
      <c r="BC1211" t="s">
        <v>209</v>
      </c>
      <c r="BF1211" t="s">
        <v>210</v>
      </c>
      <c r="BG1211" s="1">
        <v>0</v>
      </c>
      <c r="BH1211" t="s">
        <v>211</v>
      </c>
      <c r="BK1211" t="s">
        <v>191</v>
      </c>
      <c r="BL1211" t="s">
        <v>757</v>
      </c>
      <c r="BM1211" t="s">
        <v>191</v>
      </c>
      <c r="BN1211" t="s">
        <v>758</v>
      </c>
      <c r="BO1211" s="1">
        <v>0</v>
      </c>
      <c r="BP1211" t="s">
        <v>759</v>
      </c>
    </row>
    <row r="1212" spans="1:69" x14ac:dyDescent="0.25">
      <c r="A1212" s="1">
        <v>30452211</v>
      </c>
      <c r="B1212" t="s">
        <v>4421</v>
      </c>
      <c r="C1212" t="s">
        <v>39</v>
      </c>
      <c r="D1212" t="s">
        <v>3727</v>
      </c>
      <c r="E1212" t="s">
        <v>195</v>
      </c>
      <c r="L1212" t="s">
        <v>52</v>
      </c>
      <c r="M1212" s="1">
        <v>0</v>
      </c>
      <c r="N1212" s="1">
        <v>0</v>
      </c>
      <c r="O1212" t="s">
        <v>3728</v>
      </c>
      <c r="P1212" t="s">
        <v>176</v>
      </c>
      <c r="Q1212" t="s">
        <v>273</v>
      </c>
      <c r="R1212" t="s">
        <v>4422</v>
      </c>
      <c r="S1212" t="s">
        <v>222</v>
      </c>
      <c r="T1212" t="s">
        <v>297</v>
      </c>
      <c r="U1212" t="s">
        <v>4423</v>
      </c>
      <c r="W1212" t="s">
        <v>262</v>
      </c>
      <c r="Y1212" t="s">
        <v>224</v>
      </c>
      <c r="Z1212" t="s">
        <v>244</v>
      </c>
      <c r="AC1212" t="s">
        <v>180</v>
      </c>
      <c r="AD1212" t="s">
        <v>175</v>
      </c>
      <c r="AE1212" t="s">
        <v>175</v>
      </c>
      <c r="AF1212" t="s">
        <v>175</v>
      </c>
      <c r="AG1212" t="s">
        <v>175</v>
      </c>
      <c r="AH1212" t="s">
        <v>175</v>
      </c>
      <c r="AI1212" t="s">
        <v>175</v>
      </c>
      <c r="AJ1212" t="s">
        <v>181</v>
      </c>
      <c r="AK1212" t="s">
        <v>175</v>
      </c>
      <c r="AL1212" t="s">
        <v>42</v>
      </c>
      <c r="AM1212" t="s">
        <v>185</v>
      </c>
      <c r="AN1212" t="s">
        <v>201</v>
      </c>
      <c r="AO1212" t="s">
        <v>184</v>
      </c>
      <c r="AP1212" t="s">
        <v>182</v>
      </c>
      <c r="AQ1212" t="s">
        <v>203</v>
      </c>
      <c r="AR1212" t="s">
        <v>202</v>
      </c>
      <c r="AS1212" t="s">
        <v>205</v>
      </c>
      <c r="AT1212" t="s">
        <v>204</v>
      </c>
      <c r="AU1212" t="s">
        <v>183</v>
      </c>
      <c r="AV1212" t="s">
        <v>206</v>
      </c>
      <c r="AW1212" t="s">
        <v>4424</v>
      </c>
      <c r="AX1212" t="s">
        <v>186</v>
      </c>
      <c r="AY1212" t="s">
        <v>187</v>
      </c>
      <c r="BA1212" t="s">
        <v>188</v>
      </c>
      <c r="BB1212" t="s">
        <v>208</v>
      </c>
      <c r="BF1212" s="1">
        <v>0</v>
      </c>
      <c r="BG1212" s="1">
        <v>0</v>
      </c>
      <c r="BH1212" t="s">
        <v>211</v>
      </c>
      <c r="BK1212" t="s">
        <v>191</v>
      </c>
      <c r="BL1212" t="s">
        <v>4425</v>
      </c>
      <c r="BM1212" t="s">
        <v>191</v>
      </c>
      <c r="BN1212" t="s">
        <v>4426</v>
      </c>
      <c r="BO1212" s="1">
        <v>0</v>
      </c>
      <c r="BP1212" t="s">
        <v>4427</v>
      </c>
      <c r="BQ1212" t="s">
        <v>4428</v>
      </c>
    </row>
    <row r="1213" spans="1:69" x14ac:dyDescent="0.25">
      <c r="A1213" s="1">
        <v>30452215</v>
      </c>
      <c r="B1213" t="s">
        <v>139</v>
      </c>
      <c r="C1213" t="s">
        <v>39</v>
      </c>
      <c r="L1213" s="1">
        <v>0</v>
      </c>
      <c r="M1213" s="1">
        <v>0</v>
      </c>
      <c r="N1213" s="1">
        <v>0</v>
      </c>
      <c r="O1213" s="1">
        <v>0</v>
      </c>
      <c r="P1213" s="1">
        <v>0</v>
      </c>
      <c r="Q1213" s="1">
        <v>0</v>
      </c>
      <c r="S1213" s="1">
        <v>0</v>
      </c>
      <c r="T1213" s="1">
        <v>0</v>
      </c>
      <c r="AC1213" s="1">
        <v>0</v>
      </c>
      <c r="AD1213" s="1">
        <v>0</v>
      </c>
      <c r="AE1213" s="1">
        <v>0</v>
      </c>
      <c r="AF1213" s="1">
        <v>0</v>
      </c>
      <c r="AG1213" s="1">
        <v>0</v>
      </c>
      <c r="AH1213" s="1">
        <v>0</v>
      </c>
      <c r="AI1213" s="1">
        <v>0</v>
      </c>
      <c r="AJ1213" s="1">
        <v>0</v>
      </c>
      <c r="AK1213" s="1">
        <v>0</v>
      </c>
      <c r="AL1213" s="1">
        <v>0</v>
      </c>
      <c r="AM1213" s="1">
        <v>0</v>
      </c>
      <c r="AN1213" s="1">
        <v>0</v>
      </c>
      <c r="AO1213" s="1">
        <v>0</v>
      </c>
      <c r="AP1213" s="1">
        <v>0</v>
      </c>
      <c r="AQ1213" s="1">
        <v>0</v>
      </c>
      <c r="AR1213" s="1">
        <v>0</v>
      </c>
      <c r="AS1213" s="1">
        <v>0</v>
      </c>
      <c r="AT1213" s="1">
        <v>0</v>
      </c>
      <c r="AU1213" s="1">
        <v>0</v>
      </c>
      <c r="AV1213" s="1">
        <v>0</v>
      </c>
      <c r="BF1213" s="1">
        <v>0</v>
      </c>
      <c r="BG1213" s="1">
        <v>0</v>
      </c>
      <c r="BH1213" s="1">
        <v>0</v>
      </c>
      <c r="BK1213" s="1">
        <v>0</v>
      </c>
      <c r="BM1213" s="1">
        <v>0</v>
      </c>
      <c r="BO1213" s="1">
        <v>0</v>
      </c>
    </row>
    <row r="1214" spans="1:69" x14ac:dyDescent="0.25">
      <c r="A1214" s="1">
        <v>30452230</v>
      </c>
      <c r="B1214" t="s">
        <v>1447</v>
      </c>
      <c r="C1214" t="s">
        <v>39</v>
      </c>
      <c r="D1214" t="s">
        <v>942</v>
      </c>
      <c r="E1214" t="s">
        <v>200</v>
      </c>
      <c r="L1214" t="s">
        <v>52</v>
      </c>
      <c r="M1214" s="1">
        <v>0</v>
      </c>
      <c r="N1214" s="1">
        <v>0</v>
      </c>
      <c r="O1214" t="s">
        <v>942</v>
      </c>
      <c r="P1214" t="s">
        <v>176</v>
      </c>
      <c r="Q1214" t="s">
        <v>238</v>
      </c>
      <c r="S1214" t="s">
        <v>178</v>
      </c>
      <c r="T1214" t="s">
        <v>200</v>
      </c>
      <c r="Y1214" t="s">
        <v>224</v>
      </c>
      <c r="AC1214" t="s">
        <v>180</v>
      </c>
      <c r="AD1214" t="s">
        <v>200</v>
      </c>
      <c r="AE1214" t="s">
        <v>200</v>
      </c>
      <c r="AF1214" t="s">
        <v>200</v>
      </c>
      <c r="AG1214" t="s">
        <v>200</v>
      </c>
      <c r="AH1214" t="s">
        <v>200</v>
      </c>
      <c r="AI1214" t="s">
        <v>200</v>
      </c>
      <c r="AJ1214" t="s">
        <v>200</v>
      </c>
      <c r="AK1214" t="s">
        <v>200</v>
      </c>
      <c r="AL1214" t="s">
        <v>42</v>
      </c>
      <c r="AM1214" t="s">
        <v>184</v>
      </c>
      <c r="AN1214" t="s">
        <v>182</v>
      </c>
      <c r="AO1214" t="s">
        <v>183</v>
      </c>
      <c r="AP1214" t="s">
        <v>201</v>
      </c>
      <c r="AQ1214" t="s">
        <v>205</v>
      </c>
      <c r="AR1214" t="s">
        <v>204</v>
      </c>
      <c r="AS1214" t="s">
        <v>185</v>
      </c>
      <c r="AT1214" t="s">
        <v>206</v>
      </c>
      <c r="AU1214" t="s">
        <v>203</v>
      </c>
      <c r="AV1214" t="s">
        <v>202</v>
      </c>
      <c r="BC1214" t="s">
        <v>209</v>
      </c>
      <c r="BF1214" t="s">
        <v>210</v>
      </c>
      <c r="BG1214" s="1">
        <v>0</v>
      </c>
      <c r="BH1214" t="s">
        <v>211</v>
      </c>
      <c r="BK1214" t="s">
        <v>191</v>
      </c>
      <c r="BL1214" t="s">
        <v>1448</v>
      </c>
      <c r="BM1214" t="s">
        <v>218</v>
      </c>
      <c r="BN1214" t="s">
        <v>1449</v>
      </c>
      <c r="BO1214" t="s">
        <v>218</v>
      </c>
      <c r="BP1214" t="s">
        <v>1450</v>
      </c>
    </row>
    <row r="1215" spans="1:69" x14ac:dyDescent="0.25">
      <c r="A1215" s="1">
        <v>30452246</v>
      </c>
      <c r="B1215" t="s">
        <v>760</v>
      </c>
      <c r="C1215" t="s">
        <v>39</v>
      </c>
      <c r="D1215" t="s">
        <v>174</v>
      </c>
      <c r="E1215" t="s">
        <v>216</v>
      </c>
      <c r="L1215" t="s">
        <v>52</v>
      </c>
      <c r="M1215" s="1">
        <v>0</v>
      </c>
      <c r="N1215" s="1">
        <v>0</v>
      </c>
      <c r="O1215" t="s">
        <v>174</v>
      </c>
      <c r="P1215" t="s">
        <v>216</v>
      </c>
      <c r="Q1215" t="s">
        <v>196</v>
      </c>
      <c r="S1215" s="1">
        <v>0</v>
      </c>
      <c r="T1215" t="s">
        <v>197</v>
      </c>
      <c r="U1215" t="s">
        <v>761</v>
      </c>
      <c r="W1215" t="s">
        <v>262</v>
      </c>
      <c r="Z1215" t="s">
        <v>244</v>
      </c>
      <c r="AC1215" t="s">
        <v>180</v>
      </c>
      <c r="AD1215" t="s">
        <v>230</v>
      </c>
      <c r="AE1215" t="s">
        <v>175</v>
      </c>
      <c r="AF1215" t="s">
        <v>230</v>
      </c>
      <c r="AG1215" t="s">
        <v>175</v>
      </c>
      <c r="AH1215" t="s">
        <v>230</v>
      </c>
      <c r="AI1215" t="s">
        <v>299</v>
      </c>
      <c r="AJ1215" t="s">
        <v>175</v>
      </c>
      <c r="AK1215" t="s">
        <v>230</v>
      </c>
      <c r="AL1215" t="s">
        <v>42</v>
      </c>
      <c r="AM1215" t="s">
        <v>183</v>
      </c>
      <c r="AN1215" s="1">
        <v>0</v>
      </c>
      <c r="AO1215" t="s">
        <v>182</v>
      </c>
      <c r="AP1215" t="s">
        <v>184</v>
      </c>
      <c r="AQ1215" t="s">
        <v>185</v>
      </c>
      <c r="AR1215" t="s">
        <v>206</v>
      </c>
      <c r="AS1215" s="1">
        <v>0</v>
      </c>
      <c r="AT1215" s="1">
        <v>0</v>
      </c>
      <c r="AU1215" s="1">
        <v>0</v>
      </c>
      <c r="AV1215" t="s">
        <v>201</v>
      </c>
      <c r="AX1215" t="s">
        <v>186</v>
      </c>
      <c r="BF1215" t="s">
        <v>189</v>
      </c>
      <c r="BG1215" s="1">
        <v>0</v>
      </c>
      <c r="BH1215" t="s">
        <v>302</v>
      </c>
      <c r="BI1215" t="s">
        <v>762</v>
      </c>
      <c r="BK1215" t="s">
        <v>191</v>
      </c>
      <c r="BL1215" t="s">
        <v>763</v>
      </c>
      <c r="BM1215" t="s">
        <v>191</v>
      </c>
      <c r="BN1215" t="s">
        <v>764</v>
      </c>
      <c r="BO1215" t="s">
        <v>191</v>
      </c>
      <c r="BP1215" t="s">
        <v>765</v>
      </c>
      <c r="BQ1215" t="s">
        <v>766</v>
      </c>
    </row>
    <row r="1216" spans="1:69" x14ac:dyDescent="0.25">
      <c r="A1216" s="1">
        <v>30452286</v>
      </c>
      <c r="B1216" t="s">
        <v>3567</v>
      </c>
      <c r="C1216" t="s">
        <v>39</v>
      </c>
      <c r="D1216" t="s">
        <v>3138</v>
      </c>
      <c r="E1216" t="s">
        <v>175</v>
      </c>
      <c r="L1216" t="s">
        <v>52</v>
      </c>
      <c r="M1216" s="1">
        <v>0</v>
      </c>
      <c r="N1216" s="1">
        <v>0</v>
      </c>
      <c r="O1216" t="s">
        <v>3139</v>
      </c>
      <c r="P1216" t="s">
        <v>176</v>
      </c>
      <c r="Q1216" t="s">
        <v>196</v>
      </c>
      <c r="S1216" t="s">
        <v>256</v>
      </c>
      <c r="T1216" t="s">
        <v>175</v>
      </c>
      <c r="AC1216" t="s">
        <v>225</v>
      </c>
      <c r="AD1216" t="s">
        <v>200</v>
      </c>
      <c r="AE1216" t="s">
        <v>200</v>
      </c>
      <c r="AF1216" t="s">
        <v>200</v>
      </c>
      <c r="AG1216" t="s">
        <v>200</v>
      </c>
      <c r="AH1216" t="s">
        <v>200</v>
      </c>
      <c r="AI1216" t="s">
        <v>200</v>
      </c>
      <c r="AJ1216" t="s">
        <v>200</v>
      </c>
      <c r="AK1216" t="s">
        <v>200</v>
      </c>
      <c r="AL1216" t="s">
        <v>52</v>
      </c>
      <c r="AM1216" t="s">
        <v>185</v>
      </c>
      <c r="AN1216" t="s">
        <v>206</v>
      </c>
      <c r="AO1216" t="s">
        <v>184</v>
      </c>
      <c r="AP1216" t="s">
        <v>205</v>
      </c>
      <c r="AQ1216" t="s">
        <v>203</v>
      </c>
      <c r="AR1216" t="s">
        <v>202</v>
      </c>
      <c r="AS1216" t="s">
        <v>204</v>
      </c>
      <c r="AT1216" t="s">
        <v>201</v>
      </c>
      <c r="AU1216" t="s">
        <v>183</v>
      </c>
      <c r="AV1216" t="s">
        <v>182</v>
      </c>
      <c r="AW1216" t="s">
        <v>3568</v>
      </c>
      <c r="AX1216" t="s">
        <v>186</v>
      </c>
      <c r="AY1216" t="s">
        <v>187</v>
      </c>
      <c r="AZ1216" t="s">
        <v>207</v>
      </c>
      <c r="BA1216" t="s">
        <v>188</v>
      </c>
      <c r="BC1216" t="s">
        <v>209</v>
      </c>
      <c r="BF1216" t="s">
        <v>210</v>
      </c>
      <c r="BG1216" s="1">
        <v>0</v>
      </c>
      <c r="BH1216" t="s">
        <v>464</v>
      </c>
      <c r="BK1216" t="s">
        <v>191</v>
      </c>
      <c r="BL1216" t="s">
        <v>3569</v>
      </c>
      <c r="BM1216" t="s">
        <v>191</v>
      </c>
      <c r="BN1216" t="s">
        <v>3570</v>
      </c>
      <c r="BO1216" t="s">
        <v>218</v>
      </c>
      <c r="BP1216" t="s">
        <v>3571</v>
      </c>
      <c r="BQ1216" t="s">
        <v>3572</v>
      </c>
    </row>
    <row r="1217" spans="1:69" x14ac:dyDescent="0.25">
      <c r="A1217" s="1">
        <v>30452290</v>
      </c>
      <c r="B1217" t="s">
        <v>2984</v>
      </c>
      <c r="C1217" t="s">
        <v>39</v>
      </c>
      <c r="D1217" t="s">
        <v>2512</v>
      </c>
      <c r="E1217" t="s">
        <v>216</v>
      </c>
      <c r="L1217" t="s">
        <v>52</v>
      </c>
      <c r="M1217" s="1">
        <v>0</v>
      </c>
      <c r="N1217" s="1">
        <v>0</v>
      </c>
      <c r="O1217" t="s">
        <v>2512</v>
      </c>
      <c r="P1217" t="s">
        <v>216</v>
      </c>
      <c r="Q1217" t="s">
        <v>177</v>
      </c>
      <c r="S1217" s="1">
        <v>0</v>
      </c>
      <c r="T1217" s="1">
        <v>0</v>
      </c>
      <c r="Z1217" t="s">
        <v>244</v>
      </c>
      <c r="AC1217" t="s">
        <v>180</v>
      </c>
      <c r="AD1217" t="s">
        <v>175</v>
      </c>
      <c r="AE1217" t="s">
        <v>175</v>
      </c>
      <c r="AF1217" t="s">
        <v>175</v>
      </c>
      <c r="AG1217" t="s">
        <v>175</v>
      </c>
      <c r="AH1217" t="s">
        <v>175</v>
      </c>
      <c r="AI1217" t="s">
        <v>181</v>
      </c>
      <c r="AJ1217" t="s">
        <v>181</v>
      </c>
      <c r="AK1217" t="s">
        <v>181</v>
      </c>
      <c r="AL1217" t="s">
        <v>42</v>
      </c>
      <c r="AM1217" t="s">
        <v>204</v>
      </c>
      <c r="AN1217" t="s">
        <v>183</v>
      </c>
      <c r="AO1217" t="s">
        <v>202</v>
      </c>
      <c r="AP1217" t="s">
        <v>182</v>
      </c>
      <c r="AQ1217" t="s">
        <v>184</v>
      </c>
      <c r="AR1217" t="s">
        <v>185</v>
      </c>
      <c r="AS1217" t="s">
        <v>201</v>
      </c>
      <c r="AT1217" t="s">
        <v>206</v>
      </c>
      <c r="AU1217" t="s">
        <v>205</v>
      </c>
      <c r="AV1217" t="s">
        <v>203</v>
      </c>
      <c r="AY1217" t="s">
        <v>187</v>
      </c>
      <c r="AZ1217" t="s">
        <v>207</v>
      </c>
      <c r="BA1217" t="s">
        <v>188</v>
      </c>
      <c r="BB1217" t="s">
        <v>208</v>
      </c>
      <c r="BC1217" t="s">
        <v>209</v>
      </c>
      <c r="BF1217" t="s">
        <v>232</v>
      </c>
      <c r="BG1217" t="s">
        <v>276</v>
      </c>
      <c r="BH1217" t="s">
        <v>247</v>
      </c>
      <c r="BK1217" t="s">
        <v>191</v>
      </c>
      <c r="BL1217" t="s">
        <v>2985</v>
      </c>
      <c r="BM1217" t="s">
        <v>191</v>
      </c>
      <c r="BN1217" t="s">
        <v>367</v>
      </c>
      <c r="BO1217" t="s">
        <v>218</v>
      </c>
      <c r="BP1217" t="s">
        <v>2986</v>
      </c>
    </row>
    <row r="1218" spans="1:69" x14ac:dyDescent="0.25">
      <c r="A1218" s="1">
        <v>30452296</v>
      </c>
      <c r="B1218" t="s">
        <v>4429</v>
      </c>
      <c r="C1218" t="s">
        <v>39</v>
      </c>
      <c r="D1218" t="s">
        <v>3727</v>
      </c>
      <c r="E1218" t="s">
        <v>200</v>
      </c>
      <c r="L1218" t="s">
        <v>52</v>
      </c>
      <c r="M1218" s="1">
        <v>0</v>
      </c>
      <c r="N1218" s="1">
        <v>0</v>
      </c>
      <c r="O1218" t="s">
        <v>3728</v>
      </c>
      <c r="P1218" t="s">
        <v>176</v>
      </c>
      <c r="Q1218" t="s">
        <v>177</v>
      </c>
      <c r="S1218" t="s">
        <v>222</v>
      </c>
      <c r="T1218" t="s">
        <v>200</v>
      </c>
      <c r="Y1218" t="s">
        <v>224</v>
      </c>
      <c r="AC1218" t="s">
        <v>180</v>
      </c>
      <c r="AD1218" t="s">
        <v>200</v>
      </c>
      <c r="AE1218" t="s">
        <v>200</v>
      </c>
      <c r="AF1218" t="s">
        <v>181</v>
      </c>
      <c r="AG1218" t="s">
        <v>181</v>
      </c>
      <c r="AH1218" t="s">
        <v>175</v>
      </c>
      <c r="AI1218" t="s">
        <v>175</v>
      </c>
      <c r="AJ1218" t="s">
        <v>200</v>
      </c>
      <c r="AK1218" t="s">
        <v>200</v>
      </c>
      <c r="AL1218" t="s">
        <v>42</v>
      </c>
      <c r="AM1218" t="s">
        <v>202</v>
      </c>
      <c r="AN1218" t="s">
        <v>201</v>
      </c>
      <c r="AO1218" t="s">
        <v>185</v>
      </c>
      <c r="AP1218" t="s">
        <v>183</v>
      </c>
      <c r="AQ1218" t="s">
        <v>184</v>
      </c>
      <c r="AR1218" t="s">
        <v>182</v>
      </c>
      <c r="AS1218" t="s">
        <v>204</v>
      </c>
      <c r="AT1218" t="s">
        <v>205</v>
      </c>
      <c r="AU1218" t="s">
        <v>206</v>
      </c>
      <c r="AV1218" t="s">
        <v>203</v>
      </c>
      <c r="BA1218" t="s">
        <v>188</v>
      </c>
      <c r="BF1218" t="s">
        <v>232</v>
      </c>
      <c r="BG1218" t="s">
        <v>233</v>
      </c>
      <c r="BH1218" t="s">
        <v>211</v>
      </c>
      <c r="BK1218" t="s">
        <v>191</v>
      </c>
      <c r="BM1218" t="s">
        <v>191</v>
      </c>
      <c r="BO1218" t="s">
        <v>191</v>
      </c>
    </row>
    <row r="1219" spans="1:69" x14ac:dyDescent="0.25">
      <c r="A1219" s="1">
        <v>30452323</v>
      </c>
      <c r="B1219" t="s">
        <v>3573</v>
      </c>
      <c r="C1219" t="s">
        <v>39</v>
      </c>
      <c r="D1219" t="s">
        <v>3138</v>
      </c>
      <c r="E1219" t="s">
        <v>175</v>
      </c>
      <c r="L1219" t="s">
        <v>52</v>
      </c>
      <c r="M1219" s="1">
        <v>0</v>
      </c>
      <c r="N1219" s="1">
        <v>0</v>
      </c>
      <c r="O1219" t="s">
        <v>3139</v>
      </c>
      <c r="P1219" t="s">
        <v>176</v>
      </c>
      <c r="Q1219" t="s">
        <v>177</v>
      </c>
      <c r="S1219" t="s">
        <v>178</v>
      </c>
      <c r="T1219" t="s">
        <v>175</v>
      </c>
      <c r="Y1219" t="s">
        <v>224</v>
      </c>
      <c r="AC1219" t="s">
        <v>180</v>
      </c>
      <c r="AD1219" t="s">
        <v>200</v>
      </c>
      <c r="AE1219" t="s">
        <v>200</v>
      </c>
      <c r="AF1219" t="s">
        <v>200</v>
      </c>
      <c r="AG1219" t="s">
        <v>175</v>
      </c>
      <c r="AH1219" t="s">
        <v>200</v>
      </c>
      <c r="AI1219" t="s">
        <v>200</v>
      </c>
      <c r="AJ1219" t="s">
        <v>175</v>
      </c>
      <c r="AK1219" t="s">
        <v>200</v>
      </c>
      <c r="AL1219" t="s">
        <v>42</v>
      </c>
      <c r="AM1219" t="s">
        <v>182</v>
      </c>
      <c r="AN1219" t="s">
        <v>201</v>
      </c>
      <c r="AO1219" t="s">
        <v>185</v>
      </c>
      <c r="AP1219" s="1">
        <v>0</v>
      </c>
      <c r="AQ1219" s="1">
        <v>0</v>
      </c>
      <c r="AR1219" s="1">
        <v>0</v>
      </c>
      <c r="AS1219" s="1">
        <v>0</v>
      </c>
      <c r="AT1219" t="s">
        <v>184</v>
      </c>
      <c r="AU1219" t="s">
        <v>183</v>
      </c>
      <c r="AV1219" s="1">
        <v>0</v>
      </c>
      <c r="AW1219" t="s">
        <v>3574</v>
      </c>
      <c r="AX1219" t="s">
        <v>186</v>
      </c>
      <c r="AZ1219" t="s">
        <v>207</v>
      </c>
      <c r="BF1219" t="s">
        <v>210</v>
      </c>
      <c r="BG1219" s="1">
        <v>0</v>
      </c>
      <c r="BH1219" t="s">
        <v>211</v>
      </c>
      <c r="BK1219" t="s">
        <v>191</v>
      </c>
      <c r="BL1219" t="s">
        <v>192</v>
      </c>
      <c r="BM1219" t="s">
        <v>218</v>
      </c>
      <c r="BN1219" t="s">
        <v>192</v>
      </c>
      <c r="BO1219" t="s">
        <v>218</v>
      </c>
      <c r="BP1219" t="s">
        <v>192</v>
      </c>
      <c r="BQ1219" t="s">
        <v>3575</v>
      </c>
    </row>
    <row r="1220" spans="1:69" x14ac:dyDescent="0.25">
      <c r="A1220" s="1">
        <v>30452343</v>
      </c>
      <c r="B1220" t="s">
        <v>4430</v>
      </c>
      <c r="C1220" t="s">
        <v>39</v>
      </c>
      <c r="D1220" t="s">
        <v>3727</v>
      </c>
      <c r="E1220" t="s">
        <v>195</v>
      </c>
      <c r="L1220" t="s">
        <v>52</v>
      </c>
      <c r="M1220" s="1">
        <v>0</v>
      </c>
      <c r="N1220" s="1">
        <v>0</v>
      </c>
      <c r="O1220" t="s">
        <v>3728</v>
      </c>
      <c r="P1220" t="s">
        <v>176</v>
      </c>
      <c r="Q1220" t="s">
        <v>238</v>
      </c>
      <c r="S1220" s="1">
        <v>0</v>
      </c>
      <c r="T1220" s="1">
        <v>0</v>
      </c>
      <c r="AC1220" s="1">
        <v>0</v>
      </c>
      <c r="AD1220" s="1">
        <v>0</v>
      </c>
      <c r="AE1220" s="1">
        <v>0</v>
      </c>
      <c r="AF1220" s="1">
        <v>0</v>
      </c>
      <c r="AG1220" s="1">
        <v>0</v>
      </c>
      <c r="AH1220" s="1">
        <v>0</v>
      </c>
      <c r="AI1220" s="1">
        <v>0</v>
      </c>
      <c r="AJ1220" s="1">
        <v>0</v>
      </c>
      <c r="AK1220" s="1">
        <v>0</v>
      </c>
      <c r="AL1220" s="1">
        <v>0</v>
      </c>
      <c r="AM1220" s="1">
        <v>0</v>
      </c>
      <c r="AN1220" s="1">
        <v>0</v>
      </c>
      <c r="AO1220" s="1">
        <v>0</v>
      </c>
      <c r="AP1220" s="1">
        <v>0</v>
      </c>
      <c r="AQ1220" s="1">
        <v>0</v>
      </c>
      <c r="AR1220" s="1">
        <v>0</v>
      </c>
      <c r="AS1220" s="1">
        <v>0</v>
      </c>
      <c r="AT1220" s="1">
        <v>0</v>
      </c>
      <c r="AU1220" s="1">
        <v>0</v>
      </c>
      <c r="AV1220" s="1">
        <v>0</v>
      </c>
      <c r="BF1220" s="1">
        <v>0</v>
      </c>
      <c r="BG1220" s="1">
        <v>0</v>
      </c>
      <c r="BH1220" s="1">
        <v>0</v>
      </c>
      <c r="BK1220" s="1">
        <v>0</v>
      </c>
      <c r="BM1220" s="1">
        <v>0</v>
      </c>
      <c r="BO1220" s="1">
        <v>0</v>
      </c>
    </row>
    <row r="1221" spans="1:69" x14ac:dyDescent="0.25">
      <c r="A1221" s="1">
        <v>30452356</v>
      </c>
      <c r="B1221" t="s">
        <v>4431</v>
      </c>
      <c r="C1221" t="s">
        <v>39</v>
      </c>
      <c r="D1221" t="s">
        <v>3727</v>
      </c>
      <c r="E1221" t="s">
        <v>200</v>
      </c>
      <c r="L1221" t="s">
        <v>52</v>
      </c>
      <c r="M1221" s="1">
        <v>0</v>
      </c>
      <c r="N1221" s="1">
        <v>0</v>
      </c>
      <c r="O1221" t="s">
        <v>3728</v>
      </c>
      <c r="P1221" t="s">
        <v>176</v>
      </c>
      <c r="Q1221" t="s">
        <v>196</v>
      </c>
      <c r="S1221" t="s">
        <v>222</v>
      </c>
      <c r="T1221" t="s">
        <v>200</v>
      </c>
      <c r="X1221" t="s">
        <v>179</v>
      </c>
      <c r="Y1221" t="s">
        <v>224</v>
      </c>
      <c r="AC1221" t="s">
        <v>225</v>
      </c>
      <c r="AD1221" s="1">
        <v>0</v>
      </c>
      <c r="AE1221" s="1">
        <v>0</v>
      </c>
      <c r="AF1221" s="1">
        <v>0</v>
      </c>
      <c r="AG1221" s="1">
        <v>0</v>
      </c>
      <c r="AH1221" s="1">
        <v>0</v>
      </c>
      <c r="AI1221" s="1">
        <v>0</v>
      </c>
      <c r="AJ1221" s="1">
        <v>0</v>
      </c>
      <c r="AK1221" s="1">
        <v>0</v>
      </c>
      <c r="AL1221" s="1">
        <v>0</v>
      </c>
      <c r="AM1221" s="1">
        <v>0</v>
      </c>
      <c r="AN1221" s="1">
        <v>0</v>
      </c>
      <c r="AO1221" s="1">
        <v>0</v>
      </c>
      <c r="AP1221" s="1">
        <v>0</v>
      </c>
      <c r="AQ1221" s="1">
        <v>0</v>
      </c>
      <c r="AR1221" s="1">
        <v>0</v>
      </c>
      <c r="AS1221" s="1">
        <v>0</v>
      </c>
      <c r="AT1221" s="1">
        <v>0</v>
      </c>
      <c r="AU1221" s="1">
        <v>0</v>
      </c>
      <c r="AV1221" s="1">
        <v>0</v>
      </c>
      <c r="BF1221" s="1">
        <v>0</v>
      </c>
      <c r="BG1221" s="1">
        <v>0</v>
      </c>
      <c r="BH1221" s="1">
        <v>0</v>
      </c>
      <c r="BK1221" s="1">
        <v>0</v>
      </c>
      <c r="BM1221" s="1">
        <v>0</v>
      </c>
      <c r="BO1221" s="1">
        <v>0</v>
      </c>
    </row>
    <row r="1222" spans="1:69" x14ac:dyDescent="0.25">
      <c r="A1222" s="1">
        <v>30452363</v>
      </c>
      <c r="B1222" t="s">
        <v>140</v>
      </c>
      <c r="C1222" t="s">
        <v>39</v>
      </c>
      <c r="L1222" s="1">
        <v>0</v>
      </c>
      <c r="M1222" s="1">
        <v>0</v>
      </c>
      <c r="N1222" s="1">
        <v>0</v>
      </c>
      <c r="O1222" s="1">
        <v>0</v>
      </c>
      <c r="P1222" s="1">
        <v>0</v>
      </c>
      <c r="Q1222" s="1">
        <v>0</v>
      </c>
      <c r="S1222" s="1">
        <v>0</v>
      </c>
      <c r="T1222" s="1">
        <v>0</v>
      </c>
      <c r="AC1222" s="1">
        <v>0</v>
      </c>
      <c r="AD1222" s="1">
        <v>0</v>
      </c>
      <c r="AE1222" s="1">
        <v>0</v>
      </c>
      <c r="AF1222" s="1">
        <v>0</v>
      </c>
      <c r="AG1222" s="1">
        <v>0</v>
      </c>
      <c r="AH1222" s="1">
        <v>0</v>
      </c>
      <c r="AI1222" s="1">
        <v>0</v>
      </c>
      <c r="AJ1222" s="1">
        <v>0</v>
      </c>
      <c r="AK1222" s="1">
        <v>0</v>
      </c>
      <c r="AL1222" s="1">
        <v>0</v>
      </c>
      <c r="AM1222" s="1">
        <v>0</v>
      </c>
      <c r="AN1222" s="1">
        <v>0</v>
      </c>
      <c r="AO1222" s="1">
        <v>0</v>
      </c>
      <c r="AP1222" s="1">
        <v>0</v>
      </c>
      <c r="AQ1222" s="1">
        <v>0</v>
      </c>
      <c r="AR1222" s="1">
        <v>0</v>
      </c>
      <c r="AS1222" s="1">
        <v>0</v>
      </c>
      <c r="AT1222" s="1">
        <v>0</v>
      </c>
      <c r="AU1222" s="1">
        <v>0</v>
      </c>
      <c r="AV1222" s="1">
        <v>0</v>
      </c>
      <c r="BF1222" s="1">
        <v>0</v>
      </c>
      <c r="BG1222" s="1">
        <v>0</v>
      </c>
      <c r="BH1222" s="1">
        <v>0</v>
      </c>
      <c r="BK1222" s="1">
        <v>0</v>
      </c>
      <c r="BM1222" s="1">
        <v>0</v>
      </c>
      <c r="BO1222" s="1">
        <v>0</v>
      </c>
    </row>
    <row r="1223" spans="1:69" x14ac:dyDescent="0.25">
      <c r="A1223" s="1">
        <v>30452365</v>
      </c>
      <c r="B1223" t="s">
        <v>2987</v>
      </c>
      <c r="C1223" t="s">
        <v>39</v>
      </c>
      <c r="D1223" t="s">
        <v>2512</v>
      </c>
      <c r="E1223" t="s">
        <v>175</v>
      </c>
      <c r="L1223" t="s">
        <v>52</v>
      </c>
      <c r="M1223" s="1">
        <v>0</v>
      </c>
      <c r="N1223" s="1">
        <v>0</v>
      </c>
      <c r="O1223" t="s">
        <v>2512</v>
      </c>
      <c r="P1223" t="s">
        <v>176</v>
      </c>
      <c r="Q1223" t="s">
        <v>177</v>
      </c>
      <c r="S1223" t="s">
        <v>178</v>
      </c>
      <c r="T1223" t="s">
        <v>175</v>
      </c>
      <c r="Z1223" t="s">
        <v>244</v>
      </c>
      <c r="AC1223" t="s">
        <v>180</v>
      </c>
      <c r="AD1223" s="1">
        <v>0</v>
      </c>
      <c r="AE1223" t="s">
        <v>175</v>
      </c>
      <c r="AF1223" t="s">
        <v>175</v>
      </c>
      <c r="AG1223" t="s">
        <v>175</v>
      </c>
      <c r="AH1223" t="s">
        <v>175</v>
      </c>
      <c r="AI1223" t="s">
        <v>175</v>
      </c>
      <c r="AJ1223" t="s">
        <v>175</v>
      </c>
      <c r="AK1223" t="s">
        <v>175</v>
      </c>
      <c r="AL1223" t="s">
        <v>52</v>
      </c>
      <c r="AM1223" t="s">
        <v>184</v>
      </c>
      <c r="AN1223" t="s">
        <v>201</v>
      </c>
      <c r="AO1223" t="s">
        <v>185</v>
      </c>
      <c r="AP1223" t="s">
        <v>183</v>
      </c>
      <c r="AQ1223" s="1">
        <v>0</v>
      </c>
      <c r="AR1223" s="1">
        <v>0</v>
      </c>
      <c r="AS1223" t="s">
        <v>182</v>
      </c>
      <c r="AT1223" s="1">
        <v>0</v>
      </c>
      <c r="AU1223" s="1">
        <v>0</v>
      </c>
      <c r="AV1223" s="1">
        <v>0</v>
      </c>
      <c r="AX1223" t="s">
        <v>186</v>
      </c>
      <c r="AY1223" t="s">
        <v>187</v>
      </c>
      <c r="AZ1223" t="s">
        <v>207</v>
      </c>
      <c r="BA1223" t="s">
        <v>188</v>
      </c>
      <c r="BF1223" t="s">
        <v>232</v>
      </c>
      <c r="BG1223" t="s">
        <v>301</v>
      </c>
      <c r="BH1223" t="s">
        <v>247</v>
      </c>
      <c r="BK1223" t="s">
        <v>218</v>
      </c>
      <c r="BL1223" t="s">
        <v>1046</v>
      </c>
      <c r="BM1223" s="1">
        <v>0</v>
      </c>
      <c r="BO1223" s="1">
        <v>0</v>
      </c>
    </row>
    <row r="1224" spans="1:69" x14ac:dyDescent="0.25">
      <c r="A1224" s="1">
        <v>30452383</v>
      </c>
      <c r="B1224" t="s">
        <v>2296</v>
      </c>
      <c r="C1224" t="s">
        <v>39</v>
      </c>
      <c r="D1224" t="s">
        <v>1616</v>
      </c>
      <c r="E1224" t="s">
        <v>175</v>
      </c>
      <c r="L1224" t="s">
        <v>52</v>
      </c>
      <c r="M1224" s="1">
        <v>0</v>
      </c>
      <c r="N1224" s="1">
        <v>0</v>
      </c>
      <c r="O1224" t="s">
        <v>1616</v>
      </c>
      <c r="P1224" t="s">
        <v>216</v>
      </c>
      <c r="Q1224" t="s">
        <v>322</v>
      </c>
      <c r="S1224" s="1">
        <v>0</v>
      </c>
      <c r="T1224" t="s">
        <v>175</v>
      </c>
      <c r="W1224" t="s">
        <v>262</v>
      </c>
      <c r="Y1224" t="s">
        <v>224</v>
      </c>
      <c r="AC1224" t="s">
        <v>199</v>
      </c>
      <c r="AD1224" t="s">
        <v>175</v>
      </c>
      <c r="AE1224" t="s">
        <v>200</v>
      </c>
      <c r="AF1224" t="s">
        <v>175</v>
      </c>
      <c r="AG1224" t="s">
        <v>200</v>
      </c>
      <c r="AH1224" t="s">
        <v>200</v>
      </c>
      <c r="AI1224" t="s">
        <v>200</v>
      </c>
      <c r="AJ1224" t="s">
        <v>175</v>
      </c>
      <c r="AK1224" t="s">
        <v>200</v>
      </c>
      <c r="AL1224" s="1">
        <v>0</v>
      </c>
      <c r="AM1224" t="s">
        <v>184</v>
      </c>
      <c r="AN1224" s="1">
        <v>0</v>
      </c>
      <c r="AO1224" t="s">
        <v>185</v>
      </c>
      <c r="AP1224" s="1">
        <v>0</v>
      </c>
      <c r="AQ1224" s="1">
        <v>0</v>
      </c>
      <c r="AR1224" s="1">
        <v>0</v>
      </c>
      <c r="AS1224" s="1">
        <v>0</v>
      </c>
      <c r="AT1224" s="1">
        <v>0</v>
      </c>
      <c r="AU1224" s="1">
        <v>0</v>
      </c>
      <c r="AV1224" t="s">
        <v>182</v>
      </c>
      <c r="AZ1224" t="s">
        <v>207</v>
      </c>
      <c r="BF1224" t="s">
        <v>210</v>
      </c>
      <c r="BG1224" s="1">
        <v>0</v>
      </c>
      <c r="BH1224" t="s">
        <v>247</v>
      </c>
      <c r="BK1224" t="s">
        <v>191</v>
      </c>
      <c r="BL1224" t="s">
        <v>473</v>
      </c>
      <c r="BM1224" t="s">
        <v>218</v>
      </c>
      <c r="BN1224" t="s">
        <v>474</v>
      </c>
      <c r="BO1224" s="1">
        <v>0</v>
      </c>
    </row>
    <row r="1225" spans="1:69" x14ac:dyDescent="0.25">
      <c r="A1225" s="1">
        <v>30452397</v>
      </c>
      <c r="B1225" t="s">
        <v>4432</v>
      </c>
      <c r="C1225" t="s">
        <v>39</v>
      </c>
      <c r="D1225" t="s">
        <v>3727</v>
      </c>
      <c r="E1225" t="s">
        <v>200</v>
      </c>
      <c r="L1225" t="s">
        <v>52</v>
      </c>
      <c r="M1225" s="1">
        <v>0</v>
      </c>
      <c r="N1225" s="1">
        <v>0</v>
      </c>
      <c r="O1225" t="s">
        <v>3728</v>
      </c>
      <c r="P1225" t="s">
        <v>176</v>
      </c>
      <c r="Q1225" t="s">
        <v>196</v>
      </c>
      <c r="S1225" t="s">
        <v>222</v>
      </c>
      <c r="T1225" t="s">
        <v>200</v>
      </c>
      <c r="Y1225" t="s">
        <v>224</v>
      </c>
      <c r="AC1225" t="s">
        <v>225</v>
      </c>
      <c r="AD1225" t="s">
        <v>200</v>
      </c>
      <c r="AE1225" t="s">
        <v>200</v>
      </c>
      <c r="AF1225" t="s">
        <v>200</v>
      </c>
      <c r="AG1225" t="s">
        <v>200</v>
      </c>
      <c r="AH1225" t="s">
        <v>200</v>
      </c>
      <c r="AI1225" t="s">
        <v>200</v>
      </c>
      <c r="AJ1225" t="s">
        <v>200</v>
      </c>
      <c r="AK1225" t="s">
        <v>200</v>
      </c>
      <c r="AL1225" t="s">
        <v>42</v>
      </c>
      <c r="AM1225" t="s">
        <v>183</v>
      </c>
      <c r="AN1225" t="s">
        <v>205</v>
      </c>
      <c r="AO1225" t="s">
        <v>185</v>
      </c>
      <c r="AP1225" t="s">
        <v>184</v>
      </c>
      <c r="AQ1225" t="s">
        <v>203</v>
      </c>
      <c r="AR1225" t="s">
        <v>202</v>
      </c>
      <c r="AS1225" t="s">
        <v>201</v>
      </c>
      <c r="AT1225" t="s">
        <v>206</v>
      </c>
      <c r="AU1225" t="s">
        <v>204</v>
      </c>
      <c r="AV1225" t="s">
        <v>182</v>
      </c>
      <c r="AX1225" t="s">
        <v>186</v>
      </c>
      <c r="AZ1225" t="s">
        <v>207</v>
      </c>
      <c r="BF1225" t="s">
        <v>292</v>
      </c>
      <c r="BG1225" t="s">
        <v>49</v>
      </c>
      <c r="BH1225" t="s">
        <v>211</v>
      </c>
      <c r="BK1225" t="s">
        <v>191</v>
      </c>
      <c r="BL1225" t="s">
        <v>4433</v>
      </c>
      <c r="BM1225" t="s">
        <v>218</v>
      </c>
      <c r="BN1225" t="s">
        <v>4434</v>
      </c>
      <c r="BO1225" t="s">
        <v>191</v>
      </c>
      <c r="BP1225" t="s">
        <v>4435</v>
      </c>
    </row>
    <row r="1226" spans="1:69" x14ac:dyDescent="0.25">
      <c r="A1226" s="1">
        <v>30452406</v>
      </c>
      <c r="B1226" t="s">
        <v>4436</v>
      </c>
      <c r="C1226" t="s">
        <v>39</v>
      </c>
      <c r="D1226" t="s">
        <v>3727</v>
      </c>
      <c r="E1226" t="s">
        <v>175</v>
      </c>
      <c r="L1226" t="s">
        <v>52</v>
      </c>
      <c r="M1226" s="1">
        <v>0</v>
      </c>
      <c r="N1226" s="1">
        <v>0</v>
      </c>
      <c r="O1226" t="s">
        <v>3728</v>
      </c>
      <c r="P1226" t="s">
        <v>176</v>
      </c>
      <c r="Q1226" t="s">
        <v>196</v>
      </c>
      <c r="S1226" t="s">
        <v>349</v>
      </c>
      <c r="T1226" t="s">
        <v>175</v>
      </c>
      <c r="X1226" t="s">
        <v>179</v>
      </c>
      <c r="AC1226" t="s">
        <v>180</v>
      </c>
      <c r="AD1226" t="s">
        <v>175</v>
      </c>
      <c r="AE1226" t="s">
        <v>175</v>
      </c>
      <c r="AF1226" t="s">
        <v>175</v>
      </c>
      <c r="AG1226" t="s">
        <v>175</v>
      </c>
      <c r="AH1226" t="s">
        <v>175</v>
      </c>
      <c r="AI1226" t="s">
        <v>175</v>
      </c>
      <c r="AJ1226" t="s">
        <v>175</v>
      </c>
      <c r="AK1226" t="s">
        <v>175</v>
      </c>
      <c r="AL1226" t="s">
        <v>42</v>
      </c>
      <c r="AM1226" s="1">
        <v>0</v>
      </c>
      <c r="AN1226" s="1">
        <v>0</v>
      </c>
      <c r="AO1226" s="1">
        <v>0</v>
      </c>
      <c r="AP1226" s="1">
        <v>0</v>
      </c>
      <c r="AQ1226" s="1">
        <v>0</v>
      </c>
      <c r="AR1226" s="1">
        <v>0</v>
      </c>
      <c r="AS1226" s="1">
        <v>0</v>
      </c>
      <c r="AT1226" s="1">
        <v>0</v>
      </c>
      <c r="AU1226" s="1">
        <v>0</v>
      </c>
      <c r="AV1226" s="1">
        <v>0</v>
      </c>
      <c r="BF1226" t="s">
        <v>292</v>
      </c>
      <c r="BG1226" t="s">
        <v>276</v>
      </c>
      <c r="BH1226" t="s">
        <v>211</v>
      </c>
      <c r="BK1226" t="s">
        <v>191</v>
      </c>
      <c r="BM1226" t="s">
        <v>191</v>
      </c>
      <c r="BO1226" t="s">
        <v>191</v>
      </c>
    </row>
    <row r="1227" spans="1:69" x14ac:dyDescent="0.25">
      <c r="A1227" s="1">
        <v>30452434</v>
      </c>
      <c r="B1227" t="s">
        <v>4437</v>
      </c>
      <c r="C1227" t="s">
        <v>39</v>
      </c>
      <c r="D1227" t="s">
        <v>3727</v>
      </c>
      <c r="E1227" t="s">
        <v>216</v>
      </c>
      <c r="L1227" t="s">
        <v>52</v>
      </c>
      <c r="M1227" s="1">
        <v>0</v>
      </c>
      <c r="N1227" s="1">
        <v>0</v>
      </c>
      <c r="O1227" t="s">
        <v>3728</v>
      </c>
      <c r="P1227" t="s">
        <v>216</v>
      </c>
      <c r="Q1227" t="s">
        <v>177</v>
      </c>
      <c r="S1227" s="1">
        <v>0</v>
      </c>
      <c r="T1227" t="s">
        <v>197</v>
      </c>
      <c r="AC1227" s="1">
        <v>0</v>
      </c>
      <c r="AD1227" s="1">
        <v>0</v>
      </c>
      <c r="AE1227" s="1">
        <v>0</v>
      </c>
      <c r="AF1227" s="1">
        <v>0</v>
      </c>
      <c r="AG1227" s="1">
        <v>0</v>
      </c>
      <c r="AH1227" s="1">
        <v>0</v>
      </c>
      <c r="AI1227" s="1">
        <v>0</v>
      </c>
      <c r="AJ1227" s="1">
        <v>0</v>
      </c>
      <c r="AK1227" s="1">
        <v>0</v>
      </c>
      <c r="AL1227" s="1">
        <v>0</v>
      </c>
      <c r="AM1227" s="1">
        <v>0</v>
      </c>
      <c r="AN1227" s="1">
        <v>0</v>
      </c>
      <c r="AO1227" s="1">
        <v>0</v>
      </c>
      <c r="AP1227" s="1">
        <v>0</v>
      </c>
      <c r="AQ1227" s="1">
        <v>0</v>
      </c>
      <c r="AR1227" s="1">
        <v>0</v>
      </c>
      <c r="AS1227" s="1">
        <v>0</v>
      </c>
      <c r="AT1227" s="1">
        <v>0</v>
      </c>
      <c r="AU1227" s="1">
        <v>0</v>
      </c>
      <c r="AV1227" s="1">
        <v>0</v>
      </c>
      <c r="BF1227" s="1">
        <v>0</v>
      </c>
      <c r="BG1227" s="1">
        <v>0</v>
      </c>
      <c r="BH1227" s="1">
        <v>0</v>
      </c>
      <c r="BK1227" s="1">
        <v>0</v>
      </c>
      <c r="BM1227" s="1">
        <v>0</v>
      </c>
      <c r="BO1227" s="1">
        <v>0</v>
      </c>
    </row>
    <row r="1228" spans="1:69" x14ac:dyDescent="0.25">
      <c r="A1228" s="1">
        <v>30452457</v>
      </c>
      <c r="B1228" t="s">
        <v>2297</v>
      </c>
      <c r="C1228" t="s">
        <v>39</v>
      </c>
      <c r="D1228" t="s">
        <v>1616</v>
      </c>
      <c r="E1228" t="s">
        <v>175</v>
      </c>
      <c r="L1228" t="s">
        <v>52</v>
      </c>
      <c r="M1228" s="1">
        <v>0</v>
      </c>
      <c r="N1228" s="1">
        <v>0</v>
      </c>
      <c r="O1228" t="s">
        <v>1616</v>
      </c>
      <c r="P1228" t="s">
        <v>216</v>
      </c>
      <c r="Q1228" t="s">
        <v>322</v>
      </c>
      <c r="S1228" s="1">
        <v>0</v>
      </c>
      <c r="T1228" t="s">
        <v>175</v>
      </c>
      <c r="Z1228" t="s">
        <v>244</v>
      </c>
      <c r="AC1228" t="s">
        <v>180</v>
      </c>
      <c r="AD1228" t="s">
        <v>181</v>
      </c>
      <c r="AE1228" t="s">
        <v>181</v>
      </c>
      <c r="AF1228" t="s">
        <v>175</v>
      </c>
      <c r="AG1228" t="s">
        <v>175</v>
      </c>
      <c r="AH1228" t="s">
        <v>175</v>
      </c>
      <c r="AI1228" t="s">
        <v>175</v>
      </c>
      <c r="AJ1228" t="s">
        <v>175</v>
      </c>
      <c r="AK1228" t="s">
        <v>175</v>
      </c>
      <c r="AL1228" t="s">
        <v>42</v>
      </c>
      <c r="AM1228" t="s">
        <v>201</v>
      </c>
      <c r="AN1228" t="s">
        <v>206</v>
      </c>
      <c r="AO1228" t="s">
        <v>182</v>
      </c>
      <c r="AP1228" t="s">
        <v>184</v>
      </c>
      <c r="AQ1228" t="s">
        <v>202</v>
      </c>
      <c r="AR1228" t="s">
        <v>204</v>
      </c>
      <c r="AS1228" t="s">
        <v>185</v>
      </c>
      <c r="AT1228" t="s">
        <v>205</v>
      </c>
      <c r="AU1228" t="s">
        <v>203</v>
      </c>
      <c r="AV1228" t="s">
        <v>183</v>
      </c>
      <c r="AX1228" t="s">
        <v>186</v>
      </c>
      <c r="AY1228" t="s">
        <v>187</v>
      </c>
      <c r="AZ1228" t="s">
        <v>207</v>
      </c>
      <c r="BB1228" t="s">
        <v>208</v>
      </c>
      <c r="BC1228" t="s">
        <v>209</v>
      </c>
      <c r="BF1228" t="s">
        <v>189</v>
      </c>
      <c r="BG1228" s="1">
        <v>0</v>
      </c>
      <c r="BH1228" t="s">
        <v>211</v>
      </c>
      <c r="BK1228" t="s">
        <v>191</v>
      </c>
      <c r="BM1228" t="s">
        <v>191</v>
      </c>
      <c r="BN1228" t="s">
        <v>2298</v>
      </c>
      <c r="BO1228" t="s">
        <v>191</v>
      </c>
      <c r="BP1228" t="s">
        <v>2299</v>
      </c>
    </row>
    <row r="1229" spans="1:69" x14ac:dyDescent="0.25">
      <c r="A1229" s="1">
        <v>30452458</v>
      </c>
      <c r="B1229" t="s">
        <v>3576</v>
      </c>
      <c r="C1229" t="s">
        <v>39</v>
      </c>
      <c r="D1229" t="s">
        <v>3138</v>
      </c>
      <c r="E1229" t="s">
        <v>175</v>
      </c>
      <c r="L1229" t="s">
        <v>52</v>
      </c>
      <c r="M1229" s="1">
        <v>0</v>
      </c>
      <c r="N1229" s="1">
        <v>0</v>
      </c>
      <c r="O1229" t="s">
        <v>3139</v>
      </c>
      <c r="P1229" t="s">
        <v>216</v>
      </c>
      <c r="Q1229" t="s">
        <v>273</v>
      </c>
      <c r="S1229" s="1">
        <v>0</v>
      </c>
      <c r="T1229" t="s">
        <v>175</v>
      </c>
      <c r="Y1229" t="s">
        <v>224</v>
      </c>
      <c r="AC1229" s="1">
        <v>0</v>
      </c>
      <c r="AD1229" t="s">
        <v>299</v>
      </c>
      <c r="AE1229" s="1">
        <v>0</v>
      </c>
      <c r="AF1229" s="1">
        <v>0</v>
      </c>
      <c r="AG1229" s="1">
        <v>0</v>
      </c>
      <c r="AH1229" s="1">
        <v>0</v>
      </c>
      <c r="AI1229" s="1">
        <v>0</v>
      </c>
      <c r="AJ1229" s="1">
        <v>0</v>
      </c>
      <c r="AK1229" s="1">
        <v>0</v>
      </c>
      <c r="AL1229" s="1">
        <v>0</v>
      </c>
      <c r="AM1229" s="1">
        <v>0</v>
      </c>
      <c r="AN1229" s="1">
        <v>0</v>
      </c>
      <c r="AO1229" s="1">
        <v>0</v>
      </c>
      <c r="AP1229" s="1">
        <v>0</v>
      </c>
      <c r="AQ1229" s="1">
        <v>0</v>
      </c>
      <c r="AR1229" s="1">
        <v>0</v>
      </c>
      <c r="AS1229" s="1">
        <v>0</v>
      </c>
      <c r="AT1229" s="1">
        <v>0</v>
      </c>
      <c r="AU1229" s="1">
        <v>0</v>
      </c>
      <c r="AV1229" s="1">
        <v>0</v>
      </c>
      <c r="BF1229" s="1">
        <v>0</v>
      </c>
      <c r="BG1229" s="1">
        <v>0</v>
      </c>
      <c r="BH1229" s="1">
        <v>0</v>
      </c>
      <c r="BK1229" s="1">
        <v>0</v>
      </c>
      <c r="BM1229" s="1">
        <v>0</v>
      </c>
      <c r="BO1229" s="1">
        <v>0</v>
      </c>
    </row>
    <row r="1230" spans="1:69" x14ac:dyDescent="0.25">
      <c r="A1230" s="1">
        <v>30452508</v>
      </c>
      <c r="B1230" t="s">
        <v>3577</v>
      </c>
      <c r="C1230" t="s">
        <v>39</v>
      </c>
      <c r="D1230" t="s">
        <v>3138</v>
      </c>
      <c r="E1230" t="s">
        <v>200</v>
      </c>
      <c r="L1230" t="s">
        <v>52</v>
      </c>
      <c r="M1230" s="1">
        <v>0</v>
      </c>
      <c r="N1230" s="1">
        <v>0</v>
      </c>
      <c r="O1230" t="s">
        <v>3139</v>
      </c>
      <c r="P1230" t="s">
        <v>176</v>
      </c>
      <c r="Q1230" t="s">
        <v>238</v>
      </c>
      <c r="S1230" t="s">
        <v>178</v>
      </c>
      <c r="T1230" t="s">
        <v>200</v>
      </c>
      <c r="W1230" t="s">
        <v>262</v>
      </c>
      <c r="AC1230" t="s">
        <v>180</v>
      </c>
      <c r="AD1230" t="s">
        <v>200</v>
      </c>
      <c r="AE1230" t="s">
        <v>200</v>
      </c>
      <c r="AF1230" t="s">
        <v>200</v>
      </c>
      <c r="AG1230" t="s">
        <v>200</v>
      </c>
      <c r="AH1230" t="s">
        <v>200</v>
      </c>
      <c r="AI1230" t="s">
        <v>200</v>
      </c>
      <c r="AJ1230" t="s">
        <v>200</v>
      </c>
      <c r="AK1230" t="s">
        <v>200</v>
      </c>
      <c r="AL1230" t="s">
        <v>42</v>
      </c>
      <c r="AM1230" t="s">
        <v>183</v>
      </c>
      <c r="AN1230" t="s">
        <v>201</v>
      </c>
      <c r="AO1230" t="s">
        <v>182</v>
      </c>
      <c r="AP1230" t="s">
        <v>185</v>
      </c>
      <c r="AQ1230" t="s">
        <v>203</v>
      </c>
      <c r="AR1230" t="s">
        <v>204</v>
      </c>
      <c r="AS1230" t="s">
        <v>202</v>
      </c>
      <c r="AT1230" t="s">
        <v>206</v>
      </c>
      <c r="AU1230" t="s">
        <v>205</v>
      </c>
      <c r="AV1230" t="s">
        <v>184</v>
      </c>
      <c r="AZ1230" t="s">
        <v>207</v>
      </c>
      <c r="BF1230" t="s">
        <v>210</v>
      </c>
      <c r="BG1230" s="1">
        <v>0</v>
      </c>
      <c r="BH1230" t="s">
        <v>211</v>
      </c>
      <c r="BK1230" t="s">
        <v>191</v>
      </c>
      <c r="BL1230" t="s">
        <v>3578</v>
      </c>
      <c r="BM1230" t="s">
        <v>191</v>
      </c>
      <c r="BO1230" t="s">
        <v>218</v>
      </c>
      <c r="BQ1230" t="s">
        <v>3579</v>
      </c>
    </row>
    <row r="1231" spans="1:69" x14ac:dyDescent="0.25">
      <c r="A1231" s="1">
        <v>30452577</v>
      </c>
      <c r="B1231" t="s">
        <v>4438</v>
      </c>
      <c r="C1231" t="s">
        <v>39</v>
      </c>
      <c r="D1231" t="s">
        <v>3727</v>
      </c>
      <c r="E1231" t="s">
        <v>200</v>
      </c>
      <c r="L1231" t="s">
        <v>52</v>
      </c>
      <c r="M1231" s="1">
        <v>0</v>
      </c>
      <c r="N1231" s="1">
        <v>0</v>
      </c>
      <c r="O1231" t="s">
        <v>3728</v>
      </c>
      <c r="P1231" t="s">
        <v>176</v>
      </c>
      <c r="Q1231" t="s">
        <v>196</v>
      </c>
      <c r="S1231" t="s">
        <v>349</v>
      </c>
      <c r="T1231" t="s">
        <v>200</v>
      </c>
      <c r="Y1231" t="s">
        <v>224</v>
      </c>
      <c r="AC1231" t="s">
        <v>180</v>
      </c>
      <c r="AD1231" t="s">
        <v>200</v>
      </c>
      <c r="AE1231" t="s">
        <v>181</v>
      </c>
      <c r="AF1231" t="s">
        <v>200</v>
      </c>
      <c r="AG1231" t="s">
        <v>181</v>
      </c>
      <c r="AH1231" t="s">
        <v>181</v>
      </c>
      <c r="AI1231" t="s">
        <v>181</v>
      </c>
      <c r="AJ1231" t="s">
        <v>200</v>
      </c>
      <c r="AK1231" t="s">
        <v>181</v>
      </c>
      <c r="AL1231" t="s">
        <v>52</v>
      </c>
      <c r="AM1231" t="s">
        <v>201</v>
      </c>
      <c r="AN1231" t="s">
        <v>206</v>
      </c>
      <c r="AO1231" t="s">
        <v>185</v>
      </c>
      <c r="AP1231" t="s">
        <v>183</v>
      </c>
      <c r="AQ1231" t="s">
        <v>202</v>
      </c>
      <c r="AR1231" t="s">
        <v>203</v>
      </c>
      <c r="AS1231" t="s">
        <v>182</v>
      </c>
      <c r="AT1231" t="s">
        <v>205</v>
      </c>
      <c r="AU1231" t="s">
        <v>204</v>
      </c>
      <c r="AV1231" t="s">
        <v>184</v>
      </c>
      <c r="AX1231" t="s">
        <v>186</v>
      </c>
      <c r="AY1231" t="s">
        <v>187</v>
      </c>
      <c r="AZ1231" t="s">
        <v>207</v>
      </c>
      <c r="BC1231" t="s">
        <v>209</v>
      </c>
      <c r="BF1231" t="s">
        <v>292</v>
      </c>
      <c r="BG1231" t="s">
        <v>301</v>
      </c>
      <c r="BH1231" t="s">
        <v>211</v>
      </c>
      <c r="BK1231" t="s">
        <v>191</v>
      </c>
      <c r="BL1231" t="s">
        <v>4439</v>
      </c>
      <c r="BM1231" t="s">
        <v>191</v>
      </c>
      <c r="BN1231" t="s">
        <v>4440</v>
      </c>
      <c r="BO1231" t="s">
        <v>191</v>
      </c>
      <c r="BP1231" t="s">
        <v>4441</v>
      </c>
    </row>
    <row r="1232" spans="1:69" x14ac:dyDescent="0.25">
      <c r="A1232" s="1">
        <v>30452586</v>
      </c>
      <c r="B1232" t="s">
        <v>1451</v>
      </c>
      <c r="C1232" t="s">
        <v>39</v>
      </c>
      <c r="D1232" t="s">
        <v>942</v>
      </c>
      <c r="L1232" t="s">
        <v>52</v>
      </c>
      <c r="M1232" s="1">
        <v>0</v>
      </c>
      <c r="N1232" s="1">
        <v>0</v>
      </c>
      <c r="O1232" t="s">
        <v>942</v>
      </c>
      <c r="P1232" s="1">
        <v>0</v>
      </c>
      <c r="Q1232" s="1">
        <v>0</v>
      </c>
      <c r="S1232" s="1">
        <v>0</v>
      </c>
      <c r="T1232" s="1">
        <v>0</v>
      </c>
      <c r="AC1232" s="1">
        <v>0</v>
      </c>
      <c r="AD1232" s="1">
        <v>0</v>
      </c>
      <c r="AE1232" s="1">
        <v>0</v>
      </c>
      <c r="AF1232" s="1">
        <v>0</v>
      </c>
      <c r="AG1232" s="1">
        <v>0</v>
      </c>
      <c r="AH1232" s="1">
        <v>0</v>
      </c>
      <c r="AI1232" s="1">
        <v>0</v>
      </c>
      <c r="AJ1232" s="1">
        <v>0</v>
      </c>
      <c r="AK1232" s="1">
        <v>0</v>
      </c>
      <c r="AL1232" s="1">
        <v>0</v>
      </c>
      <c r="AM1232" s="1">
        <v>0</v>
      </c>
      <c r="AN1232" s="1">
        <v>0</v>
      </c>
      <c r="AO1232" s="1">
        <v>0</v>
      </c>
      <c r="AP1232" s="1">
        <v>0</v>
      </c>
      <c r="AQ1232" s="1">
        <v>0</v>
      </c>
      <c r="AR1232" s="1">
        <v>0</v>
      </c>
      <c r="AS1232" s="1">
        <v>0</v>
      </c>
      <c r="AT1232" s="1">
        <v>0</v>
      </c>
      <c r="AU1232" s="1">
        <v>0</v>
      </c>
      <c r="AV1232" s="1">
        <v>0</v>
      </c>
      <c r="BF1232" s="1">
        <v>0</v>
      </c>
      <c r="BG1232" s="1">
        <v>0</v>
      </c>
      <c r="BH1232" s="1">
        <v>0</v>
      </c>
      <c r="BK1232" s="1">
        <v>0</v>
      </c>
      <c r="BM1232" s="1">
        <v>0</v>
      </c>
      <c r="BO1232" s="1">
        <v>0</v>
      </c>
    </row>
    <row r="1233" spans="1:69" x14ac:dyDescent="0.25">
      <c r="A1233" s="1">
        <v>30452590</v>
      </c>
      <c r="B1233" t="s">
        <v>2988</v>
      </c>
      <c r="C1233" t="s">
        <v>39</v>
      </c>
      <c r="D1233" t="s">
        <v>2512</v>
      </c>
      <c r="E1233" t="s">
        <v>175</v>
      </c>
      <c r="L1233" t="s">
        <v>52</v>
      </c>
      <c r="M1233" s="1">
        <v>0</v>
      </c>
      <c r="N1233" s="1">
        <v>0</v>
      </c>
      <c r="O1233" t="s">
        <v>2512</v>
      </c>
      <c r="P1233" t="s">
        <v>176</v>
      </c>
      <c r="Q1233" t="s">
        <v>177</v>
      </c>
      <c r="S1233" t="s">
        <v>178</v>
      </c>
      <c r="T1233" t="s">
        <v>175</v>
      </c>
      <c r="V1233" t="s">
        <v>397</v>
      </c>
      <c r="AC1233" t="s">
        <v>199</v>
      </c>
      <c r="AD1233" t="s">
        <v>175</v>
      </c>
      <c r="AE1233" t="s">
        <v>175</v>
      </c>
      <c r="AF1233" t="s">
        <v>175</v>
      </c>
      <c r="AG1233" t="s">
        <v>181</v>
      </c>
      <c r="AH1233" t="s">
        <v>175</v>
      </c>
      <c r="AI1233" t="s">
        <v>175</v>
      </c>
      <c r="AJ1233" t="s">
        <v>175</v>
      </c>
      <c r="AK1233" t="s">
        <v>181</v>
      </c>
      <c r="AL1233" t="s">
        <v>52</v>
      </c>
      <c r="AM1233" t="s">
        <v>183</v>
      </c>
      <c r="AN1233" t="s">
        <v>184</v>
      </c>
      <c r="AO1233" t="s">
        <v>185</v>
      </c>
      <c r="AP1233" s="1">
        <v>0</v>
      </c>
      <c r="AQ1233" s="1">
        <v>0</v>
      </c>
      <c r="AR1233" s="1">
        <v>0</v>
      </c>
      <c r="AS1233" s="1">
        <v>0</v>
      </c>
      <c r="AT1233" s="1">
        <v>0</v>
      </c>
      <c r="AU1233" t="s">
        <v>182</v>
      </c>
      <c r="AV1233" s="1">
        <v>0</v>
      </c>
      <c r="BB1233" t="s">
        <v>208</v>
      </c>
      <c r="BC1233" t="s">
        <v>209</v>
      </c>
      <c r="BF1233" t="s">
        <v>189</v>
      </c>
      <c r="BG1233" s="1">
        <v>0</v>
      </c>
      <c r="BH1233" t="s">
        <v>211</v>
      </c>
      <c r="BK1233" s="1">
        <v>0</v>
      </c>
      <c r="BM1233" s="1">
        <v>0</v>
      </c>
      <c r="BO1233" t="s">
        <v>218</v>
      </c>
    </row>
    <row r="1234" spans="1:69" x14ac:dyDescent="0.25">
      <c r="A1234" s="1">
        <v>30452600</v>
      </c>
      <c r="B1234" t="s">
        <v>767</v>
      </c>
      <c r="C1234" t="s">
        <v>39</v>
      </c>
      <c r="D1234" t="s">
        <v>174</v>
      </c>
      <c r="E1234" t="s">
        <v>195</v>
      </c>
      <c r="L1234" t="s">
        <v>52</v>
      </c>
      <c r="M1234" s="1">
        <v>0</v>
      </c>
      <c r="N1234" s="1">
        <v>0</v>
      </c>
      <c r="O1234" t="s">
        <v>174</v>
      </c>
      <c r="P1234" t="s">
        <v>176</v>
      </c>
      <c r="Q1234" t="s">
        <v>177</v>
      </c>
      <c r="S1234" t="s">
        <v>178</v>
      </c>
      <c r="T1234" t="s">
        <v>197</v>
      </c>
      <c r="AA1234" t="s">
        <v>273</v>
      </c>
      <c r="AB1234" t="s">
        <v>768</v>
      </c>
      <c r="AC1234" t="s">
        <v>180</v>
      </c>
      <c r="AD1234" t="s">
        <v>181</v>
      </c>
      <c r="AE1234" t="s">
        <v>181</v>
      </c>
      <c r="AF1234" t="s">
        <v>181</v>
      </c>
      <c r="AG1234" t="s">
        <v>181</v>
      </c>
      <c r="AH1234" t="s">
        <v>181</v>
      </c>
      <c r="AI1234" t="s">
        <v>181</v>
      </c>
      <c r="AJ1234" t="s">
        <v>181</v>
      </c>
      <c r="AK1234" t="s">
        <v>181</v>
      </c>
      <c r="AL1234" t="s">
        <v>42</v>
      </c>
      <c r="AM1234" s="1">
        <v>0</v>
      </c>
      <c r="AN1234" t="s">
        <v>185</v>
      </c>
      <c r="AO1234" s="1">
        <v>0</v>
      </c>
      <c r="AP1234" s="1">
        <v>0</v>
      </c>
      <c r="AQ1234" s="1">
        <v>0</v>
      </c>
      <c r="AR1234" s="1">
        <v>0</v>
      </c>
      <c r="AS1234" s="1">
        <v>0</v>
      </c>
      <c r="AT1234" t="s">
        <v>184</v>
      </c>
      <c r="AU1234" s="1">
        <v>0</v>
      </c>
      <c r="AV1234" t="s">
        <v>182</v>
      </c>
      <c r="BF1234" s="1">
        <v>0</v>
      </c>
      <c r="BG1234" s="1">
        <v>0</v>
      </c>
      <c r="BH1234" s="1">
        <v>0</v>
      </c>
      <c r="BK1234" s="1">
        <v>0</v>
      </c>
      <c r="BM1234" s="1">
        <v>0</v>
      </c>
      <c r="BO1234" s="1">
        <v>0</v>
      </c>
    </row>
    <row r="1235" spans="1:69" x14ac:dyDescent="0.25">
      <c r="A1235" s="1">
        <v>30452642</v>
      </c>
      <c r="B1235" t="s">
        <v>4442</v>
      </c>
      <c r="C1235" t="s">
        <v>39</v>
      </c>
      <c r="D1235" t="s">
        <v>3727</v>
      </c>
      <c r="E1235" t="s">
        <v>195</v>
      </c>
      <c r="L1235" t="s">
        <v>52</v>
      </c>
      <c r="M1235" s="1">
        <v>0</v>
      </c>
      <c r="N1235" s="1">
        <v>0</v>
      </c>
      <c r="O1235" t="s">
        <v>3728</v>
      </c>
      <c r="P1235" t="s">
        <v>176</v>
      </c>
      <c r="Q1235" t="s">
        <v>238</v>
      </c>
      <c r="S1235" t="s">
        <v>178</v>
      </c>
      <c r="T1235" t="s">
        <v>299</v>
      </c>
      <c r="AA1235" t="s">
        <v>273</v>
      </c>
      <c r="AB1235" t="s">
        <v>4443</v>
      </c>
      <c r="AC1235" t="s">
        <v>266</v>
      </c>
      <c r="AD1235" t="s">
        <v>200</v>
      </c>
      <c r="AE1235" t="s">
        <v>175</v>
      </c>
      <c r="AF1235" t="s">
        <v>175</v>
      </c>
      <c r="AG1235" t="s">
        <v>200</v>
      </c>
      <c r="AH1235" t="s">
        <v>200</v>
      </c>
      <c r="AI1235" t="s">
        <v>200</v>
      </c>
      <c r="AJ1235" t="s">
        <v>200</v>
      </c>
      <c r="AK1235" t="s">
        <v>200</v>
      </c>
      <c r="AL1235" t="s">
        <v>52</v>
      </c>
      <c r="AM1235" t="s">
        <v>184</v>
      </c>
      <c r="AN1235" t="s">
        <v>201</v>
      </c>
      <c r="AO1235" t="s">
        <v>185</v>
      </c>
      <c r="AP1235" t="s">
        <v>182</v>
      </c>
      <c r="AQ1235" t="s">
        <v>183</v>
      </c>
      <c r="AR1235" t="s">
        <v>202</v>
      </c>
      <c r="AS1235" t="s">
        <v>203</v>
      </c>
      <c r="AT1235" t="s">
        <v>205</v>
      </c>
      <c r="AU1235" t="s">
        <v>206</v>
      </c>
      <c r="AV1235" t="s">
        <v>204</v>
      </c>
      <c r="AW1235" t="s">
        <v>4444</v>
      </c>
      <c r="AZ1235" t="s">
        <v>207</v>
      </c>
      <c r="BA1235" t="s">
        <v>188</v>
      </c>
      <c r="BB1235" t="s">
        <v>208</v>
      </c>
      <c r="BC1235" t="s">
        <v>209</v>
      </c>
      <c r="BF1235" t="s">
        <v>210</v>
      </c>
      <c r="BG1235" s="1">
        <v>0</v>
      </c>
      <c r="BH1235" t="s">
        <v>211</v>
      </c>
      <c r="BK1235" t="s">
        <v>191</v>
      </c>
      <c r="BL1235" t="s">
        <v>4445</v>
      </c>
      <c r="BM1235" s="1">
        <v>0</v>
      </c>
      <c r="BN1235" t="s">
        <v>401</v>
      </c>
      <c r="BO1235" t="s">
        <v>218</v>
      </c>
      <c r="BP1235" t="s">
        <v>4446</v>
      </c>
      <c r="BQ1235" t="s">
        <v>4447</v>
      </c>
    </row>
    <row r="1236" spans="1:69" x14ac:dyDescent="0.25">
      <c r="A1236" s="1">
        <v>30452698</v>
      </c>
      <c r="B1236" t="s">
        <v>2300</v>
      </c>
      <c r="C1236" t="s">
        <v>39</v>
      </c>
      <c r="D1236" t="s">
        <v>1616</v>
      </c>
      <c r="E1236" t="s">
        <v>216</v>
      </c>
      <c r="L1236" t="s">
        <v>52</v>
      </c>
      <c r="M1236" s="1">
        <v>0</v>
      </c>
      <c r="N1236" s="1">
        <v>0</v>
      </c>
      <c r="O1236" t="s">
        <v>1616</v>
      </c>
      <c r="P1236" t="s">
        <v>216</v>
      </c>
      <c r="Q1236" t="s">
        <v>258</v>
      </c>
      <c r="S1236" s="1">
        <v>0</v>
      </c>
      <c r="T1236" t="s">
        <v>197</v>
      </c>
      <c r="W1236" t="s">
        <v>262</v>
      </c>
      <c r="X1236" t="s">
        <v>179</v>
      </c>
      <c r="Z1236" t="s">
        <v>244</v>
      </c>
      <c r="AC1236" t="s">
        <v>180</v>
      </c>
      <c r="AD1236" t="s">
        <v>181</v>
      </c>
      <c r="AE1236" t="s">
        <v>181</v>
      </c>
      <c r="AF1236" t="s">
        <v>181</v>
      </c>
      <c r="AG1236" t="s">
        <v>230</v>
      </c>
      <c r="AH1236" t="s">
        <v>175</v>
      </c>
      <c r="AI1236" t="s">
        <v>175</v>
      </c>
      <c r="AJ1236" t="s">
        <v>181</v>
      </c>
      <c r="AK1236" t="s">
        <v>230</v>
      </c>
      <c r="AL1236" s="1">
        <v>0</v>
      </c>
      <c r="AM1236" s="1">
        <v>0</v>
      </c>
      <c r="AN1236" s="1">
        <v>0</v>
      </c>
      <c r="AO1236" s="1">
        <v>0</v>
      </c>
      <c r="AP1236" s="1">
        <v>0</v>
      </c>
      <c r="AQ1236" s="1">
        <v>0</v>
      </c>
      <c r="AR1236" s="1">
        <v>0</v>
      </c>
      <c r="AS1236" s="1">
        <v>0</v>
      </c>
      <c r="AT1236" s="1">
        <v>0</v>
      </c>
      <c r="AU1236" s="1">
        <v>0</v>
      </c>
      <c r="AV1236" s="1">
        <v>0</v>
      </c>
      <c r="BF1236" s="1">
        <v>0</v>
      </c>
      <c r="BG1236" s="1">
        <v>0</v>
      </c>
      <c r="BH1236" s="1">
        <v>0</v>
      </c>
      <c r="BK1236" s="1">
        <v>0</v>
      </c>
      <c r="BM1236" s="1">
        <v>0</v>
      </c>
      <c r="BO1236" s="1">
        <v>0</v>
      </c>
    </row>
    <row r="1237" spans="1:69" x14ac:dyDescent="0.25">
      <c r="A1237" s="1">
        <v>30452703</v>
      </c>
      <c r="B1237" t="s">
        <v>2301</v>
      </c>
      <c r="C1237" t="s">
        <v>39</v>
      </c>
      <c r="D1237" t="s">
        <v>1616</v>
      </c>
      <c r="E1237" t="s">
        <v>200</v>
      </c>
      <c r="L1237" t="s">
        <v>52</v>
      </c>
      <c r="M1237" s="1">
        <v>0</v>
      </c>
      <c r="N1237" s="1">
        <v>0</v>
      </c>
      <c r="O1237" t="s">
        <v>1616</v>
      </c>
      <c r="P1237" t="s">
        <v>176</v>
      </c>
      <c r="Q1237" t="s">
        <v>196</v>
      </c>
      <c r="S1237" t="s">
        <v>178</v>
      </c>
      <c r="T1237" t="s">
        <v>200</v>
      </c>
      <c r="Y1237" t="s">
        <v>224</v>
      </c>
      <c r="AC1237" t="s">
        <v>180</v>
      </c>
      <c r="AD1237" t="s">
        <v>200</v>
      </c>
      <c r="AE1237" t="s">
        <v>200</v>
      </c>
      <c r="AF1237" t="s">
        <v>200</v>
      </c>
      <c r="AG1237" t="s">
        <v>200</v>
      </c>
      <c r="AH1237" t="s">
        <v>200</v>
      </c>
      <c r="AI1237" t="s">
        <v>200</v>
      </c>
      <c r="AJ1237" t="s">
        <v>200</v>
      </c>
      <c r="AK1237" t="s">
        <v>200</v>
      </c>
      <c r="AL1237" t="s">
        <v>42</v>
      </c>
      <c r="AM1237" t="s">
        <v>185</v>
      </c>
      <c r="AN1237" t="s">
        <v>206</v>
      </c>
      <c r="AO1237" t="s">
        <v>184</v>
      </c>
      <c r="AP1237" t="s">
        <v>205</v>
      </c>
      <c r="AQ1237" t="s">
        <v>202</v>
      </c>
      <c r="AR1237" t="s">
        <v>203</v>
      </c>
      <c r="AS1237" t="s">
        <v>204</v>
      </c>
      <c r="AT1237" t="s">
        <v>201</v>
      </c>
      <c r="AU1237" t="s">
        <v>183</v>
      </c>
      <c r="AV1237" t="s">
        <v>182</v>
      </c>
      <c r="AX1237" t="s">
        <v>186</v>
      </c>
      <c r="AY1237" t="s">
        <v>187</v>
      </c>
      <c r="AZ1237" t="s">
        <v>207</v>
      </c>
      <c r="BA1237" t="s">
        <v>188</v>
      </c>
      <c r="BF1237" t="s">
        <v>292</v>
      </c>
      <c r="BG1237" t="s">
        <v>301</v>
      </c>
      <c r="BH1237" t="s">
        <v>211</v>
      </c>
      <c r="BK1237" t="s">
        <v>191</v>
      </c>
      <c r="BM1237" t="s">
        <v>191</v>
      </c>
      <c r="BO1237" t="s">
        <v>191</v>
      </c>
    </row>
    <row r="1238" spans="1:69" x14ac:dyDescent="0.25">
      <c r="A1238" s="1">
        <v>30452707</v>
      </c>
      <c r="B1238" t="s">
        <v>2302</v>
      </c>
      <c r="C1238" t="s">
        <v>39</v>
      </c>
      <c r="D1238" t="s">
        <v>1616</v>
      </c>
      <c r="E1238" t="s">
        <v>216</v>
      </c>
      <c r="L1238" t="s">
        <v>52</v>
      </c>
      <c r="M1238" s="1">
        <v>0</v>
      </c>
      <c r="N1238" s="1">
        <v>0</v>
      </c>
      <c r="O1238" t="s">
        <v>1616</v>
      </c>
      <c r="P1238" t="s">
        <v>216</v>
      </c>
      <c r="Q1238" t="s">
        <v>258</v>
      </c>
      <c r="S1238" s="1">
        <v>0</v>
      </c>
      <c r="T1238" t="s">
        <v>197</v>
      </c>
      <c r="W1238" t="s">
        <v>262</v>
      </c>
      <c r="X1238" t="s">
        <v>179</v>
      </c>
      <c r="Z1238" t="s">
        <v>244</v>
      </c>
      <c r="AC1238" t="s">
        <v>180</v>
      </c>
      <c r="AD1238" t="s">
        <v>181</v>
      </c>
      <c r="AE1238" t="s">
        <v>181</v>
      </c>
      <c r="AF1238" t="s">
        <v>181</v>
      </c>
      <c r="AG1238" t="s">
        <v>230</v>
      </c>
      <c r="AH1238" t="s">
        <v>230</v>
      </c>
      <c r="AI1238" t="s">
        <v>175</v>
      </c>
      <c r="AJ1238" t="s">
        <v>181</v>
      </c>
      <c r="AK1238" t="s">
        <v>181</v>
      </c>
      <c r="AL1238" t="s">
        <v>42</v>
      </c>
      <c r="AM1238" t="s">
        <v>182</v>
      </c>
      <c r="AN1238" t="s">
        <v>184</v>
      </c>
      <c r="AO1238" s="1">
        <v>0</v>
      </c>
      <c r="AP1238" s="1">
        <v>0</v>
      </c>
      <c r="AQ1238" t="s">
        <v>185</v>
      </c>
      <c r="AR1238" s="1">
        <v>0</v>
      </c>
      <c r="AS1238" s="1">
        <v>0</v>
      </c>
      <c r="AT1238" s="1">
        <v>0</v>
      </c>
      <c r="AU1238" s="1">
        <v>0</v>
      </c>
      <c r="AV1238" s="1">
        <v>0</v>
      </c>
      <c r="AX1238" t="s">
        <v>186</v>
      </c>
      <c r="AY1238" t="s">
        <v>187</v>
      </c>
      <c r="AZ1238" t="s">
        <v>207</v>
      </c>
      <c r="BA1238" t="s">
        <v>188</v>
      </c>
      <c r="BB1238" t="s">
        <v>208</v>
      </c>
      <c r="BC1238" t="s">
        <v>209</v>
      </c>
      <c r="BF1238" t="s">
        <v>49</v>
      </c>
      <c r="BG1238" s="1">
        <v>0</v>
      </c>
      <c r="BH1238" t="s">
        <v>211</v>
      </c>
      <c r="BK1238" t="s">
        <v>191</v>
      </c>
      <c r="BL1238" t="s">
        <v>2303</v>
      </c>
      <c r="BM1238" t="s">
        <v>191</v>
      </c>
      <c r="BO1238" t="s">
        <v>191</v>
      </c>
      <c r="BP1238" t="s">
        <v>2304</v>
      </c>
    </row>
    <row r="1239" spans="1:69" x14ac:dyDescent="0.25">
      <c r="A1239" s="1">
        <v>30452720</v>
      </c>
      <c r="B1239" t="s">
        <v>1452</v>
      </c>
      <c r="C1239" t="s">
        <v>39</v>
      </c>
      <c r="D1239" t="s">
        <v>942</v>
      </c>
      <c r="E1239" t="s">
        <v>175</v>
      </c>
      <c r="L1239" t="s">
        <v>52</v>
      </c>
      <c r="M1239" s="1">
        <v>0</v>
      </c>
      <c r="N1239" s="1">
        <v>0</v>
      </c>
      <c r="O1239" t="s">
        <v>942</v>
      </c>
      <c r="P1239" t="s">
        <v>176</v>
      </c>
      <c r="Q1239" t="s">
        <v>258</v>
      </c>
      <c r="S1239" t="s">
        <v>178</v>
      </c>
      <c r="T1239" t="s">
        <v>175</v>
      </c>
      <c r="Y1239" t="s">
        <v>224</v>
      </c>
      <c r="AC1239" t="s">
        <v>180</v>
      </c>
      <c r="AD1239" t="s">
        <v>175</v>
      </c>
      <c r="AE1239" t="s">
        <v>175</v>
      </c>
      <c r="AF1239" t="s">
        <v>181</v>
      </c>
      <c r="AG1239" t="s">
        <v>181</v>
      </c>
      <c r="AH1239" t="s">
        <v>175</v>
      </c>
      <c r="AI1239" t="s">
        <v>175</v>
      </c>
      <c r="AJ1239" t="s">
        <v>175</v>
      </c>
      <c r="AK1239" t="s">
        <v>175</v>
      </c>
      <c r="AL1239" t="s">
        <v>52</v>
      </c>
      <c r="AM1239" t="s">
        <v>204</v>
      </c>
      <c r="AN1239" t="s">
        <v>206</v>
      </c>
      <c r="AO1239" t="s">
        <v>202</v>
      </c>
      <c r="AP1239" t="s">
        <v>184</v>
      </c>
      <c r="AQ1239" t="s">
        <v>185</v>
      </c>
      <c r="AR1239" t="s">
        <v>201</v>
      </c>
      <c r="AS1239" t="s">
        <v>182</v>
      </c>
      <c r="AT1239" t="s">
        <v>205</v>
      </c>
      <c r="AU1239" t="s">
        <v>203</v>
      </c>
      <c r="AV1239" t="s">
        <v>183</v>
      </c>
      <c r="BC1239" t="s">
        <v>209</v>
      </c>
      <c r="BF1239" t="s">
        <v>292</v>
      </c>
      <c r="BG1239" t="s">
        <v>301</v>
      </c>
      <c r="BH1239" t="s">
        <v>190</v>
      </c>
      <c r="BK1239" t="s">
        <v>191</v>
      </c>
      <c r="BM1239" t="s">
        <v>191</v>
      </c>
      <c r="BO1239" t="s">
        <v>191</v>
      </c>
    </row>
    <row r="1240" spans="1:69" x14ac:dyDescent="0.25">
      <c r="A1240" s="1">
        <v>30452750</v>
      </c>
      <c r="B1240" t="s">
        <v>141</v>
      </c>
      <c r="C1240" t="s">
        <v>39</v>
      </c>
      <c r="L1240" s="1">
        <v>0</v>
      </c>
      <c r="M1240" s="1">
        <v>0</v>
      </c>
      <c r="N1240" s="1">
        <v>0</v>
      </c>
      <c r="O1240" s="1">
        <v>0</v>
      </c>
      <c r="P1240" s="1">
        <v>0</v>
      </c>
      <c r="Q1240" s="1">
        <v>0</v>
      </c>
      <c r="S1240" s="1">
        <v>0</v>
      </c>
      <c r="T1240" s="1">
        <v>0</v>
      </c>
      <c r="AC1240" s="1">
        <v>0</v>
      </c>
      <c r="AD1240" s="1">
        <v>0</v>
      </c>
      <c r="AE1240" s="1">
        <v>0</v>
      </c>
      <c r="AF1240" s="1">
        <v>0</v>
      </c>
      <c r="AG1240" s="1">
        <v>0</v>
      </c>
      <c r="AH1240" s="1">
        <v>0</v>
      </c>
      <c r="AI1240" s="1">
        <v>0</v>
      </c>
      <c r="AJ1240" s="1">
        <v>0</v>
      </c>
      <c r="AK1240" s="1">
        <v>0</v>
      </c>
      <c r="AL1240" s="1">
        <v>0</v>
      </c>
      <c r="AM1240" s="1">
        <v>0</v>
      </c>
      <c r="AN1240" s="1">
        <v>0</v>
      </c>
      <c r="AO1240" s="1">
        <v>0</v>
      </c>
      <c r="AP1240" s="1">
        <v>0</v>
      </c>
      <c r="AQ1240" s="1">
        <v>0</v>
      </c>
      <c r="AR1240" s="1">
        <v>0</v>
      </c>
      <c r="AS1240" s="1">
        <v>0</v>
      </c>
      <c r="AT1240" s="1">
        <v>0</v>
      </c>
      <c r="AU1240" s="1">
        <v>0</v>
      </c>
      <c r="AV1240" s="1">
        <v>0</v>
      </c>
      <c r="BF1240" s="1">
        <v>0</v>
      </c>
      <c r="BG1240" s="1">
        <v>0</v>
      </c>
      <c r="BH1240" s="1">
        <v>0</v>
      </c>
      <c r="BK1240" s="1">
        <v>0</v>
      </c>
      <c r="BM1240" s="1">
        <v>0</v>
      </c>
      <c r="BO1240" s="1">
        <v>0</v>
      </c>
    </row>
    <row r="1241" spans="1:69" x14ac:dyDescent="0.25">
      <c r="A1241" s="1">
        <v>30452779</v>
      </c>
      <c r="B1241" t="s">
        <v>2305</v>
      </c>
      <c r="C1241" t="s">
        <v>39</v>
      </c>
      <c r="D1241" t="s">
        <v>1616</v>
      </c>
      <c r="E1241" t="s">
        <v>175</v>
      </c>
      <c r="L1241" t="s">
        <v>52</v>
      </c>
      <c r="M1241" s="1">
        <v>0</v>
      </c>
      <c r="N1241" s="1">
        <v>0</v>
      </c>
      <c r="O1241" t="s">
        <v>1616</v>
      </c>
      <c r="P1241" t="s">
        <v>176</v>
      </c>
      <c r="Q1241" t="s">
        <v>177</v>
      </c>
      <c r="S1241" t="s">
        <v>256</v>
      </c>
      <c r="T1241" t="s">
        <v>175</v>
      </c>
      <c r="AC1241" t="s">
        <v>225</v>
      </c>
      <c r="AD1241" s="1">
        <v>0</v>
      </c>
      <c r="AE1241" s="1">
        <v>0</v>
      </c>
      <c r="AF1241" s="1">
        <v>0</v>
      </c>
      <c r="AG1241" s="1">
        <v>0</v>
      </c>
      <c r="AH1241" s="1">
        <v>0</v>
      </c>
      <c r="AI1241" s="1">
        <v>0</v>
      </c>
      <c r="AJ1241" s="1">
        <v>0</v>
      </c>
      <c r="AK1241" s="1">
        <v>0</v>
      </c>
      <c r="AL1241" t="s">
        <v>52</v>
      </c>
      <c r="AM1241" s="1">
        <v>0</v>
      </c>
      <c r="AN1241" s="1">
        <v>0</v>
      </c>
      <c r="AO1241" s="1">
        <v>0</v>
      </c>
      <c r="AP1241" s="1">
        <v>0</v>
      </c>
      <c r="AQ1241" s="1">
        <v>0</v>
      </c>
      <c r="AR1241" s="1">
        <v>0</v>
      </c>
      <c r="AS1241" s="1">
        <v>0</v>
      </c>
      <c r="AT1241" s="1">
        <v>0</v>
      </c>
      <c r="AU1241" s="1">
        <v>0</v>
      </c>
      <c r="AV1241" s="1">
        <v>0</v>
      </c>
      <c r="BF1241" t="s">
        <v>49</v>
      </c>
      <c r="BG1241" s="1">
        <v>0</v>
      </c>
      <c r="BH1241" t="s">
        <v>247</v>
      </c>
      <c r="BK1241" t="s">
        <v>191</v>
      </c>
      <c r="BL1241" t="s">
        <v>2306</v>
      </c>
      <c r="BM1241" t="s">
        <v>191</v>
      </c>
      <c r="BN1241" t="s">
        <v>2307</v>
      </c>
      <c r="BO1241" t="s">
        <v>191</v>
      </c>
      <c r="BP1241" t="s">
        <v>2308</v>
      </c>
    </row>
    <row r="1242" spans="1:69" x14ac:dyDescent="0.25">
      <c r="A1242" s="1">
        <v>30452793</v>
      </c>
      <c r="B1242" t="s">
        <v>142</v>
      </c>
      <c r="C1242" t="s">
        <v>39</v>
      </c>
      <c r="L1242" s="1">
        <v>0</v>
      </c>
      <c r="M1242" s="1">
        <v>0</v>
      </c>
      <c r="N1242" s="1">
        <v>0</v>
      </c>
      <c r="O1242" s="1">
        <v>0</v>
      </c>
      <c r="P1242" s="1">
        <v>0</v>
      </c>
      <c r="Q1242" s="1">
        <v>0</v>
      </c>
      <c r="S1242" s="1">
        <v>0</v>
      </c>
      <c r="T1242" s="1">
        <v>0</v>
      </c>
      <c r="AC1242" s="1">
        <v>0</v>
      </c>
      <c r="AD1242" s="1">
        <v>0</v>
      </c>
      <c r="AE1242" s="1">
        <v>0</v>
      </c>
      <c r="AF1242" s="1">
        <v>0</v>
      </c>
      <c r="AG1242" s="1">
        <v>0</v>
      </c>
      <c r="AH1242" s="1">
        <v>0</v>
      </c>
      <c r="AI1242" s="1">
        <v>0</v>
      </c>
      <c r="AJ1242" s="1">
        <v>0</v>
      </c>
      <c r="AK1242" s="1">
        <v>0</v>
      </c>
      <c r="AL1242" s="1">
        <v>0</v>
      </c>
      <c r="AM1242" s="1">
        <v>0</v>
      </c>
      <c r="AN1242" s="1">
        <v>0</v>
      </c>
      <c r="AO1242" s="1">
        <v>0</v>
      </c>
      <c r="AP1242" s="1">
        <v>0</v>
      </c>
      <c r="AQ1242" s="1">
        <v>0</v>
      </c>
      <c r="AR1242" s="1">
        <v>0</v>
      </c>
      <c r="AS1242" s="1">
        <v>0</v>
      </c>
      <c r="AT1242" s="1">
        <v>0</v>
      </c>
      <c r="AU1242" s="1">
        <v>0</v>
      </c>
      <c r="AV1242" s="1">
        <v>0</v>
      </c>
      <c r="BF1242" s="1">
        <v>0</v>
      </c>
      <c r="BG1242" s="1">
        <v>0</v>
      </c>
      <c r="BH1242" s="1">
        <v>0</v>
      </c>
      <c r="BK1242" s="1">
        <v>0</v>
      </c>
      <c r="BM1242" s="1">
        <v>0</v>
      </c>
      <c r="BO1242" s="1">
        <v>0</v>
      </c>
    </row>
    <row r="1243" spans="1:69" x14ac:dyDescent="0.25">
      <c r="A1243" s="1">
        <v>30452796</v>
      </c>
      <c r="B1243" t="s">
        <v>1453</v>
      </c>
      <c r="C1243" t="s">
        <v>39</v>
      </c>
      <c r="D1243" t="s">
        <v>942</v>
      </c>
      <c r="E1243" t="s">
        <v>200</v>
      </c>
      <c r="L1243" t="s">
        <v>52</v>
      </c>
      <c r="M1243" s="1">
        <v>0</v>
      </c>
      <c r="N1243" s="1">
        <v>0</v>
      </c>
      <c r="O1243" t="s">
        <v>942</v>
      </c>
      <c r="P1243" t="s">
        <v>216</v>
      </c>
      <c r="Q1243" t="s">
        <v>177</v>
      </c>
      <c r="S1243" s="1">
        <v>0</v>
      </c>
      <c r="T1243" t="s">
        <v>200</v>
      </c>
      <c r="X1243" t="s">
        <v>179</v>
      </c>
      <c r="Z1243" t="s">
        <v>244</v>
      </c>
      <c r="AC1243" t="s">
        <v>199</v>
      </c>
      <c r="AD1243" t="s">
        <v>175</v>
      </c>
      <c r="AE1243" t="s">
        <v>175</v>
      </c>
      <c r="AF1243" t="s">
        <v>175</v>
      </c>
      <c r="AG1243" t="s">
        <v>175</v>
      </c>
      <c r="AH1243" t="s">
        <v>200</v>
      </c>
      <c r="AI1243" t="s">
        <v>200</v>
      </c>
      <c r="AJ1243" t="s">
        <v>175</v>
      </c>
      <c r="AK1243" t="s">
        <v>175</v>
      </c>
      <c r="AL1243" t="s">
        <v>42</v>
      </c>
      <c r="AM1243" t="s">
        <v>183</v>
      </c>
      <c r="AN1243" t="s">
        <v>206</v>
      </c>
      <c r="AO1243" t="s">
        <v>182</v>
      </c>
      <c r="AP1243" t="s">
        <v>184</v>
      </c>
      <c r="AQ1243" t="s">
        <v>202</v>
      </c>
      <c r="AR1243" t="s">
        <v>203</v>
      </c>
      <c r="AS1243" t="s">
        <v>185</v>
      </c>
      <c r="AT1243" t="s">
        <v>205</v>
      </c>
      <c r="AU1243" t="s">
        <v>204</v>
      </c>
      <c r="AV1243" t="s">
        <v>201</v>
      </c>
      <c r="AX1243" t="s">
        <v>186</v>
      </c>
      <c r="BA1243" t="s">
        <v>188</v>
      </c>
      <c r="BC1243" t="s">
        <v>209</v>
      </c>
      <c r="BF1243" t="s">
        <v>292</v>
      </c>
      <c r="BG1243" t="s">
        <v>276</v>
      </c>
      <c r="BH1243" t="s">
        <v>211</v>
      </c>
      <c r="BK1243" t="s">
        <v>191</v>
      </c>
      <c r="BL1243" t="s">
        <v>1454</v>
      </c>
      <c r="BM1243" t="s">
        <v>191</v>
      </c>
      <c r="BO1243" t="s">
        <v>218</v>
      </c>
    </row>
    <row r="1244" spans="1:69" x14ac:dyDescent="0.25">
      <c r="A1244" s="1">
        <v>30452806</v>
      </c>
      <c r="B1244" t="s">
        <v>2989</v>
      </c>
      <c r="C1244" t="s">
        <v>39</v>
      </c>
      <c r="D1244" t="s">
        <v>2512</v>
      </c>
      <c r="E1244" t="s">
        <v>216</v>
      </c>
      <c r="L1244" t="s">
        <v>52</v>
      </c>
      <c r="M1244" s="1">
        <v>0</v>
      </c>
      <c r="N1244" s="1">
        <v>0</v>
      </c>
      <c r="O1244" t="s">
        <v>2512</v>
      </c>
      <c r="P1244" t="s">
        <v>216</v>
      </c>
      <c r="Q1244" t="s">
        <v>322</v>
      </c>
      <c r="S1244" s="1">
        <v>0</v>
      </c>
      <c r="T1244" t="s">
        <v>197</v>
      </c>
      <c r="AC1244" s="1">
        <v>0</v>
      </c>
      <c r="AD1244" s="1">
        <v>0</v>
      </c>
      <c r="AE1244" s="1">
        <v>0</v>
      </c>
      <c r="AF1244" s="1">
        <v>0</v>
      </c>
      <c r="AG1244" s="1">
        <v>0</v>
      </c>
      <c r="AH1244" s="1">
        <v>0</v>
      </c>
      <c r="AI1244" s="1">
        <v>0</v>
      </c>
      <c r="AJ1244" s="1">
        <v>0</v>
      </c>
      <c r="AK1244" s="1">
        <v>0</v>
      </c>
      <c r="AL1244" s="1">
        <v>0</v>
      </c>
      <c r="AM1244" s="1">
        <v>0</v>
      </c>
      <c r="AN1244" s="1">
        <v>0</v>
      </c>
      <c r="AO1244" s="1">
        <v>0</v>
      </c>
      <c r="AP1244" s="1">
        <v>0</v>
      </c>
      <c r="AQ1244" s="1">
        <v>0</v>
      </c>
      <c r="AR1244" s="1">
        <v>0</v>
      </c>
      <c r="AS1244" s="1">
        <v>0</v>
      </c>
      <c r="AT1244" s="1">
        <v>0</v>
      </c>
      <c r="AU1244" s="1">
        <v>0</v>
      </c>
      <c r="AV1244" s="1">
        <v>0</v>
      </c>
      <c r="BF1244" s="1">
        <v>0</v>
      </c>
      <c r="BG1244" s="1">
        <v>0</v>
      </c>
      <c r="BH1244" s="1">
        <v>0</v>
      </c>
      <c r="BK1244" s="1">
        <v>0</v>
      </c>
      <c r="BM1244" s="1">
        <v>0</v>
      </c>
      <c r="BO1244" s="1">
        <v>0</v>
      </c>
    </row>
    <row r="1245" spans="1:69" x14ac:dyDescent="0.25">
      <c r="A1245" s="1">
        <v>30452811</v>
      </c>
      <c r="B1245" t="s">
        <v>2309</v>
      </c>
      <c r="C1245" t="s">
        <v>39</v>
      </c>
      <c r="D1245" t="s">
        <v>1616</v>
      </c>
      <c r="E1245" t="s">
        <v>200</v>
      </c>
      <c r="L1245" t="s">
        <v>52</v>
      </c>
      <c r="M1245" s="1">
        <v>0</v>
      </c>
      <c r="N1245" s="1">
        <v>0</v>
      </c>
      <c r="O1245" t="s">
        <v>1616</v>
      </c>
      <c r="P1245" t="s">
        <v>216</v>
      </c>
      <c r="Q1245" t="s">
        <v>322</v>
      </c>
      <c r="S1245" s="1">
        <v>0</v>
      </c>
      <c r="T1245" t="s">
        <v>200</v>
      </c>
      <c r="AA1245" t="s">
        <v>273</v>
      </c>
      <c r="AB1245" t="s">
        <v>737</v>
      </c>
      <c r="AC1245" t="s">
        <v>180</v>
      </c>
      <c r="AD1245" t="s">
        <v>200</v>
      </c>
      <c r="AE1245" t="s">
        <v>200</v>
      </c>
      <c r="AF1245" t="s">
        <v>200</v>
      </c>
      <c r="AG1245" t="s">
        <v>200</v>
      </c>
      <c r="AH1245" t="s">
        <v>200</v>
      </c>
      <c r="AI1245" t="s">
        <v>200</v>
      </c>
      <c r="AJ1245" t="s">
        <v>200</v>
      </c>
      <c r="AK1245" t="s">
        <v>200</v>
      </c>
      <c r="AL1245" t="s">
        <v>42</v>
      </c>
      <c r="AM1245" t="s">
        <v>184</v>
      </c>
      <c r="AN1245" t="s">
        <v>206</v>
      </c>
      <c r="AO1245" t="s">
        <v>185</v>
      </c>
      <c r="AP1245" t="s">
        <v>183</v>
      </c>
      <c r="AQ1245" t="s">
        <v>203</v>
      </c>
      <c r="AR1245" t="s">
        <v>202</v>
      </c>
      <c r="AS1245" t="s">
        <v>204</v>
      </c>
      <c r="AT1245" t="s">
        <v>205</v>
      </c>
      <c r="AU1245" t="s">
        <v>182</v>
      </c>
      <c r="AV1245" t="s">
        <v>201</v>
      </c>
      <c r="AX1245" t="s">
        <v>186</v>
      </c>
      <c r="AZ1245" t="s">
        <v>207</v>
      </c>
      <c r="BA1245" t="s">
        <v>188</v>
      </c>
      <c r="BF1245" t="s">
        <v>210</v>
      </c>
      <c r="BG1245" s="1">
        <v>0</v>
      </c>
      <c r="BH1245" t="s">
        <v>247</v>
      </c>
      <c r="BK1245" t="s">
        <v>191</v>
      </c>
      <c r="BM1245" t="s">
        <v>191</v>
      </c>
      <c r="BO1245" t="s">
        <v>191</v>
      </c>
    </row>
    <row r="1246" spans="1:69" x14ac:dyDescent="0.25">
      <c r="A1246" s="1">
        <v>30452814</v>
      </c>
      <c r="B1246" t="s">
        <v>2990</v>
      </c>
      <c r="C1246" t="s">
        <v>39</v>
      </c>
      <c r="D1246" t="s">
        <v>2512</v>
      </c>
      <c r="E1246" t="s">
        <v>200</v>
      </c>
      <c r="L1246" t="s">
        <v>52</v>
      </c>
      <c r="M1246" s="1">
        <v>0</v>
      </c>
      <c r="N1246" s="1">
        <v>0</v>
      </c>
      <c r="O1246" t="s">
        <v>2512</v>
      </c>
      <c r="P1246" t="s">
        <v>176</v>
      </c>
      <c r="Q1246" t="s">
        <v>238</v>
      </c>
      <c r="S1246" t="s">
        <v>178</v>
      </c>
      <c r="T1246" t="s">
        <v>200</v>
      </c>
      <c r="Y1246" t="s">
        <v>224</v>
      </c>
      <c r="AC1246" t="s">
        <v>199</v>
      </c>
      <c r="AD1246" t="s">
        <v>200</v>
      </c>
      <c r="AE1246" t="s">
        <v>175</v>
      </c>
      <c r="AF1246" t="s">
        <v>175</v>
      </c>
      <c r="AG1246" t="s">
        <v>200</v>
      </c>
      <c r="AH1246" t="s">
        <v>200</v>
      </c>
      <c r="AI1246" t="s">
        <v>200</v>
      </c>
      <c r="AJ1246" t="s">
        <v>200</v>
      </c>
      <c r="AK1246" t="s">
        <v>175</v>
      </c>
      <c r="AL1246" t="s">
        <v>52</v>
      </c>
      <c r="AM1246" t="s">
        <v>202</v>
      </c>
      <c r="AN1246" t="s">
        <v>206</v>
      </c>
      <c r="AO1246" t="s">
        <v>185</v>
      </c>
      <c r="AP1246" t="s">
        <v>184</v>
      </c>
      <c r="AQ1246" t="s">
        <v>182</v>
      </c>
      <c r="AR1246" t="s">
        <v>183</v>
      </c>
      <c r="AS1246" t="s">
        <v>203</v>
      </c>
      <c r="AT1246" t="s">
        <v>205</v>
      </c>
      <c r="AU1246" t="s">
        <v>204</v>
      </c>
      <c r="AV1246" t="s">
        <v>201</v>
      </c>
      <c r="AX1246" t="s">
        <v>186</v>
      </c>
      <c r="BA1246" t="s">
        <v>188</v>
      </c>
      <c r="BB1246" t="s">
        <v>208</v>
      </c>
      <c r="BF1246" t="s">
        <v>232</v>
      </c>
      <c r="BG1246" t="s">
        <v>276</v>
      </c>
      <c r="BH1246" t="s">
        <v>211</v>
      </c>
      <c r="BK1246" t="s">
        <v>191</v>
      </c>
      <c r="BL1246" t="s">
        <v>2991</v>
      </c>
      <c r="BM1246" t="s">
        <v>191</v>
      </c>
      <c r="BN1246" t="s">
        <v>2992</v>
      </c>
      <c r="BO1246" t="s">
        <v>191</v>
      </c>
      <c r="BP1246" t="s">
        <v>2993</v>
      </c>
      <c r="BQ1246" t="s">
        <v>2994</v>
      </c>
    </row>
    <row r="1247" spans="1:69" x14ac:dyDescent="0.25">
      <c r="A1247" s="1">
        <v>30452825</v>
      </c>
      <c r="B1247" t="s">
        <v>3580</v>
      </c>
      <c r="C1247" t="s">
        <v>39</v>
      </c>
      <c r="D1247" t="s">
        <v>3138</v>
      </c>
      <c r="E1247" t="s">
        <v>200</v>
      </c>
      <c r="L1247" t="s">
        <v>52</v>
      </c>
      <c r="M1247" s="1">
        <v>0</v>
      </c>
      <c r="N1247" s="1">
        <v>0</v>
      </c>
      <c r="O1247" t="s">
        <v>3139</v>
      </c>
      <c r="P1247" t="s">
        <v>216</v>
      </c>
      <c r="Q1247" t="s">
        <v>258</v>
      </c>
      <c r="S1247" s="1">
        <v>0</v>
      </c>
      <c r="T1247" t="s">
        <v>200</v>
      </c>
      <c r="W1247" t="s">
        <v>262</v>
      </c>
      <c r="AC1247" t="s">
        <v>199</v>
      </c>
      <c r="AD1247" t="s">
        <v>175</v>
      </c>
      <c r="AE1247" t="s">
        <v>181</v>
      </c>
      <c r="AF1247" t="s">
        <v>181</v>
      </c>
      <c r="AG1247" t="s">
        <v>175</v>
      </c>
      <c r="AH1247" t="s">
        <v>181</v>
      </c>
      <c r="AI1247" t="s">
        <v>175</v>
      </c>
      <c r="AJ1247" t="s">
        <v>175</v>
      </c>
      <c r="AK1247" t="s">
        <v>175</v>
      </c>
      <c r="AL1247" t="s">
        <v>52</v>
      </c>
      <c r="AM1247" t="s">
        <v>203</v>
      </c>
      <c r="AN1247" t="s">
        <v>182</v>
      </c>
      <c r="AO1247" t="s">
        <v>201</v>
      </c>
      <c r="AP1247" t="s">
        <v>204</v>
      </c>
      <c r="AQ1247" t="s">
        <v>205</v>
      </c>
      <c r="AR1247" t="s">
        <v>183</v>
      </c>
      <c r="AS1247" t="s">
        <v>185</v>
      </c>
      <c r="AT1247" t="s">
        <v>184</v>
      </c>
      <c r="AU1247" t="s">
        <v>206</v>
      </c>
      <c r="AV1247" t="s">
        <v>202</v>
      </c>
      <c r="BA1247" t="s">
        <v>188</v>
      </c>
      <c r="BF1247" t="s">
        <v>189</v>
      </c>
      <c r="BG1247" s="1">
        <v>0</v>
      </c>
      <c r="BH1247" t="s">
        <v>211</v>
      </c>
      <c r="BK1247" t="s">
        <v>191</v>
      </c>
      <c r="BM1247" t="s">
        <v>191</v>
      </c>
      <c r="BN1247" t="s">
        <v>3581</v>
      </c>
      <c r="BO1247" t="s">
        <v>218</v>
      </c>
    </row>
    <row r="1248" spans="1:69" x14ac:dyDescent="0.25">
      <c r="A1248" s="1">
        <v>30452835</v>
      </c>
      <c r="B1248" t="s">
        <v>143</v>
      </c>
      <c r="C1248" t="s">
        <v>39</v>
      </c>
      <c r="L1248" s="1">
        <v>0</v>
      </c>
      <c r="M1248" s="1">
        <v>0</v>
      </c>
      <c r="N1248" s="1">
        <v>0</v>
      </c>
      <c r="O1248" s="1">
        <v>0</v>
      </c>
      <c r="P1248" s="1">
        <v>0</v>
      </c>
      <c r="Q1248" s="1">
        <v>0</v>
      </c>
      <c r="S1248" s="1">
        <v>0</v>
      </c>
      <c r="T1248" s="1">
        <v>0</v>
      </c>
      <c r="AC1248" s="1">
        <v>0</v>
      </c>
      <c r="AD1248" s="1">
        <v>0</v>
      </c>
      <c r="AE1248" s="1">
        <v>0</v>
      </c>
      <c r="AF1248" s="1">
        <v>0</v>
      </c>
      <c r="AG1248" s="1">
        <v>0</v>
      </c>
      <c r="AH1248" s="1">
        <v>0</v>
      </c>
      <c r="AI1248" s="1">
        <v>0</v>
      </c>
      <c r="AJ1248" s="1">
        <v>0</v>
      </c>
      <c r="AK1248" s="1">
        <v>0</v>
      </c>
      <c r="AL1248" s="1">
        <v>0</v>
      </c>
      <c r="AM1248" s="1">
        <v>0</v>
      </c>
      <c r="AN1248" s="1">
        <v>0</v>
      </c>
      <c r="AO1248" s="1">
        <v>0</v>
      </c>
      <c r="AP1248" s="1">
        <v>0</v>
      </c>
      <c r="AQ1248" s="1">
        <v>0</v>
      </c>
      <c r="AR1248" s="1">
        <v>0</v>
      </c>
      <c r="AS1248" s="1">
        <v>0</v>
      </c>
      <c r="AT1248" s="1">
        <v>0</v>
      </c>
      <c r="AU1248" s="1">
        <v>0</v>
      </c>
      <c r="AV1248" s="1">
        <v>0</v>
      </c>
      <c r="BF1248" s="1">
        <v>0</v>
      </c>
      <c r="BG1248" s="1">
        <v>0</v>
      </c>
      <c r="BH1248" s="1">
        <v>0</v>
      </c>
      <c r="BK1248" s="1">
        <v>0</v>
      </c>
      <c r="BM1248" s="1">
        <v>0</v>
      </c>
      <c r="BO1248" s="1">
        <v>0</v>
      </c>
    </row>
    <row r="1249" spans="1:69" x14ac:dyDescent="0.25">
      <c r="A1249" s="1">
        <v>30452860</v>
      </c>
      <c r="B1249" t="s">
        <v>2995</v>
      </c>
      <c r="C1249" t="s">
        <v>39</v>
      </c>
      <c r="D1249" t="s">
        <v>2512</v>
      </c>
      <c r="E1249" t="s">
        <v>175</v>
      </c>
      <c r="L1249" t="s">
        <v>52</v>
      </c>
      <c r="M1249" s="1">
        <v>0</v>
      </c>
      <c r="N1249" s="1">
        <v>0</v>
      </c>
      <c r="O1249" t="s">
        <v>2512</v>
      </c>
      <c r="P1249" t="s">
        <v>216</v>
      </c>
      <c r="Q1249" t="s">
        <v>177</v>
      </c>
      <c r="S1249" s="1">
        <v>0</v>
      </c>
      <c r="T1249" t="s">
        <v>175</v>
      </c>
      <c r="Y1249" t="s">
        <v>224</v>
      </c>
      <c r="AC1249" t="s">
        <v>180</v>
      </c>
      <c r="AD1249" t="s">
        <v>175</v>
      </c>
      <c r="AE1249" t="s">
        <v>175</v>
      </c>
      <c r="AF1249" t="s">
        <v>175</v>
      </c>
      <c r="AG1249" t="s">
        <v>175</v>
      </c>
      <c r="AH1249" t="s">
        <v>175</v>
      </c>
      <c r="AI1249" t="s">
        <v>175</v>
      </c>
      <c r="AJ1249" t="s">
        <v>175</v>
      </c>
      <c r="AK1249" t="s">
        <v>175</v>
      </c>
      <c r="AL1249" t="s">
        <v>42</v>
      </c>
      <c r="AM1249" t="s">
        <v>183</v>
      </c>
      <c r="AN1249" t="s">
        <v>182</v>
      </c>
      <c r="AO1249" t="s">
        <v>185</v>
      </c>
      <c r="AP1249" t="s">
        <v>184</v>
      </c>
      <c r="AQ1249" t="s">
        <v>202</v>
      </c>
      <c r="AR1249" t="s">
        <v>203</v>
      </c>
      <c r="AS1249" t="s">
        <v>204</v>
      </c>
      <c r="AT1249" t="s">
        <v>201</v>
      </c>
      <c r="AU1249" t="s">
        <v>206</v>
      </c>
      <c r="AV1249" t="s">
        <v>205</v>
      </c>
      <c r="AX1249" t="s">
        <v>186</v>
      </c>
      <c r="AZ1249" t="s">
        <v>207</v>
      </c>
      <c r="BC1249" t="s">
        <v>209</v>
      </c>
      <c r="BF1249" t="s">
        <v>210</v>
      </c>
      <c r="BG1249" s="1">
        <v>0</v>
      </c>
      <c r="BH1249" t="s">
        <v>211</v>
      </c>
      <c r="BK1249" t="s">
        <v>191</v>
      </c>
      <c r="BL1249" t="s">
        <v>2996</v>
      </c>
      <c r="BM1249" t="s">
        <v>191</v>
      </c>
      <c r="BN1249" t="s">
        <v>367</v>
      </c>
      <c r="BO1249" t="s">
        <v>218</v>
      </c>
      <c r="BP1249" t="s">
        <v>2997</v>
      </c>
    </row>
    <row r="1250" spans="1:69" x14ac:dyDescent="0.25">
      <c r="A1250" s="1">
        <v>30452869</v>
      </c>
      <c r="B1250" t="s">
        <v>2998</v>
      </c>
      <c r="C1250" t="s">
        <v>39</v>
      </c>
      <c r="D1250" t="s">
        <v>2512</v>
      </c>
      <c r="E1250" t="s">
        <v>195</v>
      </c>
      <c r="L1250" t="s">
        <v>52</v>
      </c>
      <c r="M1250" s="1">
        <v>0</v>
      </c>
      <c r="N1250" s="1">
        <v>0</v>
      </c>
      <c r="O1250" t="s">
        <v>2512</v>
      </c>
      <c r="P1250" t="s">
        <v>176</v>
      </c>
      <c r="Q1250" t="s">
        <v>273</v>
      </c>
      <c r="S1250" t="s">
        <v>222</v>
      </c>
      <c r="T1250" t="s">
        <v>197</v>
      </c>
      <c r="V1250" t="s">
        <v>397</v>
      </c>
      <c r="Z1250" t="s">
        <v>244</v>
      </c>
      <c r="AC1250" t="s">
        <v>199</v>
      </c>
      <c r="AD1250" t="s">
        <v>181</v>
      </c>
      <c r="AE1250" t="s">
        <v>175</v>
      </c>
      <c r="AF1250" t="s">
        <v>181</v>
      </c>
      <c r="AG1250" t="s">
        <v>181</v>
      </c>
      <c r="AH1250" t="s">
        <v>175</v>
      </c>
      <c r="AI1250" t="s">
        <v>175</v>
      </c>
      <c r="AJ1250" t="s">
        <v>181</v>
      </c>
      <c r="AK1250" t="s">
        <v>181</v>
      </c>
      <c r="AL1250" t="s">
        <v>49</v>
      </c>
      <c r="AM1250" t="s">
        <v>182</v>
      </c>
      <c r="AN1250" t="s">
        <v>201</v>
      </c>
      <c r="AO1250" t="s">
        <v>184</v>
      </c>
      <c r="AP1250" t="s">
        <v>185</v>
      </c>
      <c r="AQ1250" t="s">
        <v>204</v>
      </c>
      <c r="AR1250" t="s">
        <v>202</v>
      </c>
      <c r="AS1250" t="s">
        <v>203</v>
      </c>
      <c r="AT1250" t="s">
        <v>183</v>
      </c>
      <c r="AU1250" t="s">
        <v>206</v>
      </c>
      <c r="AV1250" t="s">
        <v>205</v>
      </c>
      <c r="AX1250" t="s">
        <v>186</v>
      </c>
      <c r="AY1250" t="s">
        <v>187</v>
      </c>
      <c r="AZ1250" t="s">
        <v>207</v>
      </c>
      <c r="BA1250" t="s">
        <v>188</v>
      </c>
      <c r="BB1250" t="s">
        <v>208</v>
      </c>
      <c r="BF1250" t="s">
        <v>49</v>
      </c>
      <c r="BG1250" s="1">
        <v>0</v>
      </c>
      <c r="BH1250" t="s">
        <v>211</v>
      </c>
      <c r="BK1250" t="s">
        <v>191</v>
      </c>
      <c r="BM1250" t="s">
        <v>191</v>
      </c>
      <c r="BO1250" t="s">
        <v>218</v>
      </c>
    </row>
    <row r="1251" spans="1:69" x14ac:dyDescent="0.25">
      <c r="A1251" s="1">
        <v>30452873</v>
      </c>
      <c r="B1251" t="s">
        <v>1455</v>
      </c>
      <c r="C1251" t="s">
        <v>39</v>
      </c>
      <c r="D1251" t="s">
        <v>942</v>
      </c>
      <c r="E1251" t="s">
        <v>195</v>
      </c>
      <c r="L1251" t="s">
        <v>52</v>
      </c>
      <c r="M1251" s="1">
        <v>0</v>
      </c>
      <c r="N1251" s="1">
        <v>0</v>
      </c>
      <c r="O1251" t="s">
        <v>942</v>
      </c>
      <c r="P1251" t="s">
        <v>176</v>
      </c>
      <c r="Q1251" t="s">
        <v>177</v>
      </c>
      <c r="S1251" t="s">
        <v>178</v>
      </c>
      <c r="T1251" t="s">
        <v>197</v>
      </c>
      <c r="U1251" t="s">
        <v>1456</v>
      </c>
      <c r="X1251" t="s">
        <v>179</v>
      </c>
      <c r="Z1251" t="s">
        <v>244</v>
      </c>
      <c r="AC1251" t="s">
        <v>180</v>
      </c>
      <c r="AD1251" t="s">
        <v>181</v>
      </c>
      <c r="AE1251" t="s">
        <v>230</v>
      </c>
      <c r="AF1251" t="s">
        <v>175</v>
      </c>
      <c r="AG1251" t="s">
        <v>181</v>
      </c>
      <c r="AH1251" t="s">
        <v>175</v>
      </c>
      <c r="AI1251" t="s">
        <v>175</v>
      </c>
      <c r="AJ1251" t="s">
        <v>181</v>
      </c>
      <c r="AK1251" t="s">
        <v>230</v>
      </c>
      <c r="AL1251" t="s">
        <v>42</v>
      </c>
      <c r="AM1251" t="s">
        <v>182</v>
      </c>
      <c r="AN1251" t="s">
        <v>201</v>
      </c>
      <c r="AO1251" t="s">
        <v>185</v>
      </c>
      <c r="AP1251" t="s">
        <v>184</v>
      </c>
      <c r="AQ1251" t="s">
        <v>202</v>
      </c>
      <c r="AR1251" t="s">
        <v>203</v>
      </c>
      <c r="AS1251" t="s">
        <v>204</v>
      </c>
      <c r="AT1251" t="s">
        <v>205</v>
      </c>
      <c r="AU1251" t="s">
        <v>206</v>
      </c>
      <c r="AV1251" t="s">
        <v>183</v>
      </c>
      <c r="AX1251" t="s">
        <v>186</v>
      </c>
      <c r="AZ1251" t="s">
        <v>207</v>
      </c>
      <c r="BF1251" t="s">
        <v>189</v>
      </c>
      <c r="BG1251" s="1">
        <v>0</v>
      </c>
      <c r="BH1251" t="s">
        <v>247</v>
      </c>
      <c r="BK1251" t="s">
        <v>191</v>
      </c>
      <c r="BL1251" t="s">
        <v>1457</v>
      </c>
      <c r="BM1251" t="s">
        <v>191</v>
      </c>
      <c r="BN1251" t="s">
        <v>1458</v>
      </c>
      <c r="BO1251" t="s">
        <v>191</v>
      </c>
      <c r="BP1251" t="s">
        <v>1459</v>
      </c>
    </row>
    <row r="1252" spans="1:69" x14ac:dyDescent="0.25">
      <c r="A1252" s="1">
        <v>30452878</v>
      </c>
      <c r="B1252" t="s">
        <v>4448</v>
      </c>
      <c r="C1252" t="s">
        <v>39</v>
      </c>
      <c r="D1252" t="s">
        <v>3727</v>
      </c>
      <c r="E1252" t="s">
        <v>200</v>
      </c>
      <c r="L1252" t="s">
        <v>52</v>
      </c>
      <c r="M1252" s="1">
        <v>0</v>
      </c>
      <c r="N1252" s="1">
        <v>0</v>
      </c>
      <c r="O1252" t="s">
        <v>3728</v>
      </c>
      <c r="P1252" t="s">
        <v>216</v>
      </c>
      <c r="Q1252" t="s">
        <v>322</v>
      </c>
      <c r="S1252" s="1">
        <v>0</v>
      </c>
      <c r="T1252" t="s">
        <v>200</v>
      </c>
      <c r="Y1252" t="s">
        <v>224</v>
      </c>
      <c r="AC1252" t="s">
        <v>180</v>
      </c>
      <c r="AD1252" t="s">
        <v>175</v>
      </c>
      <c r="AE1252" t="s">
        <v>175</v>
      </c>
      <c r="AF1252" t="s">
        <v>175</v>
      </c>
      <c r="AG1252" t="s">
        <v>175</v>
      </c>
      <c r="AH1252" t="s">
        <v>175</v>
      </c>
      <c r="AI1252" t="s">
        <v>175</v>
      </c>
      <c r="AJ1252" t="s">
        <v>175</v>
      </c>
      <c r="AK1252" t="s">
        <v>175</v>
      </c>
      <c r="AL1252" t="s">
        <v>42</v>
      </c>
      <c r="AM1252" s="1">
        <v>0</v>
      </c>
      <c r="AN1252" s="1">
        <v>0</v>
      </c>
      <c r="AO1252" s="1">
        <v>0</v>
      </c>
      <c r="AP1252" s="1">
        <v>0</v>
      </c>
      <c r="AQ1252" s="1">
        <v>0</v>
      </c>
      <c r="AR1252" s="1">
        <v>0</v>
      </c>
      <c r="AS1252" s="1">
        <v>0</v>
      </c>
      <c r="AT1252" s="1">
        <v>0</v>
      </c>
      <c r="AU1252" s="1">
        <v>0</v>
      </c>
      <c r="AV1252" s="1">
        <v>0</v>
      </c>
      <c r="AX1252" t="s">
        <v>186</v>
      </c>
      <c r="AY1252" t="s">
        <v>187</v>
      </c>
      <c r="AZ1252" t="s">
        <v>207</v>
      </c>
      <c r="BA1252" t="s">
        <v>188</v>
      </c>
      <c r="BB1252" t="s">
        <v>208</v>
      </c>
      <c r="BC1252" t="s">
        <v>209</v>
      </c>
      <c r="BF1252" t="s">
        <v>189</v>
      </c>
      <c r="BG1252" s="1">
        <v>0</v>
      </c>
      <c r="BH1252" t="s">
        <v>211</v>
      </c>
      <c r="BK1252" t="s">
        <v>191</v>
      </c>
      <c r="BM1252" t="s">
        <v>218</v>
      </c>
      <c r="BO1252" t="s">
        <v>218</v>
      </c>
    </row>
    <row r="1253" spans="1:69" x14ac:dyDescent="0.25">
      <c r="A1253" s="1">
        <v>30452885</v>
      </c>
      <c r="B1253" t="s">
        <v>2999</v>
      </c>
      <c r="C1253" t="s">
        <v>39</v>
      </c>
      <c r="D1253" t="s">
        <v>2512</v>
      </c>
      <c r="E1253" t="s">
        <v>200</v>
      </c>
      <c r="L1253" t="s">
        <v>52</v>
      </c>
      <c r="M1253" s="1">
        <v>0</v>
      </c>
      <c r="N1253" s="1">
        <v>0</v>
      </c>
      <c r="O1253" t="s">
        <v>2512</v>
      </c>
      <c r="P1253" t="s">
        <v>216</v>
      </c>
      <c r="Q1253" t="s">
        <v>258</v>
      </c>
      <c r="S1253" s="1">
        <v>0</v>
      </c>
      <c r="T1253" t="s">
        <v>200</v>
      </c>
      <c r="Y1253" t="s">
        <v>224</v>
      </c>
      <c r="AC1253" t="s">
        <v>199</v>
      </c>
      <c r="AD1253" t="s">
        <v>175</v>
      </c>
      <c r="AE1253" t="s">
        <v>175</v>
      </c>
      <c r="AF1253" t="s">
        <v>175</v>
      </c>
      <c r="AG1253" t="s">
        <v>175</v>
      </c>
      <c r="AH1253" t="s">
        <v>175</v>
      </c>
      <c r="AI1253" t="s">
        <v>175</v>
      </c>
      <c r="AJ1253" t="s">
        <v>175</v>
      </c>
      <c r="AK1253" t="s">
        <v>175</v>
      </c>
      <c r="AL1253" t="s">
        <v>52</v>
      </c>
      <c r="AM1253" s="1">
        <v>0</v>
      </c>
      <c r="AN1253" s="1">
        <v>0</v>
      </c>
      <c r="AO1253" s="1">
        <v>0</v>
      </c>
      <c r="AP1253" s="1">
        <v>0</v>
      </c>
      <c r="AQ1253" t="s">
        <v>185</v>
      </c>
      <c r="AR1253" s="1">
        <v>0</v>
      </c>
      <c r="AS1253" s="1">
        <v>0</v>
      </c>
      <c r="AT1253" s="1">
        <v>0</v>
      </c>
      <c r="AU1253" s="1">
        <v>0</v>
      </c>
      <c r="AV1253" s="1">
        <v>0</v>
      </c>
      <c r="AX1253" t="s">
        <v>186</v>
      </c>
      <c r="AY1253" t="s">
        <v>187</v>
      </c>
      <c r="AZ1253" t="s">
        <v>207</v>
      </c>
      <c r="BA1253" t="s">
        <v>188</v>
      </c>
      <c r="BB1253" t="s">
        <v>208</v>
      </c>
      <c r="BC1253" t="s">
        <v>209</v>
      </c>
      <c r="BF1253" t="s">
        <v>210</v>
      </c>
      <c r="BG1253" s="1">
        <v>0</v>
      </c>
      <c r="BH1253" t="s">
        <v>464</v>
      </c>
      <c r="BK1253" t="s">
        <v>218</v>
      </c>
      <c r="BM1253" t="s">
        <v>191</v>
      </c>
      <c r="BO1253" t="s">
        <v>218</v>
      </c>
    </row>
    <row r="1254" spans="1:69" x14ac:dyDescent="0.25">
      <c r="A1254" s="1">
        <v>30452889</v>
      </c>
      <c r="B1254" t="s">
        <v>2310</v>
      </c>
      <c r="C1254" t="s">
        <v>39</v>
      </c>
      <c r="D1254" t="s">
        <v>1616</v>
      </c>
      <c r="E1254" t="s">
        <v>216</v>
      </c>
      <c r="L1254" t="s">
        <v>52</v>
      </c>
      <c r="M1254" s="1">
        <v>0</v>
      </c>
      <c r="N1254" s="1">
        <v>0</v>
      </c>
      <c r="O1254" t="s">
        <v>1616</v>
      </c>
      <c r="P1254" t="s">
        <v>216</v>
      </c>
      <c r="Q1254" t="s">
        <v>238</v>
      </c>
      <c r="S1254" s="1">
        <v>0</v>
      </c>
      <c r="T1254" t="s">
        <v>197</v>
      </c>
      <c r="U1254" t="s">
        <v>2311</v>
      </c>
      <c r="W1254" t="s">
        <v>262</v>
      </c>
      <c r="AC1254" t="s">
        <v>199</v>
      </c>
      <c r="AD1254" t="s">
        <v>230</v>
      </c>
      <c r="AE1254" t="s">
        <v>230</v>
      </c>
      <c r="AF1254" t="s">
        <v>181</v>
      </c>
      <c r="AG1254" t="s">
        <v>230</v>
      </c>
      <c r="AH1254" t="s">
        <v>175</v>
      </c>
      <c r="AI1254" t="s">
        <v>181</v>
      </c>
      <c r="AJ1254" t="s">
        <v>175</v>
      </c>
      <c r="AK1254" t="s">
        <v>230</v>
      </c>
      <c r="AL1254" t="s">
        <v>42</v>
      </c>
      <c r="AM1254" s="1">
        <v>0</v>
      </c>
      <c r="AN1254" s="1">
        <v>0</v>
      </c>
      <c r="AO1254" s="1">
        <v>0</v>
      </c>
      <c r="AP1254" s="1">
        <v>0</v>
      </c>
      <c r="AQ1254" s="1">
        <v>0</v>
      </c>
      <c r="AR1254" s="1">
        <v>0</v>
      </c>
      <c r="AS1254" s="1">
        <v>0</v>
      </c>
      <c r="AT1254" s="1">
        <v>0</v>
      </c>
      <c r="AU1254" s="1">
        <v>0</v>
      </c>
      <c r="AV1254" s="1">
        <v>0</v>
      </c>
      <c r="BF1254" s="1">
        <v>0</v>
      </c>
      <c r="BG1254" s="1">
        <v>0</v>
      </c>
      <c r="BH1254" s="1">
        <v>0</v>
      </c>
      <c r="BK1254" s="1">
        <v>0</v>
      </c>
      <c r="BM1254" s="1">
        <v>0</v>
      </c>
      <c r="BO1254" s="1">
        <v>0</v>
      </c>
    </row>
    <row r="1255" spans="1:69" x14ac:dyDescent="0.25">
      <c r="A1255" s="1">
        <v>30452895</v>
      </c>
      <c r="B1255" t="s">
        <v>3582</v>
      </c>
      <c r="C1255" t="s">
        <v>39</v>
      </c>
      <c r="D1255" t="s">
        <v>3138</v>
      </c>
      <c r="E1255" t="s">
        <v>175</v>
      </c>
      <c r="L1255" t="s">
        <v>52</v>
      </c>
      <c r="M1255" s="1">
        <v>0</v>
      </c>
      <c r="N1255" s="1">
        <v>0</v>
      </c>
      <c r="O1255" t="s">
        <v>3139</v>
      </c>
      <c r="P1255" t="s">
        <v>176</v>
      </c>
      <c r="Q1255" t="s">
        <v>177</v>
      </c>
      <c r="S1255" t="s">
        <v>178</v>
      </c>
      <c r="T1255" t="s">
        <v>175</v>
      </c>
      <c r="AC1255" t="s">
        <v>180</v>
      </c>
      <c r="AD1255" t="s">
        <v>175</v>
      </c>
      <c r="AE1255" t="s">
        <v>175</v>
      </c>
      <c r="AF1255" t="s">
        <v>175</v>
      </c>
      <c r="AG1255" t="s">
        <v>175</v>
      </c>
      <c r="AH1255" t="s">
        <v>175</v>
      </c>
      <c r="AI1255" t="s">
        <v>175</v>
      </c>
      <c r="AJ1255" t="s">
        <v>175</v>
      </c>
      <c r="AK1255" t="s">
        <v>175</v>
      </c>
      <c r="AL1255" t="s">
        <v>42</v>
      </c>
      <c r="AM1255" t="s">
        <v>184</v>
      </c>
      <c r="AN1255" t="s">
        <v>204</v>
      </c>
      <c r="AO1255" t="s">
        <v>182</v>
      </c>
      <c r="AP1255" t="s">
        <v>185</v>
      </c>
      <c r="AQ1255" t="s">
        <v>201</v>
      </c>
      <c r="AR1255" t="s">
        <v>206</v>
      </c>
      <c r="AS1255" t="s">
        <v>202</v>
      </c>
      <c r="AT1255" t="s">
        <v>183</v>
      </c>
      <c r="AU1255" t="s">
        <v>205</v>
      </c>
      <c r="AV1255" t="s">
        <v>203</v>
      </c>
      <c r="AX1255" t="s">
        <v>186</v>
      </c>
      <c r="AY1255" t="s">
        <v>187</v>
      </c>
      <c r="BA1255" t="s">
        <v>188</v>
      </c>
      <c r="BF1255" t="s">
        <v>49</v>
      </c>
      <c r="BG1255" s="1">
        <v>0</v>
      </c>
      <c r="BH1255" t="s">
        <v>211</v>
      </c>
      <c r="BK1255" t="s">
        <v>191</v>
      </c>
      <c r="BM1255" t="s">
        <v>218</v>
      </c>
      <c r="BO1255" t="s">
        <v>218</v>
      </c>
    </row>
    <row r="1256" spans="1:69" x14ac:dyDescent="0.25">
      <c r="A1256" s="1">
        <v>30452903</v>
      </c>
      <c r="B1256" t="s">
        <v>769</v>
      </c>
      <c r="C1256" t="s">
        <v>39</v>
      </c>
      <c r="D1256" t="s">
        <v>174</v>
      </c>
      <c r="E1256" t="s">
        <v>216</v>
      </c>
      <c r="L1256" t="s">
        <v>52</v>
      </c>
      <c r="M1256" s="1">
        <v>0</v>
      </c>
      <c r="N1256" s="1">
        <v>0</v>
      </c>
      <c r="O1256" t="s">
        <v>174</v>
      </c>
      <c r="P1256" t="s">
        <v>216</v>
      </c>
      <c r="Q1256" t="s">
        <v>177</v>
      </c>
      <c r="S1256" s="1">
        <v>0</v>
      </c>
      <c r="T1256" t="s">
        <v>197</v>
      </c>
      <c r="U1256" t="s">
        <v>770</v>
      </c>
      <c r="V1256" t="s">
        <v>397</v>
      </c>
      <c r="Z1256" t="s">
        <v>244</v>
      </c>
      <c r="AC1256" t="s">
        <v>199</v>
      </c>
      <c r="AD1256" t="s">
        <v>181</v>
      </c>
      <c r="AE1256" t="s">
        <v>181</v>
      </c>
      <c r="AF1256" t="s">
        <v>230</v>
      </c>
      <c r="AG1256" t="s">
        <v>181</v>
      </c>
      <c r="AH1256" t="s">
        <v>175</v>
      </c>
      <c r="AI1256" t="s">
        <v>181</v>
      </c>
      <c r="AJ1256" t="s">
        <v>181</v>
      </c>
      <c r="AK1256" t="s">
        <v>181</v>
      </c>
      <c r="AL1256" t="s">
        <v>42</v>
      </c>
      <c r="AM1256" t="s">
        <v>182</v>
      </c>
      <c r="AN1256" t="s">
        <v>206</v>
      </c>
      <c r="AO1256" t="s">
        <v>185</v>
      </c>
      <c r="AP1256" t="s">
        <v>202</v>
      </c>
      <c r="AQ1256" t="s">
        <v>204</v>
      </c>
      <c r="AR1256" t="s">
        <v>203</v>
      </c>
      <c r="AS1256" t="s">
        <v>205</v>
      </c>
      <c r="AT1256" t="s">
        <v>201</v>
      </c>
      <c r="AU1256" t="s">
        <v>183</v>
      </c>
      <c r="AV1256" t="s">
        <v>184</v>
      </c>
      <c r="AW1256" t="s">
        <v>771</v>
      </c>
      <c r="AX1256" t="s">
        <v>186</v>
      </c>
      <c r="AY1256" t="s">
        <v>187</v>
      </c>
      <c r="AZ1256" t="s">
        <v>207</v>
      </c>
      <c r="BA1256" t="s">
        <v>188</v>
      </c>
      <c r="BB1256" t="s">
        <v>208</v>
      </c>
      <c r="BC1256" t="s">
        <v>209</v>
      </c>
      <c r="BF1256" t="s">
        <v>210</v>
      </c>
      <c r="BG1256" s="1">
        <v>0</v>
      </c>
      <c r="BH1256" t="s">
        <v>302</v>
      </c>
      <c r="BI1256" t="s">
        <v>772</v>
      </c>
      <c r="BK1256" t="s">
        <v>191</v>
      </c>
      <c r="BL1256" t="s">
        <v>773</v>
      </c>
      <c r="BM1256" t="s">
        <v>191</v>
      </c>
      <c r="BN1256" t="s">
        <v>774</v>
      </c>
      <c r="BO1256" t="s">
        <v>191</v>
      </c>
      <c r="BP1256" t="s">
        <v>775</v>
      </c>
      <c r="BQ1256" t="s">
        <v>776</v>
      </c>
    </row>
    <row r="1257" spans="1:69" x14ac:dyDescent="0.25">
      <c r="A1257" s="1">
        <v>30452907</v>
      </c>
      <c r="B1257" t="s">
        <v>777</v>
      </c>
      <c r="C1257" t="s">
        <v>39</v>
      </c>
      <c r="D1257" t="s">
        <v>174</v>
      </c>
      <c r="E1257" t="s">
        <v>195</v>
      </c>
      <c r="L1257" t="s">
        <v>52</v>
      </c>
      <c r="M1257" s="1">
        <v>0</v>
      </c>
      <c r="N1257" s="1">
        <v>0</v>
      </c>
      <c r="O1257" t="s">
        <v>174</v>
      </c>
      <c r="P1257" t="s">
        <v>176</v>
      </c>
      <c r="Q1257" t="s">
        <v>328</v>
      </c>
      <c r="S1257" t="s">
        <v>178</v>
      </c>
      <c r="T1257" t="s">
        <v>299</v>
      </c>
      <c r="U1257" t="s">
        <v>778</v>
      </c>
      <c r="V1257" t="s">
        <v>397</v>
      </c>
      <c r="W1257" t="s">
        <v>262</v>
      </c>
      <c r="X1257" t="s">
        <v>179</v>
      </c>
      <c r="AC1257" t="s">
        <v>180</v>
      </c>
      <c r="AD1257" t="s">
        <v>200</v>
      </c>
      <c r="AE1257" t="s">
        <v>299</v>
      </c>
      <c r="AF1257" t="s">
        <v>299</v>
      </c>
      <c r="AG1257" t="s">
        <v>200</v>
      </c>
      <c r="AH1257" t="s">
        <v>175</v>
      </c>
      <c r="AI1257" t="s">
        <v>200</v>
      </c>
      <c r="AJ1257" t="s">
        <v>175</v>
      </c>
      <c r="AK1257" t="s">
        <v>200</v>
      </c>
      <c r="AL1257" t="s">
        <v>42</v>
      </c>
      <c r="AM1257" t="s">
        <v>184</v>
      </c>
      <c r="AN1257" s="1">
        <v>0</v>
      </c>
      <c r="AO1257" s="1">
        <v>0</v>
      </c>
      <c r="AP1257" s="1">
        <v>0</v>
      </c>
      <c r="AQ1257" s="1">
        <v>0</v>
      </c>
      <c r="AR1257" t="s">
        <v>185</v>
      </c>
      <c r="AS1257" s="1">
        <v>0</v>
      </c>
      <c r="AT1257" s="1">
        <v>0</v>
      </c>
      <c r="AU1257" s="1">
        <v>0</v>
      </c>
      <c r="AV1257" s="1">
        <v>0</v>
      </c>
      <c r="BF1257" s="1">
        <v>0</v>
      </c>
      <c r="BG1257" s="1">
        <v>0</v>
      </c>
      <c r="BH1257" s="1">
        <v>0</v>
      </c>
      <c r="BK1257" s="1">
        <v>0</v>
      </c>
      <c r="BM1257" s="1">
        <v>0</v>
      </c>
      <c r="BO1257" s="1">
        <v>0</v>
      </c>
    </row>
    <row r="1258" spans="1:69" x14ac:dyDescent="0.25">
      <c r="A1258" s="1">
        <v>30452911</v>
      </c>
      <c r="B1258" t="s">
        <v>4449</v>
      </c>
      <c r="C1258" t="s">
        <v>39</v>
      </c>
      <c r="D1258" t="s">
        <v>3727</v>
      </c>
      <c r="E1258" t="s">
        <v>195</v>
      </c>
      <c r="L1258" t="s">
        <v>52</v>
      </c>
      <c r="M1258" s="1">
        <v>0</v>
      </c>
      <c r="N1258" s="1">
        <v>0</v>
      </c>
      <c r="O1258" t="s">
        <v>3728</v>
      </c>
      <c r="P1258" t="s">
        <v>176</v>
      </c>
      <c r="Q1258" t="s">
        <v>177</v>
      </c>
      <c r="S1258" t="s">
        <v>178</v>
      </c>
      <c r="T1258" t="s">
        <v>49</v>
      </c>
      <c r="X1258" t="s">
        <v>179</v>
      </c>
      <c r="AC1258" t="s">
        <v>266</v>
      </c>
      <c r="AD1258" t="s">
        <v>181</v>
      </c>
      <c r="AE1258" t="s">
        <v>181</v>
      </c>
      <c r="AF1258" t="s">
        <v>299</v>
      </c>
      <c r="AG1258" t="s">
        <v>299</v>
      </c>
      <c r="AH1258" t="s">
        <v>181</v>
      </c>
      <c r="AI1258" t="s">
        <v>175</v>
      </c>
      <c r="AJ1258" t="s">
        <v>181</v>
      </c>
      <c r="AK1258" t="s">
        <v>181</v>
      </c>
      <c r="AL1258" t="s">
        <v>42</v>
      </c>
      <c r="AM1258" t="s">
        <v>185</v>
      </c>
      <c r="AN1258" t="s">
        <v>206</v>
      </c>
      <c r="AO1258" t="s">
        <v>183</v>
      </c>
      <c r="AP1258" t="s">
        <v>184</v>
      </c>
      <c r="AQ1258" t="s">
        <v>202</v>
      </c>
      <c r="AR1258" t="s">
        <v>203</v>
      </c>
      <c r="AS1258" t="s">
        <v>204</v>
      </c>
      <c r="AT1258" t="s">
        <v>205</v>
      </c>
      <c r="AU1258" t="s">
        <v>201</v>
      </c>
      <c r="AV1258" t="s">
        <v>182</v>
      </c>
      <c r="AY1258" t="s">
        <v>187</v>
      </c>
      <c r="AZ1258" t="s">
        <v>207</v>
      </c>
      <c r="BA1258" t="s">
        <v>188</v>
      </c>
      <c r="BB1258" t="s">
        <v>208</v>
      </c>
      <c r="BC1258" t="s">
        <v>209</v>
      </c>
      <c r="BF1258" t="s">
        <v>49</v>
      </c>
      <c r="BG1258" s="1">
        <v>0</v>
      </c>
      <c r="BH1258" t="s">
        <v>464</v>
      </c>
      <c r="BK1258" t="s">
        <v>191</v>
      </c>
      <c r="BM1258" t="s">
        <v>191</v>
      </c>
      <c r="BO1258" t="s">
        <v>191</v>
      </c>
    </row>
    <row r="1259" spans="1:69" x14ac:dyDescent="0.25">
      <c r="A1259" s="1">
        <v>30452921</v>
      </c>
      <c r="B1259" t="s">
        <v>4450</v>
      </c>
      <c r="C1259" t="s">
        <v>39</v>
      </c>
      <c r="D1259" t="s">
        <v>3727</v>
      </c>
      <c r="E1259" t="s">
        <v>200</v>
      </c>
      <c r="L1259" t="s">
        <v>52</v>
      </c>
      <c r="M1259" s="1">
        <v>0</v>
      </c>
      <c r="N1259" s="1">
        <v>0</v>
      </c>
      <c r="O1259" t="s">
        <v>3728</v>
      </c>
      <c r="P1259" t="s">
        <v>216</v>
      </c>
      <c r="Q1259" t="s">
        <v>196</v>
      </c>
      <c r="S1259" s="1">
        <v>0</v>
      </c>
      <c r="T1259" t="s">
        <v>200</v>
      </c>
      <c r="Y1259" t="s">
        <v>224</v>
      </c>
      <c r="AC1259" t="s">
        <v>266</v>
      </c>
      <c r="AD1259" t="s">
        <v>175</v>
      </c>
      <c r="AE1259" t="s">
        <v>175</v>
      </c>
      <c r="AF1259" t="s">
        <v>175</v>
      </c>
      <c r="AG1259" t="s">
        <v>181</v>
      </c>
      <c r="AH1259" t="s">
        <v>175</v>
      </c>
      <c r="AI1259" t="s">
        <v>175</v>
      </c>
      <c r="AJ1259" t="s">
        <v>175</v>
      </c>
      <c r="AK1259" t="s">
        <v>175</v>
      </c>
      <c r="AL1259" t="s">
        <v>52</v>
      </c>
      <c r="AM1259" t="s">
        <v>184</v>
      </c>
      <c r="AN1259" t="s">
        <v>206</v>
      </c>
      <c r="AO1259" t="s">
        <v>205</v>
      </c>
      <c r="AP1259" t="s">
        <v>183</v>
      </c>
      <c r="AQ1259" t="s">
        <v>202</v>
      </c>
      <c r="AR1259" t="s">
        <v>203</v>
      </c>
      <c r="AS1259" t="s">
        <v>204</v>
      </c>
      <c r="AT1259" t="s">
        <v>182</v>
      </c>
      <c r="AU1259" t="s">
        <v>201</v>
      </c>
      <c r="AV1259" t="s">
        <v>185</v>
      </c>
      <c r="BA1259" t="s">
        <v>188</v>
      </c>
      <c r="BF1259" t="s">
        <v>210</v>
      </c>
      <c r="BG1259" s="1">
        <v>0</v>
      </c>
      <c r="BH1259" t="s">
        <v>247</v>
      </c>
      <c r="BK1259" t="s">
        <v>191</v>
      </c>
      <c r="BM1259" t="s">
        <v>191</v>
      </c>
      <c r="BO1259" t="s">
        <v>191</v>
      </c>
      <c r="BQ1259" t="s">
        <v>1351</v>
      </c>
    </row>
    <row r="1260" spans="1:69" x14ac:dyDescent="0.25">
      <c r="A1260" s="1">
        <v>30452924</v>
      </c>
      <c r="B1260" t="s">
        <v>3583</v>
      </c>
      <c r="C1260" t="s">
        <v>39</v>
      </c>
      <c r="D1260" t="s">
        <v>3138</v>
      </c>
      <c r="E1260" t="s">
        <v>175</v>
      </c>
      <c r="L1260" t="s">
        <v>52</v>
      </c>
      <c r="M1260" s="1">
        <v>0</v>
      </c>
      <c r="N1260" s="1">
        <v>0</v>
      </c>
      <c r="O1260" t="s">
        <v>3139</v>
      </c>
      <c r="P1260" t="s">
        <v>176</v>
      </c>
      <c r="Q1260" t="s">
        <v>238</v>
      </c>
      <c r="S1260" t="s">
        <v>178</v>
      </c>
      <c r="T1260" t="s">
        <v>175</v>
      </c>
      <c r="W1260" t="s">
        <v>262</v>
      </c>
      <c r="AC1260" t="s">
        <v>199</v>
      </c>
      <c r="AD1260" s="1">
        <v>0</v>
      </c>
      <c r="AE1260" s="1">
        <v>0</v>
      </c>
      <c r="AF1260" s="1">
        <v>0</v>
      </c>
      <c r="AG1260" s="1">
        <v>0</v>
      </c>
      <c r="AH1260" s="1">
        <v>0</v>
      </c>
      <c r="AI1260" s="1">
        <v>0</v>
      </c>
      <c r="AJ1260" s="1">
        <v>0</v>
      </c>
      <c r="AK1260" s="1">
        <v>0</v>
      </c>
      <c r="AL1260" s="1">
        <v>0</v>
      </c>
      <c r="AM1260" s="1">
        <v>0</v>
      </c>
      <c r="AN1260" s="1">
        <v>0</v>
      </c>
      <c r="AO1260" s="1">
        <v>0</v>
      </c>
      <c r="AP1260" s="1">
        <v>0</v>
      </c>
      <c r="AQ1260" s="1">
        <v>0</v>
      </c>
      <c r="AR1260" s="1">
        <v>0</v>
      </c>
      <c r="AS1260" s="1">
        <v>0</v>
      </c>
      <c r="AT1260" s="1">
        <v>0</v>
      </c>
      <c r="AU1260" s="1">
        <v>0</v>
      </c>
      <c r="AV1260" s="1">
        <v>0</v>
      </c>
      <c r="BF1260" s="1">
        <v>0</v>
      </c>
      <c r="BG1260" s="1">
        <v>0</v>
      </c>
      <c r="BH1260" s="1">
        <v>0</v>
      </c>
      <c r="BK1260" s="1">
        <v>0</v>
      </c>
      <c r="BM1260" s="1">
        <v>0</v>
      </c>
      <c r="BO1260" s="1">
        <v>0</v>
      </c>
    </row>
    <row r="1261" spans="1:69" x14ac:dyDescent="0.25">
      <c r="A1261" s="1">
        <v>30452930</v>
      </c>
      <c r="B1261" t="s">
        <v>144</v>
      </c>
      <c r="C1261" t="s">
        <v>39</v>
      </c>
      <c r="L1261" s="1">
        <v>0</v>
      </c>
      <c r="M1261" s="1">
        <v>0</v>
      </c>
      <c r="N1261" s="1">
        <v>0</v>
      </c>
      <c r="O1261" s="1">
        <v>0</v>
      </c>
      <c r="P1261" s="1">
        <v>0</v>
      </c>
      <c r="Q1261" s="1">
        <v>0</v>
      </c>
      <c r="S1261" s="1">
        <v>0</v>
      </c>
      <c r="T1261" s="1">
        <v>0</v>
      </c>
      <c r="AC1261" s="1">
        <v>0</v>
      </c>
      <c r="AD1261" s="1">
        <v>0</v>
      </c>
      <c r="AE1261" s="1">
        <v>0</v>
      </c>
      <c r="AF1261" s="1">
        <v>0</v>
      </c>
      <c r="AG1261" s="1">
        <v>0</v>
      </c>
      <c r="AH1261" s="1">
        <v>0</v>
      </c>
      <c r="AI1261" s="1">
        <v>0</v>
      </c>
      <c r="AJ1261" s="1">
        <v>0</v>
      </c>
      <c r="AK1261" s="1">
        <v>0</v>
      </c>
      <c r="AL1261" s="1">
        <v>0</v>
      </c>
      <c r="AM1261" s="1">
        <v>0</v>
      </c>
      <c r="AN1261" s="1">
        <v>0</v>
      </c>
      <c r="AO1261" s="1">
        <v>0</v>
      </c>
      <c r="AP1261" s="1">
        <v>0</v>
      </c>
      <c r="AQ1261" s="1">
        <v>0</v>
      </c>
      <c r="AR1261" s="1">
        <v>0</v>
      </c>
      <c r="AS1261" s="1">
        <v>0</v>
      </c>
      <c r="AT1261" s="1">
        <v>0</v>
      </c>
      <c r="AU1261" s="1">
        <v>0</v>
      </c>
      <c r="AV1261" s="1">
        <v>0</v>
      </c>
      <c r="BF1261" s="1">
        <v>0</v>
      </c>
      <c r="BG1261" s="1">
        <v>0</v>
      </c>
      <c r="BH1261" s="1">
        <v>0</v>
      </c>
      <c r="BK1261" s="1">
        <v>0</v>
      </c>
      <c r="BM1261" s="1">
        <v>0</v>
      </c>
      <c r="BO1261" s="1">
        <v>0</v>
      </c>
    </row>
    <row r="1262" spans="1:69" x14ac:dyDescent="0.25">
      <c r="A1262" s="1">
        <v>30452931</v>
      </c>
      <c r="B1262" t="s">
        <v>3584</v>
      </c>
      <c r="C1262" t="s">
        <v>39</v>
      </c>
      <c r="D1262" t="s">
        <v>3138</v>
      </c>
      <c r="E1262" t="s">
        <v>195</v>
      </c>
      <c r="L1262" t="s">
        <v>52</v>
      </c>
      <c r="M1262" s="1">
        <v>0</v>
      </c>
      <c r="N1262" s="1">
        <v>0</v>
      </c>
      <c r="O1262" t="s">
        <v>3139</v>
      </c>
      <c r="P1262" t="s">
        <v>176</v>
      </c>
      <c r="Q1262" t="s">
        <v>177</v>
      </c>
      <c r="S1262" t="s">
        <v>315</v>
      </c>
      <c r="T1262" t="s">
        <v>49</v>
      </c>
      <c r="Z1262" t="s">
        <v>244</v>
      </c>
      <c r="AC1262" t="s">
        <v>225</v>
      </c>
      <c r="AD1262" t="s">
        <v>175</v>
      </c>
      <c r="AE1262" t="s">
        <v>175</v>
      </c>
      <c r="AF1262" t="s">
        <v>200</v>
      </c>
      <c r="AG1262" t="s">
        <v>175</v>
      </c>
      <c r="AH1262" t="s">
        <v>175</v>
      </c>
      <c r="AI1262" t="s">
        <v>175</v>
      </c>
      <c r="AJ1262" t="s">
        <v>175</v>
      </c>
      <c r="AK1262" t="s">
        <v>181</v>
      </c>
      <c r="AL1262" t="s">
        <v>42</v>
      </c>
      <c r="AM1262" s="1">
        <v>0</v>
      </c>
      <c r="AN1262" s="1">
        <v>0</v>
      </c>
      <c r="AO1262" s="1">
        <v>0</v>
      </c>
      <c r="AP1262" s="1">
        <v>0</v>
      </c>
      <c r="AQ1262" s="1">
        <v>0</v>
      </c>
      <c r="AR1262" s="1">
        <v>0</v>
      </c>
      <c r="AS1262" s="1">
        <v>0</v>
      </c>
      <c r="AT1262" s="1">
        <v>0</v>
      </c>
      <c r="AU1262" s="1">
        <v>0</v>
      </c>
      <c r="AV1262" s="1">
        <v>0</v>
      </c>
      <c r="BD1262" t="s">
        <v>273</v>
      </c>
      <c r="BE1262" t="s">
        <v>3585</v>
      </c>
      <c r="BF1262" t="s">
        <v>49</v>
      </c>
      <c r="BG1262" s="1">
        <v>0</v>
      </c>
      <c r="BH1262" t="s">
        <v>211</v>
      </c>
      <c r="BK1262" t="s">
        <v>191</v>
      </c>
      <c r="BL1262" t="s">
        <v>601</v>
      </c>
      <c r="BM1262" t="s">
        <v>218</v>
      </c>
      <c r="BN1262" t="s">
        <v>602</v>
      </c>
      <c r="BO1262" t="s">
        <v>218</v>
      </c>
      <c r="BP1262" t="s">
        <v>3586</v>
      </c>
      <c r="BQ1262" t="s">
        <v>225</v>
      </c>
    </row>
    <row r="1263" spans="1:69" x14ac:dyDescent="0.25">
      <c r="A1263" s="1">
        <v>30452938</v>
      </c>
      <c r="B1263" t="s">
        <v>2312</v>
      </c>
      <c r="C1263" t="s">
        <v>39</v>
      </c>
      <c r="D1263" t="s">
        <v>1616</v>
      </c>
      <c r="E1263" t="s">
        <v>200</v>
      </c>
      <c r="L1263" t="s">
        <v>52</v>
      </c>
      <c r="M1263" s="1">
        <v>0</v>
      </c>
      <c r="N1263" s="1">
        <v>0</v>
      </c>
      <c r="O1263" t="s">
        <v>1616</v>
      </c>
      <c r="P1263" t="s">
        <v>176</v>
      </c>
      <c r="Q1263" t="s">
        <v>177</v>
      </c>
      <c r="S1263" t="s">
        <v>222</v>
      </c>
      <c r="T1263" t="s">
        <v>200</v>
      </c>
      <c r="AA1263" t="s">
        <v>273</v>
      </c>
      <c r="AB1263" t="s">
        <v>357</v>
      </c>
      <c r="AC1263" t="s">
        <v>180</v>
      </c>
      <c r="AD1263" t="s">
        <v>175</v>
      </c>
      <c r="AE1263" t="s">
        <v>200</v>
      </c>
      <c r="AF1263" t="s">
        <v>200</v>
      </c>
      <c r="AG1263" t="s">
        <v>175</v>
      </c>
      <c r="AH1263" t="s">
        <v>175</v>
      </c>
      <c r="AI1263" t="s">
        <v>175</v>
      </c>
      <c r="AJ1263" t="s">
        <v>175</v>
      </c>
      <c r="AK1263" t="s">
        <v>200</v>
      </c>
      <c r="AL1263" t="s">
        <v>52</v>
      </c>
      <c r="AM1263" t="s">
        <v>205</v>
      </c>
      <c r="AN1263" t="s">
        <v>202</v>
      </c>
      <c r="AO1263" t="s">
        <v>185</v>
      </c>
      <c r="AP1263" t="s">
        <v>183</v>
      </c>
      <c r="AQ1263" t="s">
        <v>201</v>
      </c>
      <c r="AR1263" t="s">
        <v>206</v>
      </c>
      <c r="AS1263" t="s">
        <v>182</v>
      </c>
      <c r="AT1263" t="s">
        <v>204</v>
      </c>
      <c r="AU1263" t="s">
        <v>203</v>
      </c>
      <c r="AV1263" t="s">
        <v>184</v>
      </c>
      <c r="BC1263" t="s">
        <v>209</v>
      </c>
      <c r="BF1263" t="s">
        <v>210</v>
      </c>
      <c r="BG1263" s="1">
        <v>0</v>
      </c>
      <c r="BH1263" t="s">
        <v>464</v>
      </c>
      <c r="BK1263" t="s">
        <v>191</v>
      </c>
      <c r="BL1263" t="s">
        <v>2313</v>
      </c>
      <c r="BM1263" t="s">
        <v>191</v>
      </c>
      <c r="BO1263" t="s">
        <v>191</v>
      </c>
    </row>
    <row r="1264" spans="1:69" x14ac:dyDescent="0.25">
      <c r="A1264" s="1">
        <v>30452951</v>
      </c>
      <c r="B1264" t="s">
        <v>4451</v>
      </c>
      <c r="C1264" t="s">
        <v>39</v>
      </c>
      <c r="D1264" t="s">
        <v>3727</v>
      </c>
      <c r="E1264" t="s">
        <v>200</v>
      </c>
      <c r="L1264" t="s">
        <v>52</v>
      </c>
      <c r="M1264" s="1">
        <v>0</v>
      </c>
      <c r="N1264" s="1">
        <v>0</v>
      </c>
      <c r="O1264" t="s">
        <v>3728</v>
      </c>
      <c r="P1264" t="s">
        <v>176</v>
      </c>
      <c r="Q1264" t="s">
        <v>196</v>
      </c>
      <c r="S1264" t="s">
        <v>349</v>
      </c>
      <c r="T1264" t="s">
        <v>200</v>
      </c>
      <c r="Y1264" t="s">
        <v>224</v>
      </c>
      <c r="AC1264" t="s">
        <v>180</v>
      </c>
      <c r="AD1264" t="s">
        <v>200</v>
      </c>
      <c r="AE1264" t="s">
        <v>200</v>
      </c>
      <c r="AF1264" t="s">
        <v>200</v>
      </c>
      <c r="AG1264" t="s">
        <v>200</v>
      </c>
      <c r="AH1264" t="s">
        <v>200</v>
      </c>
      <c r="AI1264" t="s">
        <v>200</v>
      </c>
      <c r="AJ1264" t="s">
        <v>200</v>
      </c>
      <c r="AK1264" s="1">
        <v>0</v>
      </c>
      <c r="AL1264" t="s">
        <v>42</v>
      </c>
      <c r="AM1264" t="s">
        <v>185</v>
      </c>
      <c r="AN1264" t="s">
        <v>184</v>
      </c>
      <c r="AO1264" t="s">
        <v>183</v>
      </c>
      <c r="AP1264" t="s">
        <v>201</v>
      </c>
      <c r="AQ1264" t="s">
        <v>182</v>
      </c>
      <c r="AR1264" t="s">
        <v>204</v>
      </c>
      <c r="AS1264" t="s">
        <v>205</v>
      </c>
      <c r="AT1264" t="s">
        <v>202</v>
      </c>
      <c r="AU1264" t="s">
        <v>206</v>
      </c>
      <c r="AV1264" t="s">
        <v>203</v>
      </c>
      <c r="AX1264" t="s">
        <v>186</v>
      </c>
      <c r="AZ1264" t="s">
        <v>207</v>
      </c>
      <c r="BA1264" t="s">
        <v>188</v>
      </c>
      <c r="BB1264" t="s">
        <v>208</v>
      </c>
      <c r="BF1264" t="s">
        <v>189</v>
      </c>
      <c r="BG1264" s="1">
        <v>0</v>
      </c>
      <c r="BH1264" t="s">
        <v>464</v>
      </c>
      <c r="BK1264" s="1">
        <v>0</v>
      </c>
      <c r="BL1264" t="s">
        <v>4452</v>
      </c>
      <c r="BM1264" t="s">
        <v>191</v>
      </c>
      <c r="BN1264" t="s">
        <v>4453</v>
      </c>
      <c r="BO1264" s="1">
        <v>0</v>
      </c>
    </row>
    <row r="1265" spans="1:69" x14ac:dyDescent="0.25">
      <c r="A1265" s="1">
        <v>30452955</v>
      </c>
      <c r="B1265" t="s">
        <v>3587</v>
      </c>
      <c r="C1265" t="s">
        <v>39</v>
      </c>
      <c r="D1265" t="s">
        <v>3138</v>
      </c>
      <c r="E1265" t="s">
        <v>175</v>
      </c>
      <c r="L1265" t="s">
        <v>52</v>
      </c>
      <c r="M1265" s="1">
        <v>0</v>
      </c>
      <c r="N1265" s="1">
        <v>0</v>
      </c>
      <c r="O1265" t="s">
        <v>3139</v>
      </c>
      <c r="P1265" t="s">
        <v>216</v>
      </c>
      <c r="Q1265" t="s">
        <v>273</v>
      </c>
      <c r="R1265" t="s">
        <v>3588</v>
      </c>
      <c r="S1265" s="1">
        <v>0</v>
      </c>
      <c r="T1265" t="s">
        <v>175</v>
      </c>
      <c r="X1265" t="s">
        <v>179</v>
      </c>
      <c r="AC1265" t="s">
        <v>199</v>
      </c>
      <c r="AD1265" t="s">
        <v>181</v>
      </c>
      <c r="AE1265" t="s">
        <v>230</v>
      </c>
      <c r="AF1265" t="s">
        <v>230</v>
      </c>
      <c r="AG1265" t="s">
        <v>181</v>
      </c>
      <c r="AH1265" t="s">
        <v>181</v>
      </c>
      <c r="AI1265" t="s">
        <v>230</v>
      </c>
      <c r="AJ1265" t="s">
        <v>230</v>
      </c>
      <c r="AK1265" t="s">
        <v>181</v>
      </c>
      <c r="AL1265" t="s">
        <v>42</v>
      </c>
      <c r="AM1265" s="1">
        <v>0</v>
      </c>
      <c r="AN1265" s="1">
        <v>0</v>
      </c>
      <c r="AO1265" s="1">
        <v>0</v>
      </c>
      <c r="AP1265" s="1">
        <v>0</v>
      </c>
      <c r="AQ1265" s="1">
        <v>0</v>
      </c>
      <c r="AR1265" s="1">
        <v>0</v>
      </c>
      <c r="AS1265" s="1">
        <v>0</v>
      </c>
      <c r="AT1265" s="1">
        <v>0</v>
      </c>
      <c r="AU1265" s="1">
        <v>0</v>
      </c>
      <c r="AV1265" s="1">
        <v>0</v>
      </c>
      <c r="BF1265" s="1">
        <v>0</v>
      </c>
      <c r="BG1265" s="1">
        <v>0</v>
      </c>
      <c r="BH1265" s="1">
        <v>0</v>
      </c>
      <c r="BK1265" s="1">
        <v>0</v>
      </c>
      <c r="BM1265" s="1">
        <v>0</v>
      </c>
      <c r="BO1265" s="1">
        <v>0</v>
      </c>
    </row>
    <row r="1266" spans="1:69" x14ac:dyDescent="0.25">
      <c r="A1266" s="1">
        <v>30452962</v>
      </c>
      <c r="B1266" t="s">
        <v>2314</v>
      </c>
      <c r="C1266" t="s">
        <v>39</v>
      </c>
      <c r="D1266" t="s">
        <v>1616</v>
      </c>
      <c r="E1266" t="s">
        <v>175</v>
      </c>
      <c r="L1266" t="s">
        <v>52</v>
      </c>
      <c r="M1266" s="1">
        <v>0</v>
      </c>
      <c r="N1266" s="1">
        <v>0</v>
      </c>
      <c r="O1266" t="s">
        <v>1616</v>
      </c>
      <c r="P1266" t="s">
        <v>216</v>
      </c>
      <c r="Q1266" t="s">
        <v>322</v>
      </c>
      <c r="S1266" s="1">
        <v>0</v>
      </c>
      <c r="T1266" t="s">
        <v>175</v>
      </c>
      <c r="X1266" t="s">
        <v>179</v>
      </c>
      <c r="AC1266" t="s">
        <v>180</v>
      </c>
      <c r="AD1266" t="s">
        <v>175</v>
      </c>
      <c r="AE1266" t="s">
        <v>175</v>
      </c>
      <c r="AF1266" t="s">
        <v>181</v>
      </c>
      <c r="AG1266" t="s">
        <v>175</v>
      </c>
      <c r="AH1266" t="s">
        <v>175</v>
      </c>
      <c r="AI1266" t="s">
        <v>175</v>
      </c>
      <c r="AJ1266" t="s">
        <v>175</v>
      </c>
      <c r="AK1266" t="s">
        <v>175</v>
      </c>
      <c r="AL1266" t="s">
        <v>42</v>
      </c>
      <c r="AM1266" t="s">
        <v>206</v>
      </c>
      <c r="AN1266" t="s">
        <v>184</v>
      </c>
      <c r="AO1266" t="s">
        <v>205</v>
      </c>
      <c r="AP1266" t="s">
        <v>182</v>
      </c>
      <c r="AQ1266" t="s">
        <v>203</v>
      </c>
      <c r="AR1266" t="s">
        <v>202</v>
      </c>
      <c r="AS1266" t="s">
        <v>201</v>
      </c>
      <c r="AT1266" t="s">
        <v>185</v>
      </c>
      <c r="AU1266" t="s">
        <v>204</v>
      </c>
      <c r="AV1266" t="s">
        <v>183</v>
      </c>
      <c r="AX1266" t="s">
        <v>186</v>
      </c>
      <c r="AY1266" t="s">
        <v>187</v>
      </c>
      <c r="AZ1266" t="s">
        <v>207</v>
      </c>
      <c r="BA1266" t="s">
        <v>188</v>
      </c>
      <c r="BB1266" t="s">
        <v>208</v>
      </c>
      <c r="BC1266" t="s">
        <v>209</v>
      </c>
      <c r="BF1266" t="s">
        <v>210</v>
      </c>
      <c r="BG1266" s="1">
        <v>0</v>
      </c>
      <c r="BH1266" t="s">
        <v>211</v>
      </c>
      <c r="BK1266" t="s">
        <v>191</v>
      </c>
      <c r="BL1266" t="s">
        <v>2315</v>
      </c>
      <c r="BM1266" t="s">
        <v>191</v>
      </c>
      <c r="BN1266" t="s">
        <v>2316</v>
      </c>
      <c r="BO1266" t="s">
        <v>191</v>
      </c>
      <c r="BP1266" t="s">
        <v>2317</v>
      </c>
    </row>
    <row r="1267" spans="1:69" x14ac:dyDescent="0.25">
      <c r="A1267" s="1">
        <v>30452968</v>
      </c>
      <c r="B1267" t="s">
        <v>3589</v>
      </c>
      <c r="C1267" t="s">
        <v>39</v>
      </c>
      <c r="D1267" t="s">
        <v>3138</v>
      </c>
      <c r="E1267" t="s">
        <v>175</v>
      </c>
      <c r="L1267" t="s">
        <v>52</v>
      </c>
      <c r="M1267" s="1">
        <v>0</v>
      </c>
      <c r="N1267" s="1">
        <v>0</v>
      </c>
      <c r="O1267" t="s">
        <v>3139</v>
      </c>
      <c r="P1267" t="s">
        <v>176</v>
      </c>
      <c r="Q1267" t="s">
        <v>238</v>
      </c>
      <c r="S1267" t="s">
        <v>178</v>
      </c>
      <c r="T1267" t="s">
        <v>175</v>
      </c>
      <c r="AA1267" t="s">
        <v>273</v>
      </c>
      <c r="AC1267" t="s">
        <v>180</v>
      </c>
      <c r="AD1267" t="s">
        <v>181</v>
      </c>
      <c r="AE1267" t="s">
        <v>181</v>
      </c>
      <c r="AF1267" t="s">
        <v>181</v>
      </c>
      <c r="AG1267" t="s">
        <v>181</v>
      </c>
      <c r="AH1267" t="s">
        <v>181</v>
      </c>
      <c r="AI1267" t="s">
        <v>181</v>
      </c>
      <c r="AJ1267" t="s">
        <v>181</v>
      </c>
      <c r="AK1267" t="s">
        <v>181</v>
      </c>
      <c r="AL1267" t="s">
        <v>42</v>
      </c>
      <c r="AM1267" s="1">
        <v>0</v>
      </c>
      <c r="AN1267" s="1">
        <v>0</v>
      </c>
      <c r="AO1267" s="1">
        <v>0</v>
      </c>
      <c r="AP1267" s="1">
        <v>0</v>
      </c>
      <c r="AQ1267" s="1">
        <v>0</v>
      </c>
      <c r="AR1267" s="1">
        <v>0</v>
      </c>
      <c r="AS1267" s="1">
        <v>0</v>
      </c>
      <c r="AT1267" s="1">
        <v>0</v>
      </c>
      <c r="AU1267" s="1">
        <v>0</v>
      </c>
      <c r="AV1267" s="1">
        <v>0</v>
      </c>
      <c r="BA1267" t="s">
        <v>188</v>
      </c>
      <c r="BF1267" t="s">
        <v>210</v>
      </c>
      <c r="BG1267" s="1">
        <v>0</v>
      </c>
      <c r="BH1267" t="s">
        <v>190</v>
      </c>
      <c r="BK1267" t="s">
        <v>191</v>
      </c>
      <c r="BM1267" t="s">
        <v>191</v>
      </c>
      <c r="BO1267" t="s">
        <v>191</v>
      </c>
    </row>
    <row r="1268" spans="1:69" x14ac:dyDescent="0.25">
      <c r="A1268" s="1">
        <v>30452971</v>
      </c>
      <c r="B1268" t="s">
        <v>4454</v>
      </c>
      <c r="C1268" t="s">
        <v>39</v>
      </c>
      <c r="D1268" t="s">
        <v>3727</v>
      </c>
      <c r="E1268" t="s">
        <v>175</v>
      </c>
      <c r="L1268" t="s">
        <v>52</v>
      </c>
      <c r="M1268" s="1">
        <v>0</v>
      </c>
      <c r="N1268" s="1">
        <v>0</v>
      </c>
      <c r="O1268" t="s">
        <v>3728</v>
      </c>
      <c r="P1268" t="s">
        <v>216</v>
      </c>
      <c r="Q1268" t="s">
        <v>258</v>
      </c>
      <c r="S1268" s="1">
        <v>0</v>
      </c>
      <c r="T1268" t="s">
        <v>175</v>
      </c>
      <c r="AC1268" t="s">
        <v>180</v>
      </c>
      <c r="AD1268" t="s">
        <v>175</v>
      </c>
      <c r="AE1268" t="s">
        <v>181</v>
      </c>
      <c r="AF1268" t="s">
        <v>230</v>
      </c>
      <c r="AG1268" t="s">
        <v>181</v>
      </c>
      <c r="AH1268" t="s">
        <v>200</v>
      </c>
      <c r="AI1268" t="s">
        <v>175</v>
      </c>
      <c r="AJ1268" t="s">
        <v>230</v>
      </c>
      <c r="AK1268" t="s">
        <v>181</v>
      </c>
      <c r="AL1268" t="s">
        <v>42</v>
      </c>
      <c r="AM1268" t="s">
        <v>202</v>
      </c>
      <c r="AN1268" t="s">
        <v>201</v>
      </c>
      <c r="AO1268" t="s">
        <v>182</v>
      </c>
      <c r="AP1268" t="s">
        <v>204</v>
      </c>
      <c r="AQ1268" t="s">
        <v>185</v>
      </c>
      <c r="AR1268" t="s">
        <v>184</v>
      </c>
      <c r="AS1268" t="s">
        <v>203</v>
      </c>
      <c r="AT1268" t="s">
        <v>206</v>
      </c>
      <c r="AU1268" t="s">
        <v>183</v>
      </c>
      <c r="AV1268" t="s">
        <v>205</v>
      </c>
      <c r="AX1268" t="s">
        <v>186</v>
      </c>
      <c r="AY1268" t="s">
        <v>187</v>
      </c>
      <c r="BA1268" t="s">
        <v>188</v>
      </c>
      <c r="BB1268" t="s">
        <v>208</v>
      </c>
      <c r="BF1268" t="s">
        <v>232</v>
      </c>
      <c r="BG1268" t="s">
        <v>49</v>
      </c>
      <c r="BH1268" t="s">
        <v>211</v>
      </c>
      <c r="BK1268" t="s">
        <v>191</v>
      </c>
      <c r="BL1268" t="s">
        <v>4455</v>
      </c>
      <c r="BM1268" t="s">
        <v>191</v>
      </c>
      <c r="BO1268" t="s">
        <v>191</v>
      </c>
    </row>
    <row r="1269" spans="1:69" x14ac:dyDescent="0.25">
      <c r="A1269" s="1">
        <v>30452985</v>
      </c>
      <c r="B1269" t="s">
        <v>1460</v>
      </c>
      <c r="C1269" t="s">
        <v>39</v>
      </c>
      <c r="D1269" t="s">
        <v>942</v>
      </c>
      <c r="E1269" t="s">
        <v>175</v>
      </c>
      <c r="L1269" t="s">
        <v>52</v>
      </c>
      <c r="M1269" s="1">
        <v>0</v>
      </c>
      <c r="N1269" s="1">
        <v>0</v>
      </c>
      <c r="O1269" t="s">
        <v>942</v>
      </c>
      <c r="P1269" t="s">
        <v>216</v>
      </c>
      <c r="Q1269" t="s">
        <v>196</v>
      </c>
      <c r="S1269" s="1">
        <v>0</v>
      </c>
      <c r="T1269" t="s">
        <v>175</v>
      </c>
      <c r="Y1269" t="s">
        <v>224</v>
      </c>
      <c r="AC1269" t="s">
        <v>180</v>
      </c>
      <c r="AD1269" s="1">
        <v>0</v>
      </c>
      <c r="AE1269" s="1">
        <v>0</v>
      </c>
      <c r="AF1269" s="1">
        <v>0</v>
      </c>
      <c r="AG1269" s="1">
        <v>0</v>
      </c>
      <c r="AH1269" s="1">
        <v>0</v>
      </c>
      <c r="AI1269" s="1">
        <v>0</v>
      </c>
      <c r="AJ1269" s="1">
        <v>0</v>
      </c>
      <c r="AK1269" s="1">
        <v>0</v>
      </c>
      <c r="AL1269" s="1">
        <v>0</v>
      </c>
      <c r="AM1269" s="1">
        <v>0</v>
      </c>
      <c r="AN1269" s="1">
        <v>0</v>
      </c>
      <c r="AO1269" s="1">
        <v>0</v>
      </c>
      <c r="AP1269" s="1">
        <v>0</v>
      </c>
      <c r="AQ1269" s="1">
        <v>0</v>
      </c>
      <c r="AR1269" s="1">
        <v>0</v>
      </c>
      <c r="AS1269" s="1">
        <v>0</v>
      </c>
      <c r="AT1269" s="1">
        <v>0</v>
      </c>
      <c r="AU1269" s="1">
        <v>0</v>
      </c>
      <c r="AV1269" s="1">
        <v>0</v>
      </c>
      <c r="BF1269" s="1">
        <v>0</v>
      </c>
      <c r="BG1269" s="1">
        <v>0</v>
      </c>
      <c r="BH1269" s="1">
        <v>0</v>
      </c>
      <c r="BK1269" s="1">
        <v>0</v>
      </c>
      <c r="BM1269" s="1">
        <v>0</v>
      </c>
      <c r="BO1269" s="1">
        <v>0</v>
      </c>
    </row>
    <row r="1270" spans="1:69" x14ac:dyDescent="0.25">
      <c r="A1270" s="1">
        <v>30452998</v>
      </c>
      <c r="B1270" t="s">
        <v>4456</v>
      </c>
      <c r="C1270" t="s">
        <v>39</v>
      </c>
      <c r="D1270" t="s">
        <v>3727</v>
      </c>
      <c r="E1270" t="s">
        <v>175</v>
      </c>
      <c r="L1270" t="s">
        <v>52</v>
      </c>
      <c r="M1270" s="1">
        <v>0</v>
      </c>
      <c r="N1270" s="1">
        <v>0</v>
      </c>
      <c r="O1270" t="s">
        <v>3728</v>
      </c>
      <c r="P1270" t="s">
        <v>176</v>
      </c>
      <c r="Q1270" t="s">
        <v>196</v>
      </c>
      <c r="S1270" t="s">
        <v>178</v>
      </c>
      <c r="T1270" t="s">
        <v>175</v>
      </c>
      <c r="AC1270" s="1">
        <v>0</v>
      </c>
      <c r="AD1270" s="1">
        <v>0</v>
      </c>
      <c r="AE1270" s="1">
        <v>0</v>
      </c>
      <c r="AF1270" s="1">
        <v>0</v>
      </c>
      <c r="AG1270" s="1">
        <v>0</v>
      </c>
      <c r="AH1270" s="1">
        <v>0</v>
      </c>
      <c r="AI1270" s="1">
        <v>0</v>
      </c>
      <c r="AJ1270" s="1">
        <v>0</v>
      </c>
      <c r="AK1270" s="1">
        <v>0</v>
      </c>
      <c r="AL1270" s="1">
        <v>0</v>
      </c>
      <c r="AM1270" s="1">
        <v>0</v>
      </c>
      <c r="AN1270" s="1">
        <v>0</v>
      </c>
      <c r="AO1270" s="1">
        <v>0</v>
      </c>
      <c r="AP1270" s="1">
        <v>0</v>
      </c>
      <c r="AQ1270" s="1">
        <v>0</v>
      </c>
      <c r="AR1270" s="1">
        <v>0</v>
      </c>
      <c r="AS1270" s="1">
        <v>0</v>
      </c>
      <c r="AT1270" s="1">
        <v>0</v>
      </c>
      <c r="AU1270" s="1">
        <v>0</v>
      </c>
      <c r="AV1270" s="1">
        <v>0</v>
      </c>
      <c r="BF1270" s="1">
        <v>0</v>
      </c>
      <c r="BG1270" s="1">
        <v>0</v>
      </c>
      <c r="BH1270" s="1">
        <v>0</v>
      </c>
      <c r="BK1270" s="1">
        <v>0</v>
      </c>
      <c r="BM1270" s="1">
        <v>0</v>
      </c>
      <c r="BO1270" s="1">
        <v>0</v>
      </c>
    </row>
    <row r="1271" spans="1:69" x14ac:dyDescent="0.25">
      <c r="A1271" s="1">
        <v>30453000</v>
      </c>
      <c r="B1271" t="s">
        <v>4457</v>
      </c>
      <c r="C1271" t="s">
        <v>39</v>
      </c>
      <c r="D1271" t="s">
        <v>3727</v>
      </c>
      <c r="L1271" t="s">
        <v>52</v>
      </c>
      <c r="M1271" s="1">
        <v>0</v>
      </c>
      <c r="N1271" s="1">
        <v>0</v>
      </c>
      <c r="O1271" t="s">
        <v>3728</v>
      </c>
      <c r="P1271" s="1">
        <v>0</v>
      </c>
      <c r="Q1271" s="1">
        <v>0</v>
      </c>
      <c r="S1271" s="1">
        <v>0</v>
      </c>
      <c r="T1271" s="1">
        <v>0</v>
      </c>
      <c r="AC1271" s="1">
        <v>0</v>
      </c>
      <c r="AD1271" s="1">
        <v>0</v>
      </c>
      <c r="AE1271" s="1">
        <v>0</v>
      </c>
      <c r="AF1271" s="1">
        <v>0</v>
      </c>
      <c r="AG1271" s="1">
        <v>0</v>
      </c>
      <c r="AH1271" s="1">
        <v>0</v>
      </c>
      <c r="AI1271" s="1">
        <v>0</v>
      </c>
      <c r="AJ1271" s="1">
        <v>0</v>
      </c>
      <c r="AK1271" s="1">
        <v>0</v>
      </c>
      <c r="AL1271" s="1">
        <v>0</v>
      </c>
      <c r="AM1271" s="1">
        <v>0</v>
      </c>
      <c r="AN1271" s="1">
        <v>0</v>
      </c>
      <c r="AO1271" s="1">
        <v>0</v>
      </c>
      <c r="AP1271" s="1">
        <v>0</v>
      </c>
      <c r="AQ1271" s="1">
        <v>0</v>
      </c>
      <c r="AR1271" s="1">
        <v>0</v>
      </c>
      <c r="AS1271" s="1">
        <v>0</v>
      </c>
      <c r="AT1271" s="1">
        <v>0</v>
      </c>
      <c r="AU1271" s="1">
        <v>0</v>
      </c>
      <c r="AV1271" s="1">
        <v>0</v>
      </c>
      <c r="BF1271" s="1">
        <v>0</v>
      </c>
      <c r="BG1271" s="1">
        <v>0</v>
      </c>
      <c r="BH1271" s="1">
        <v>0</v>
      </c>
      <c r="BK1271" s="1">
        <v>0</v>
      </c>
      <c r="BM1271" s="1">
        <v>0</v>
      </c>
      <c r="BO1271" s="1">
        <v>0</v>
      </c>
    </row>
    <row r="1272" spans="1:69" x14ac:dyDescent="0.25">
      <c r="A1272" s="1">
        <v>30453005</v>
      </c>
      <c r="B1272" t="s">
        <v>779</v>
      </c>
      <c r="C1272" t="s">
        <v>39</v>
      </c>
      <c r="D1272" t="s">
        <v>174</v>
      </c>
      <c r="E1272" t="s">
        <v>200</v>
      </c>
      <c r="L1272" t="s">
        <v>52</v>
      </c>
      <c r="M1272" s="1">
        <v>0</v>
      </c>
      <c r="N1272" s="1">
        <v>0</v>
      </c>
      <c r="O1272" t="s">
        <v>174</v>
      </c>
      <c r="P1272" t="s">
        <v>176</v>
      </c>
      <c r="Q1272" t="s">
        <v>322</v>
      </c>
      <c r="S1272" t="s">
        <v>349</v>
      </c>
      <c r="T1272" t="s">
        <v>200</v>
      </c>
      <c r="Y1272" t="s">
        <v>224</v>
      </c>
      <c r="AC1272" t="s">
        <v>199</v>
      </c>
      <c r="AD1272" t="s">
        <v>299</v>
      </c>
      <c r="AE1272" t="s">
        <v>299</v>
      </c>
      <c r="AF1272" t="s">
        <v>299</v>
      </c>
      <c r="AG1272" t="s">
        <v>299</v>
      </c>
      <c r="AH1272" t="s">
        <v>299</v>
      </c>
      <c r="AI1272" t="s">
        <v>299</v>
      </c>
      <c r="AJ1272" t="s">
        <v>299</v>
      </c>
      <c r="AK1272" t="s">
        <v>299</v>
      </c>
      <c r="AL1272" t="s">
        <v>42</v>
      </c>
      <c r="AM1272" s="1">
        <v>0</v>
      </c>
      <c r="AN1272" s="1">
        <v>0</v>
      </c>
      <c r="AO1272" s="1">
        <v>0</v>
      </c>
      <c r="AP1272" s="1">
        <v>0</v>
      </c>
      <c r="AQ1272" s="1">
        <v>0</v>
      </c>
      <c r="AR1272" s="1">
        <v>0</v>
      </c>
      <c r="AS1272" s="1">
        <v>0</v>
      </c>
      <c r="AT1272" s="1">
        <v>0</v>
      </c>
      <c r="AU1272" s="1">
        <v>0</v>
      </c>
      <c r="AV1272" s="1">
        <v>0</v>
      </c>
      <c r="BD1272" t="s">
        <v>273</v>
      </c>
      <c r="BE1272" t="s">
        <v>780</v>
      </c>
      <c r="BF1272" t="s">
        <v>49</v>
      </c>
      <c r="BG1272" s="1">
        <v>0</v>
      </c>
      <c r="BH1272" t="s">
        <v>211</v>
      </c>
      <c r="BK1272" t="s">
        <v>191</v>
      </c>
      <c r="BL1272" t="s">
        <v>781</v>
      </c>
      <c r="BM1272" t="s">
        <v>191</v>
      </c>
      <c r="BN1272" t="s">
        <v>782</v>
      </c>
      <c r="BO1272" t="s">
        <v>191</v>
      </c>
      <c r="BP1272" t="s">
        <v>783</v>
      </c>
      <c r="BQ1272" t="s">
        <v>784</v>
      </c>
    </row>
    <row r="1273" spans="1:69" x14ac:dyDescent="0.25">
      <c r="A1273" s="1">
        <v>30453009</v>
      </c>
      <c r="B1273" t="s">
        <v>4458</v>
      </c>
      <c r="C1273" t="s">
        <v>39</v>
      </c>
      <c r="D1273" t="s">
        <v>3727</v>
      </c>
      <c r="L1273" t="s">
        <v>52</v>
      </c>
      <c r="M1273" s="1">
        <v>0</v>
      </c>
      <c r="N1273" s="1">
        <v>0</v>
      </c>
      <c r="O1273" t="s">
        <v>3728</v>
      </c>
      <c r="P1273" s="1">
        <v>0</v>
      </c>
      <c r="Q1273" s="1">
        <v>0</v>
      </c>
      <c r="S1273" s="1">
        <v>0</v>
      </c>
      <c r="T1273" s="1">
        <v>0</v>
      </c>
      <c r="AC1273" s="1">
        <v>0</v>
      </c>
      <c r="AD1273" s="1">
        <v>0</v>
      </c>
      <c r="AE1273" s="1">
        <v>0</v>
      </c>
      <c r="AF1273" s="1">
        <v>0</v>
      </c>
      <c r="AG1273" s="1">
        <v>0</v>
      </c>
      <c r="AH1273" s="1">
        <v>0</v>
      </c>
      <c r="AI1273" s="1">
        <v>0</v>
      </c>
      <c r="AJ1273" s="1">
        <v>0</v>
      </c>
      <c r="AK1273" s="1">
        <v>0</v>
      </c>
      <c r="AL1273" s="1">
        <v>0</v>
      </c>
      <c r="AM1273" s="1">
        <v>0</v>
      </c>
      <c r="AN1273" s="1">
        <v>0</v>
      </c>
      <c r="AO1273" s="1">
        <v>0</v>
      </c>
      <c r="AP1273" s="1">
        <v>0</v>
      </c>
      <c r="AQ1273" s="1">
        <v>0</v>
      </c>
      <c r="AR1273" s="1">
        <v>0</v>
      </c>
      <c r="AS1273" s="1">
        <v>0</v>
      </c>
      <c r="AT1273" s="1">
        <v>0</v>
      </c>
      <c r="AU1273" s="1">
        <v>0</v>
      </c>
      <c r="AV1273" s="1">
        <v>0</v>
      </c>
      <c r="BF1273" s="1">
        <v>0</v>
      </c>
      <c r="BG1273" s="1">
        <v>0</v>
      </c>
      <c r="BH1273" s="1">
        <v>0</v>
      </c>
      <c r="BK1273" s="1">
        <v>0</v>
      </c>
      <c r="BM1273" s="1">
        <v>0</v>
      </c>
      <c r="BO1273" s="1">
        <v>0</v>
      </c>
    </row>
    <row r="1274" spans="1:69" x14ac:dyDescent="0.25">
      <c r="A1274" s="1">
        <v>30453015</v>
      </c>
      <c r="B1274" t="s">
        <v>2318</v>
      </c>
      <c r="C1274" t="s">
        <v>39</v>
      </c>
      <c r="D1274" t="s">
        <v>1616</v>
      </c>
      <c r="E1274" t="s">
        <v>175</v>
      </c>
      <c r="L1274" t="s">
        <v>52</v>
      </c>
      <c r="M1274" s="1">
        <v>0</v>
      </c>
      <c r="N1274" s="1">
        <v>0</v>
      </c>
      <c r="O1274" t="s">
        <v>1616</v>
      </c>
      <c r="P1274" t="s">
        <v>176</v>
      </c>
      <c r="Q1274" t="s">
        <v>238</v>
      </c>
      <c r="S1274" t="s">
        <v>178</v>
      </c>
      <c r="T1274" t="s">
        <v>175</v>
      </c>
      <c r="X1274" t="s">
        <v>179</v>
      </c>
      <c r="AC1274" t="s">
        <v>199</v>
      </c>
      <c r="AD1274" t="s">
        <v>175</v>
      </c>
      <c r="AE1274" t="s">
        <v>175</v>
      </c>
      <c r="AF1274" t="s">
        <v>175</v>
      </c>
      <c r="AG1274" t="s">
        <v>175</v>
      </c>
      <c r="AH1274" t="s">
        <v>175</v>
      </c>
      <c r="AI1274" t="s">
        <v>175</v>
      </c>
      <c r="AJ1274" t="s">
        <v>175</v>
      </c>
      <c r="AK1274" t="s">
        <v>175</v>
      </c>
      <c r="AL1274" t="s">
        <v>42</v>
      </c>
      <c r="AM1274" t="s">
        <v>185</v>
      </c>
      <c r="AN1274" t="s">
        <v>206</v>
      </c>
      <c r="AO1274" t="s">
        <v>183</v>
      </c>
      <c r="AP1274" t="s">
        <v>184</v>
      </c>
      <c r="AQ1274" t="s">
        <v>202</v>
      </c>
      <c r="AR1274" t="s">
        <v>203</v>
      </c>
      <c r="AS1274" t="s">
        <v>182</v>
      </c>
      <c r="AT1274" t="s">
        <v>205</v>
      </c>
      <c r="AU1274" t="s">
        <v>204</v>
      </c>
      <c r="AV1274" t="s">
        <v>201</v>
      </c>
      <c r="AZ1274" t="s">
        <v>207</v>
      </c>
      <c r="BC1274" t="s">
        <v>209</v>
      </c>
      <c r="BF1274" t="s">
        <v>49</v>
      </c>
      <c r="BG1274" s="1">
        <v>0</v>
      </c>
      <c r="BH1274" t="s">
        <v>247</v>
      </c>
      <c r="BK1274" t="s">
        <v>191</v>
      </c>
      <c r="BL1274" t="s">
        <v>2319</v>
      </c>
      <c r="BM1274" t="s">
        <v>191</v>
      </c>
      <c r="BN1274" t="s">
        <v>2320</v>
      </c>
      <c r="BO1274" t="s">
        <v>191</v>
      </c>
      <c r="BP1274" t="s">
        <v>2321</v>
      </c>
    </row>
    <row r="1275" spans="1:69" x14ac:dyDescent="0.25">
      <c r="A1275" s="1">
        <v>30453029</v>
      </c>
      <c r="B1275" t="s">
        <v>3000</v>
      </c>
      <c r="C1275" t="s">
        <v>39</v>
      </c>
      <c r="D1275" t="s">
        <v>2512</v>
      </c>
      <c r="E1275" t="s">
        <v>175</v>
      </c>
      <c r="L1275" t="s">
        <v>52</v>
      </c>
      <c r="M1275" s="1">
        <v>0</v>
      </c>
      <c r="N1275" s="1">
        <v>0</v>
      </c>
      <c r="O1275" t="s">
        <v>2512</v>
      </c>
      <c r="P1275" t="s">
        <v>216</v>
      </c>
      <c r="Q1275" t="s">
        <v>196</v>
      </c>
      <c r="S1275" s="1">
        <v>0</v>
      </c>
      <c r="T1275" t="s">
        <v>175</v>
      </c>
      <c r="W1275" t="s">
        <v>262</v>
      </c>
      <c r="X1275" t="s">
        <v>179</v>
      </c>
      <c r="Y1275" t="s">
        <v>224</v>
      </c>
      <c r="AC1275" t="s">
        <v>180</v>
      </c>
      <c r="AD1275" t="s">
        <v>175</v>
      </c>
      <c r="AE1275" t="s">
        <v>175</v>
      </c>
      <c r="AF1275" t="s">
        <v>175</v>
      </c>
      <c r="AG1275" t="s">
        <v>175</v>
      </c>
      <c r="AH1275" t="s">
        <v>200</v>
      </c>
      <c r="AI1275" t="s">
        <v>200</v>
      </c>
      <c r="AJ1275" t="s">
        <v>175</v>
      </c>
      <c r="AK1275" t="s">
        <v>200</v>
      </c>
      <c r="AL1275" t="s">
        <v>52</v>
      </c>
      <c r="AM1275" t="s">
        <v>182</v>
      </c>
      <c r="AN1275" t="s">
        <v>201</v>
      </c>
      <c r="AO1275" t="s">
        <v>206</v>
      </c>
      <c r="AP1275" t="s">
        <v>204</v>
      </c>
      <c r="AQ1275" t="s">
        <v>183</v>
      </c>
      <c r="AR1275" t="s">
        <v>205</v>
      </c>
      <c r="AS1275" t="s">
        <v>184</v>
      </c>
      <c r="AT1275" t="s">
        <v>202</v>
      </c>
      <c r="AU1275" t="s">
        <v>203</v>
      </c>
      <c r="AV1275" t="s">
        <v>185</v>
      </c>
      <c r="AW1275" t="s">
        <v>737</v>
      </c>
      <c r="AY1275" t="s">
        <v>187</v>
      </c>
      <c r="AZ1275" t="s">
        <v>207</v>
      </c>
      <c r="BB1275" t="s">
        <v>208</v>
      </c>
      <c r="BF1275" t="s">
        <v>210</v>
      </c>
      <c r="BG1275" s="1">
        <v>0</v>
      </c>
      <c r="BH1275" t="s">
        <v>247</v>
      </c>
      <c r="BK1275" t="s">
        <v>191</v>
      </c>
      <c r="BL1275" t="s">
        <v>3001</v>
      </c>
      <c r="BM1275" t="s">
        <v>191</v>
      </c>
      <c r="BN1275" t="s">
        <v>1419</v>
      </c>
      <c r="BO1275" t="s">
        <v>191</v>
      </c>
      <c r="BP1275" t="s">
        <v>401</v>
      </c>
      <c r="BQ1275" t="s">
        <v>3002</v>
      </c>
    </row>
    <row r="1276" spans="1:69" x14ac:dyDescent="0.25">
      <c r="A1276" s="1">
        <v>30453043</v>
      </c>
      <c r="B1276" t="s">
        <v>3590</v>
      </c>
      <c r="C1276" t="s">
        <v>39</v>
      </c>
      <c r="D1276" t="s">
        <v>3138</v>
      </c>
      <c r="E1276" t="s">
        <v>175</v>
      </c>
      <c r="L1276" t="s">
        <v>52</v>
      </c>
      <c r="M1276" s="1">
        <v>0</v>
      </c>
      <c r="N1276" s="1">
        <v>0</v>
      </c>
      <c r="O1276" t="s">
        <v>3139</v>
      </c>
      <c r="P1276" t="s">
        <v>176</v>
      </c>
      <c r="Q1276" t="s">
        <v>196</v>
      </c>
      <c r="S1276" t="s">
        <v>178</v>
      </c>
      <c r="T1276" t="s">
        <v>175</v>
      </c>
      <c r="X1276" t="s">
        <v>179</v>
      </c>
      <c r="Y1276" t="s">
        <v>224</v>
      </c>
      <c r="AC1276" t="s">
        <v>180</v>
      </c>
      <c r="AD1276" t="s">
        <v>181</v>
      </c>
      <c r="AE1276" t="s">
        <v>181</v>
      </c>
      <c r="AF1276" t="s">
        <v>181</v>
      </c>
      <c r="AG1276" t="s">
        <v>175</v>
      </c>
      <c r="AH1276" t="s">
        <v>230</v>
      </c>
      <c r="AI1276" t="s">
        <v>230</v>
      </c>
      <c r="AJ1276" t="s">
        <v>175</v>
      </c>
      <c r="AK1276" t="s">
        <v>175</v>
      </c>
      <c r="AL1276" t="s">
        <v>42</v>
      </c>
      <c r="AM1276" t="s">
        <v>201</v>
      </c>
      <c r="AN1276" t="s">
        <v>183</v>
      </c>
      <c r="AO1276" t="s">
        <v>184</v>
      </c>
      <c r="AP1276" t="s">
        <v>205</v>
      </c>
      <c r="AQ1276" t="s">
        <v>203</v>
      </c>
      <c r="AR1276" t="s">
        <v>202</v>
      </c>
      <c r="AS1276" t="s">
        <v>204</v>
      </c>
      <c r="AT1276" t="s">
        <v>185</v>
      </c>
      <c r="AU1276" t="s">
        <v>182</v>
      </c>
      <c r="AV1276" t="s">
        <v>206</v>
      </c>
      <c r="AW1276" t="s">
        <v>3591</v>
      </c>
      <c r="AX1276" t="s">
        <v>186</v>
      </c>
      <c r="AZ1276" t="s">
        <v>207</v>
      </c>
      <c r="BC1276" t="s">
        <v>209</v>
      </c>
      <c r="BF1276" t="s">
        <v>210</v>
      </c>
      <c r="BG1276" s="1">
        <v>0</v>
      </c>
      <c r="BH1276" t="s">
        <v>302</v>
      </c>
      <c r="BI1276" t="s">
        <v>3592</v>
      </c>
      <c r="BK1276" t="s">
        <v>191</v>
      </c>
      <c r="BL1276" t="s">
        <v>3593</v>
      </c>
      <c r="BM1276" t="s">
        <v>218</v>
      </c>
      <c r="BN1276" t="s">
        <v>3594</v>
      </c>
      <c r="BO1276" t="s">
        <v>191</v>
      </c>
      <c r="BP1276" t="s">
        <v>3595</v>
      </c>
      <c r="BQ1276" t="s">
        <v>3596</v>
      </c>
    </row>
    <row r="1277" spans="1:69" x14ac:dyDescent="0.25">
      <c r="A1277" s="1">
        <v>30453049</v>
      </c>
      <c r="B1277" t="s">
        <v>2322</v>
      </c>
      <c r="C1277" t="s">
        <v>39</v>
      </c>
      <c r="D1277" t="s">
        <v>1616</v>
      </c>
      <c r="E1277" t="s">
        <v>175</v>
      </c>
      <c r="L1277" t="s">
        <v>52</v>
      </c>
      <c r="M1277" s="1">
        <v>0</v>
      </c>
      <c r="N1277" s="1">
        <v>0</v>
      </c>
      <c r="O1277" t="s">
        <v>1616</v>
      </c>
      <c r="P1277" t="s">
        <v>176</v>
      </c>
      <c r="Q1277" t="s">
        <v>177</v>
      </c>
      <c r="S1277" t="s">
        <v>178</v>
      </c>
      <c r="T1277" t="s">
        <v>175</v>
      </c>
      <c r="Y1277" t="s">
        <v>224</v>
      </c>
      <c r="AC1277" t="s">
        <v>180</v>
      </c>
      <c r="AD1277" t="s">
        <v>175</v>
      </c>
      <c r="AE1277" t="s">
        <v>175</v>
      </c>
      <c r="AF1277" t="s">
        <v>175</v>
      </c>
      <c r="AG1277" t="s">
        <v>200</v>
      </c>
      <c r="AH1277" t="s">
        <v>175</v>
      </c>
      <c r="AI1277" t="s">
        <v>175</v>
      </c>
      <c r="AJ1277" t="s">
        <v>175</v>
      </c>
      <c r="AK1277" t="s">
        <v>175</v>
      </c>
      <c r="AL1277" t="s">
        <v>42</v>
      </c>
      <c r="AM1277" t="s">
        <v>201</v>
      </c>
      <c r="AN1277" t="s">
        <v>206</v>
      </c>
      <c r="AO1277" t="s">
        <v>185</v>
      </c>
      <c r="AP1277" t="s">
        <v>183</v>
      </c>
      <c r="AQ1277" t="s">
        <v>202</v>
      </c>
      <c r="AR1277" t="s">
        <v>203</v>
      </c>
      <c r="AS1277" t="s">
        <v>204</v>
      </c>
      <c r="AT1277" t="s">
        <v>184</v>
      </c>
      <c r="AU1277" t="s">
        <v>205</v>
      </c>
      <c r="AV1277" t="s">
        <v>182</v>
      </c>
      <c r="AY1277" t="s">
        <v>187</v>
      </c>
      <c r="BB1277" t="s">
        <v>208</v>
      </c>
      <c r="BF1277" t="s">
        <v>189</v>
      </c>
      <c r="BG1277" s="1">
        <v>0</v>
      </c>
      <c r="BH1277" t="s">
        <v>211</v>
      </c>
      <c r="BK1277" t="s">
        <v>191</v>
      </c>
      <c r="BL1277" t="s">
        <v>911</v>
      </c>
      <c r="BM1277" t="s">
        <v>191</v>
      </c>
      <c r="BN1277" t="s">
        <v>2323</v>
      </c>
      <c r="BO1277" t="s">
        <v>191</v>
      </c>
      <c r="BP1277" t="s">
        <v>2324</v>
      </c>
      <c r="BQ1277" t="s">
        <v>2325</v>
      </c>
    </row>
    <row r="1278" spans="1:69" x14ac:dyDescent="0.25">
      <c r="A1278" s="1">
        <v>30453056</v>
      </c>
      <c r="B1278" t="s">
        <v>3597</v>
      </c>
      <c r="C1278" t="s">
        <v>39</v>
      </c>
      <c r="D1278" t="s">
        <v>3138</v>
      </c>
      <c r="E1278" t="s">
        <v>200</v>
      </c>
      <c r="L1278" t="s">
        <v>52</v>
      </c>
      <c r="M1278" s="1">
        <v>0</v>
      </c>
      <c r="N1278" s="1">
        <v>0</v>
      </c>
      <c r="O1278" t="s">
        <v>3139</v>
      </c>
      <c r="P1278" t="s">
        <v>176</v>
      </c>
      <c r="Q1278" t="s">
        <v>177</v>
      </c>
      <c r="S1278" t="s">
        <v>222</v>
      </c>
      <c r="T1278" t="s">
        <v>200</v>
      </c>
      <c r="X1278" t="s">
        <v>179</v>
      </c>
      <c r="AC1278" t="s">
        <v>180</v>
      </c>
      <c r="AD1278" t="s">
        <v>200</v>
      </c>
      <c r="AE1278" t="s">
        <v>200</v>
      </c>
      <c r="AF1278" t="s">
        <v>200</v>
      </c>
      <c r="AG1278" t="s">
        <v>200</v>
      </c>
      <c r="AH1278" t="s">
        <v>200</v>
      </c>
      <c r="AI1278" t="s">
        <v>200</v>
      </c>
      <c r="AJ1278" t="s">
        <v>200</v>
      </c>
      <c r="AK1278" t="s">
        <v>200</v>
      </c>
      <c r="AL1278" t="s">
        <v>52</v>
      </c>
      <c r="AM1278" t="s">
        <v>183</v>
      </c>
      <c r="AN1278" t="s">
        <v>205</v>
      </c>
      <c r="AO1278" t="s">
        <v>184</v>
      </c>
      <c r="AP1278" t="s">
        <v>201</v>
      </c>
      <c r="AQ1278" t="s">
        <v>202</v>
      </c>
      <c r="AR1278" t="s">
        <v>203</v>
      </c>
      <c r="AS1278" t="s">
        <v>185</v>
      </c>
      <c r="AT1278" t="s">
        <v>204</v>
      </c>
      <c r="AU1278" t="s">
        <v>206</v>
      </c>
      <c r="AV1278" t="s">
        <v>182</v>
      </c>
      <c r="AY1278" t="s">
        <v>187</v>
      </c>
      <c r="BA1278" t="s">
        <v>188</v>
      </c>
      <c r="BF1278" t="s">
        <v>210</v>
      </c>
      <c r="BG1278" s="1">
        <v>0</v>
      </c>
      <c r="BH1278" t="s">
        <v>464</v>
      </c>
      <c r="BK1278" s="1">
        <v>0</v>
      </c>
      <c r="BL1278" t="s">
        <v>3598</v>
      </c>
      <c r="BM1278" t="s">
        <v>191</v>
      </c>
      <c r="BN1278" t="s">
        <v>3599</v>
      </c>
      <c r="BO1278" t="s">
        <v>191</v>
      </c>
      <c r="BP1278" t="s">
        <v>3600</v>
      </c>
    </row>
    <row r="1279" spans="1:69" x14ac:dyDescent="0.25">
      <c r="A1279" s="1">
        <v>30453057</v>
      </c>
      <c r="B1279" t="s">
        <v>1461</v>
      </c>
      <c r="C1279" t="s">
        <v>39</v>
      </c>
      <c r="D1279" t="s">
        <v>942</v>
      </c>
      <c r="E1279" t="s">
        <v>175</v>
      </c>
      <c r="L1279" t="s">
        <v>52</v>
      </c>
      <c r="M1279" s="1">
        <v>0</v>
      </c>
      <c r="N1279" s="1">
        <v>0</v>
      </c>
      <c r="O1279" t="s">
        <v>942</v>
      </c>
      <c r="P1279" t="s">
        <v>216</v>
      </c>
      <c r="Q1279" t="s">
        <v>328</v>
      </c>
      <c r="S1279" s="1">
        <v>0</v>
      </c>
      <c r="T1279" t="s">
        <v>175</v>
      </c>
      <c r="W1279" t="s">
        <v>262</v>
      </c>
      <c r="AC1279" t="s">
        <v>266</v>
      </c>
      <c r="AD1279" t="s">
        <v>200</v>
      </c>
      <c r="AE1279" t="s">
        <v>200</v>
      </c>
      <c r="AF1279" t="s">
        <v>200</v>
      </c>
      <c r="AG1279" t="s">
        <v>200</v>
      </c>
      <c r="AH1279" t="s">
        <v>200</v>
      </c>
      <c r="AI1279" t="s">
        <v>200</v>
      </c>
      <c r="AJ1279" t="s">
        <v>200</v>
      </c>
      <c r="AK1279" t="s">
        <v>200</v>
      </c>
      <c r="AL1279" t="s">
        <v>42</v>
      </c>
      <c r="AM1279" s="1">
        <v>0</v>
      </c>
      <c r="AN1279" s="1">
        <v>0</v>
      </c>
      <c r="AO1279" s="1">
        <v>0</v>
      </c>
      <c r="AP1279" s="1">
        <v>0</v>
      </c>
      <c r="AQ1279" s="1">
        <v>0</v>
      </c>
      <c r="AR1279" s="1">
        <v>0</v>
      </c>
      <c r="AS1279" s="1">
        <v>0</v>
      </c>
      <c r="AT1279" s="1">
        <v>0</v>
      </c>
      <c r="AU1279" s="1">
        <v>0</v>
      </c>
      <c r="AV1279" s="1">
        <v>0</v>
      </c>
      <c r="BF1279" s="1">
        <v>0</v>
      </c>
      <c r="BG1279" s="1">
        <v>0</v>
      </c>
      <c r="BH1279" s="1">
        <v>0</v>
      </c>
      <c r="BK1279" s="1">
        <v>0</v>
      </c>
      <c r="BM1279" s="1">
        <v>0</v>
      </c>
      <c r="BO1279" s="1">
        <v>0</v>
      </c>
    </row>
    <row r="1280" spans="1:69" x14ac:dyDescent="0.25">
      <c r="A1280" s="1">
        <v>30453059</v>
      </c>
      <c r="B1280" t="s">
        <v>4459</v>
      </c>
      <c r="C1280" t="s">
        <v>39</v>
      </c>
      <c r="D1280" t="s">
        <v>3727</v>
      </c>
      <c r="E1280" t="s">
        <v>175</v>
      </c>
      <c r="L1280" t="s">
        <v>52</v>
      </c>
      <c r="M1280" s="1">
        <v>0</v>
      </c>
      <c r="N1280" s="1">
        <v>0</v>
      </c>
      <c r="O1280" t="s">
        <v>3728</v>
      </c>
      <c r="P1280" t="s">
        <v>176</v>
      </c>
      <c r="Q1280" t="s">
        <v>177</v>
      </c>
      <c r="S1280" t="s">
        <v>222</v>
      </c>
      <c r="T1280" t="s">
        <v>175</v>
      </c>
      <c r="Y1280" t="s">
        <v>224</v>
      </c>
      <c r="AC1280" t="s">
        <v>180</v>
      </c>
      <c r="AD1280" t="s">
        <v>175</v>
      </c>
      <c r="AE1280" t="s">
        <v>175</v>
      </c>
      <c r="AF1280" t="s">
        <v>175</v>
      </c>
      <c r="AG1280" t="s">
        <v>175</v>
      </c>
      <c r="AH1280" t="s">
        <v>175</v>
      </c>
      <c r="AI1280" t="s">
        <v>175</v>
      </c>
      <c r="AJ1280" t="s">
        <v>181</v>
      </c>
      <c r="AK1280" t="s">
        <v>181</v>
      </c>
      <c r="AL1280" t="s">
        <v>42</v>
      </c>
      <c r="AM1280" s="1">
        <v>0</v>
      </c>
      <c r="AN1280" s="1">
        <v>0</v>
      </c>
      <c r="AO1280" t="s">
        <v>184</v>
      </c>
      <c r="AP1280" s="1">
        <v>0</v>
      </c>
      <c r="AQ1280" s="1">
        <v>0</v>
      </c>
      <c r="AR1280" s="1">
        <v>0</v>
      </c>
      <c r="AS1280" t="s">
        <v>185</v>
      </c>
      <c r="AT1280" s="1">
        <v>0</v>
      </c>
      <c r="AU1280" s="1">
        <v>0</v>
      </c>
      <c r="AV1280" s="1">
        <v>0</v>
      </c>
      <c r="AY1280" t="s">
        <v>187</v>
      </c>
      <c r="BF1280" t="s">
        <v>292</v>
      </c>
      <c r="BG1280" t="s">
        <v>233</v>
      </c>
      <c r="BH1280" t="s">
        <v>247</v>
      </c>
      <c r="BK1280" t="s">
        <v>191</v>
      </c>
      <c r="BL1280" t="s">
        <v>4460</v>
      </c>
      <c r="BM1280" t="s">
        <v>191</v>
      </c>
      <c r="BN1280" t="s">
        <v>4461</v>
      </c>
      <c r="BO1280" t="s">
        <v>191</v>
      </c>
      <c r="BP1280" t="s">
        <v>4461</v>
      </c>
    </row>
    <row r="1281" spans="1:69" x14ac:dyDescent="0.25">
      <c r="A1281" s="1">
        <v>30453065</v>
      </c>
      <c r="B1281" t="s">
        <v>3003</v>
      </c>
      <c r="C1281" t="s">
        <v>39</v>
      </c>
      <c r="D1281" t="s">
        <v>2512</v>
      </c>
      <c r="E1281" t="s">
        <v>175</v>
      </c>
      <c r="L1281" t="s">
        <v>52</v>
      </c>
      <c r="M1281" s="1">
        <v>0</v>
      </c>
      <c r="N1281" s="1">
        <v>0</v>
      </c>
      <c r="O1281" t="s">
        <v>2512</v>
      </c>
      <c r="P1281" t="s">
        <v>176</v>
      </c>
      <c r="Q1281" t="s">
        <v>238</v>
      </c>
      <c r="S1281" t="s">
        <v>178</v>
      </c>
      <c r="T1281" t="s">
        <v>175</v>
      </c>
      <c r="X1281" t="s">
        <v>179</v>
      </c>
      <c r="AC1281" t="s">
        <v>266</v>
      </c>
      <c r="AD1281" t="s">
        <v>181</v>
      </c>
      <c r="AE1281" t="s">
        <v>175</v>
      </c>
      <c r="AF1281" t="s">
        <v>175</v>
      </c>
      <c r="AG1281" t="s">
        <v>175</v>
      </c>
      <c r="AH1281" t="s">
        <v>175</v>
      </c>
      <c r="AI1281" t="s">
        <v>175</v>
      </c>
      <c r="AJ1281" t="s">
        <v>181</v>
      </c>
      <c r="AK1281" t="s">
        <v>175</v>
      </c>
      <c r="AL1281" t="s">
        <v>42</v>
      </c>
      <c r="AM1281" t="s">
        <v>182</v>
      </c>
      <c r="AN1281" t="s">
        <v>185</v>
      </c>
      <c r="AO1281" t="s">
        <v>184</v>
      </c>
      <c r="AP1281" t="s">
        <v>183</v>
      </c>
      <c r="AQ1281" t="s">
        <v>203</v>
      </c>
      <c r="AR1281" t="s">
        <v>205</v>
      </c>
      <c r="AS1281" t="s">
        <v>202</v>
      </c>
      <c r="AT1281" t="s">
        <v>201</v>
      </c>
      <c r="AU1281" t="s">
        <v>204</v>
      </c>
      <c r="AV1281" t="s">
        <v>206</v>
      </c>
      <c r="AX1281" t="s">
        <v>186</v>
      </c>
      <c r="BF1281" t="s">
        <v>292</v>
      </c>
      <c r="BG1281" t="s">
        <v>301</v>
      </c>
      <c r="BH1281" t="s">
        <v>247</v>
      </c>
      <c r="BK1281" s="1">
        <v>0</v>
      </c>
      <c r="BM1281" s="1">
        <v>0</v>
      </c>
      <c r="BO1281" s="1">
        <v>0</v>
      </c>
    </row>
    <row r="1282" spans="1:69" x14ac:dyDescent="0.25">
      <c r="A1282" s="1">
        <v>30453067</v>
      </c>
      <c r="B1282" t="s">
        <v>3601</v>
      </c>
      <c r="C1282" t="s">
        <v>39</v>
      </c>
      <c r="D1282" t="s">
        <v>3138</v>
      </c>
      <c r="E1282" t="s">
        <v>175</v>
      </c>
      <c r="L1282" t="s">
        <v>52</v>
      </c>
      <c r="M1282" s="1">
        <v>0</v>
      </c>
      <c r="N1282" s="1">
        <v>0</v>
      </c>
      <c r="O1282" t="s">
        <v>3139</v>
      </c>
      <c r="P1282" t="s">
        <v>176</v>
      </c>
      <c r="Q1282" t="s">
        <v>177</v>
      </c>
      <c r="S1282" t="s">
        <v>178</v>
      </c>
      <c r="T1282" t="s">
        <v>175</v>
      </c>
      <c r="Y1282" t="s">
        <v>224</v>
      </c>
      <c r="AC1282" t="s">
        <v>199</v>
      </c>
      <c r="AD1282" t="s">
        <v>181</v>
      </c>
      <c r="AE1282" t="s">
        <v>181</v>
      </c>
      <c r="AF1282" t="s">
        <v>181</v>
      </c>
      <c r="AG1282" t="s">
        <v>181</v>
      </c>
      <c r="AH1282" t="s">
        <v>181</v>
      </c>
      <c r="AI1282" t="s">
        <v>181</v>
      </c>
      <c r="AJ1282" t="s">
        <v>181</v>
      </c>
      <c r="AK1282" t="s">
        <v>181</v>
      </c>
      <c r="AL1282" t="s">
        <v>52</v>
      </c>
      <c r="AM1282" s="1">
        <v>0</v>
      </c>
      <c r="AN1282" s="1">
        <v>0</v>
      </c>
      <c r="AO1282" s="1">
        <v>0</v>
      </c>
      <c r="AP1282" s="1">
        <v>0</v>
      </c>
      <c r="AQ1282" s="1">
        <v>0</v>
      </c>
      <c r="AR1282" s="1">
        <v>0</v>
      </c>
      <c r="AS1282" s="1">
        <v>0</v>
      </c>
      <c r="AT1282" s="1">
        <v>0</v>
      </c>
      <c r="AU1282" s="1">
        <v>0</v>
      </c>
      <c r="AV1282" s="1">
        <v>0</v>
      </c>
      <c r="BA1282" t="s">
        <v>188</v>
      </c>
      <c r="BF1282" t="s">
        <v>292</v>
      </c>
      <c r="BG1282" t="s">
        <v>276</v>
      </c>
      <c r="BH1282" t="s">
        <v>247</v>
      </c>
      <c r="BK1282" t="s">
        <v>191</v>
      </c>
      <c r="BM1282" t="s">
        <v>191</v>
      </c>
      <c r="BO1282" t="s">
        <v>191</v>
      </c>
    </row>
    <row r="1283" spans="1:69" x14ac:dyDescent="0.25">
      <c r="A1283" s="1">
        <v>30453068</v>
      </c>
      <c r="B1283" t="s">
        <v>145</v>
      </c>
      <c r="C1283" t="s">
        <v>39</v>
      </c>
      <c r="L1283" s="1">
        <v>0</v>
      </c>
      <c r="M1283" s="1">
        <v>0</v>
      </c>
      <c r="N1283" s="1">
        <v>0</v>
      </c>
      <c r="O1283" s="1">
        <v>0</v>
      </c>
      <c r="P1283" s="1">
        <v>0</v>
      </c>
      <c r="Q1283" s="1">
        <v>0</v>
      </c>
      <c r="S1283" s="1">
        <v>0</v>
      </c>
      <c r="T1283" s="1">
        <v>0</v>
      </c>
      <c r="AC1283" s="1">
        <v>0</v>
      </c>
      <c r="AD1283" s="1">
        <v>0</v>
      </c>
      <c r="AE1283" s="1">
        <v>0</v>
      </c>
      <c r="AF1283" s="1">
        <v>0</v>
      </c>
      <c r="AG1283" s="1">
        <v>0</v>
      </c>
      <c r="AH1283" s="1">
        <v>0</v>
      </c>
      <c r="AI1283" s="1">
        <v>0</v>
      </c>
      <c r="AJ1283" s="1">
        <v>0</v>
      </c>
      <c r="AK1283" s="1">
        <v>0</v>
      </c>
      <c r="AL1283" s="1">
        <v>0</v>
      </c>
      <c r="AM1283" s="1">
        <v>0</v>
      </c>
      <c r="AN1283" s="1">
        <v>0</v>
      </c>
      <c r="AO1283" s="1">
        <v>0</v>
      </c>
      <c r="AP1283" s="1">
        <v>0</v>
      </c>
      <c r="AQ1283" s="1">
        <v>0</v>
      </c>
      <c r="AR1283" s="1">
        <v>0</v>
      </c>
      <c r="AS1283" s="1">
        <v>0</v>
      </c>
      <c r="AT1283" s="1">
        <v>0</v>
      </c>
      <c r="AU1283" s="1">
        <v>0</v>
      </c>
      <c r="AV1283" s="1">
        <v>0</v>
      </c>
      <c r="BF1283" s="1">
        <v>0</v>
      </c>
      <c r="BG1283" s="1">
        <v>0</v>
      </c>
      <c r="BH1283" s="1">
        <v>0</v>
      </c>
      <c r="BK1283" s="1">
        <v>0</v>
      </c>
      <c r="BM1283" s="1">
        <v>0</v>
      </c>
      <c r="BO1283" s="1">
        <v>0</v>
      </c>
    </row>
    <row r="1284" spans="1:69" x14ac:dyDescent="0.25">
      <c r="A1284" s="1">
        <v>30453069</v>
      </c>
      <c r="B1284" t="s">
        <v>4462</v>
      </c>
      <c r="C1284" t="s">
        <v>39</v>
      </c>
      <c r="D1284" t="s">
        <v>3727</v>
      </c>
      <c r="E1284" t="s">
        <v>216</v>
      </c>
      <c r="L1284" t="s">
        <v>52</v>
      </c>
      <c r="M1284" s="1">
        <v>0</v>
      </c>
      <c r="N1284" s="1">
        <v>0</v>
      </c>
      <c r="O1284" t="s">
        <v>3728</v>
      </c>
      <c r="P1284" t="s">
        <v>216</v>
      </c>
      <c r="Q1284" t="s">
        <v>258</v>
      </c>
      <c r="S1284" s="1">
        <v>0</v>
      </c>
      <c r="T1284" t="s">
        <v>299</v>
      </c>
      <c r="U1284" t="s">
        <v>4463</v>
      </c>
      <c r="X1284" t="s">
        <v>179</v>
      </c>
      <c r="Y1284" t="s">
        <v>224</v>
      </c>
      <c r="AC1284" t="s">
        <v>180</v>
      </c>
      <c r="AD1284" t="s">
        <v>299</v>
      </c>
      <c r="AE1284" t="s">
        <v>299</v>
      </c>
      <c r="AF1284" t="s">
        <v>299</v>
      </c>
      <c r="AG1284" t="s">
        <v>299</v>
      </c>
      <c r="AH1284" t="s">
        <v>175</v>
      </c>
      <c r="AI1284" t="s">
        <v>175</v>
      </c>
      <c r="AJ1284" t="s">
        <v>299</v>
      </c>
      <c r="AK1284" t="s">
        <v>299</v>
      </c>
      <c r="AL1284" t="s">
        <v>52</v>
      </c>
      <c r="AM1284" t="s">
        <v>205</v>
      </c>
      <c r="AN1284" t="s">
        <v>204</v>
      </c>
      <c r="AO1284" t="s">
        <v>182</v>
      </c>
      <c r="AP1284" t="s">
        <v>184</v>
      </c>
      <c r="AQ1284" t="s">
        <v>185</v>
      </c>
      <c r="AR1284" t="s">
        <v>183</v>
      </c>
      <c r="AS1284" t="s">
        <v>206</v>
      </c>
      <c r="AT1284" t="s">
        <v>203</v>
      </c>
      <c r="AU1284" t="s">
        <v>202</v>
      </c>
      <c r="AV1284" t="s">
        <v>201</v>
      </c>
      <c r="AX1284" t="s">
        <v>186</v>
      </c>
      <c r="AZ1284" t="s">
        <v>207</v>
      </c>
      <c r="BA1284" t="s">
        <v>188</v>
      </c>
      <c r="BC1284" t="s">
        <v>209</v>
      </c>
      <c r="BF1284" t="s">
        <v>189</v>
      </c>
      <c r="BG1284" s="1">
        <v>0</v>
      </c>
      <c r="BH1284" t="s">
        <v>412</v>
      </c>
      <c r="BI1284" t="s">
        <v>4464</v>
      </c>
      <c r="BK1284" t="s">
        <v>191</v>
      </c>
      <c r="BL1284" t="s">
        <v>4465</v>
      </c>
      <c r="BM1284" t="s">
        <v>191</v>
      </c>
      <c r="BN1284" t="s">
        <v>4466</v>
      </c>
      <c r="BO1284" t="s">
        <v>191</v>
      </c>
      <c r="BP1284" t="s">
        <v>4467</v>
      </c>
    </row>
    <row r="1285" spans="1:69" x14ac:dyDescent="0.25">
      <c r="A1285" s="1">
        <v>30453075</v>
      </c>
      <c r="B1285" t="s">
        <v>785</v>
      </c>
      <c r="C1285" t="s">
        <v>39</v>
      </c>
      <c r="D1285" t="s">
        <v>174</v>
      </c>
      <c r="E1285" t="s">
        <v>195</v>
      </c>
      <c r="L1285" t="s">
        <v>52</v>
      </c>
      <c r="M1285" s="1">
        <v>0</v>
      </c>
      <c r="N1285" s="1">
        <v>0</v>
      </c>
      <c r="O1285" t="s">
        <v>174</v>
      </c>
      <c r="P1285" t="s">
        <v>176</v>
      </c>
      <c r="Q1285" t="s">
        <v>177</v>
      </c>
      <c r="S1285" t="s">
        <v>178</v>
      </c>
      <c r="T1285" t="s">
        <v>197</v>
      </c>
      <c r="Y1285" t="s">
        <v>224</v>
      </c>
      <c r="AC1285" t="s">
        <v>199</v>
      </c>
      <c r="AD1285" t="s">
        <v>181</v>
      </c>
      <c r="AE1285" t="s">
        <v>175</v>
      </c>
      <c r="AF1285" t="s">
        <v>175</v>
      </c>
      <c r="AG1285" t="s">
        <v>181</v>
      </c>
      <c r="AH1285" t="s">
        <v>230</v>
      </c>
      <c r="AI1285" t="s">
        <v>230</v>
      </c>
      <c r="AJ1285" t="s">
        <v>175</v>
      </c>
      <c r="AK1285" t="s">
        <v>175</v>
      </c>
      <c r="AL1285" t="s">
        <v>52</v>
      </c>
      <c r="AM1285" t="s">
        <v>183</v>
      </c>
      <c r="AN1285" t="s">
        <v>206</v>
      </c>
      <c r="AO1285" t="s">
        <v>184</v>
      </c>
      <c r="AP1285" t="s">
        <v>204</v>
      </c>
      <c r="AQ1285" t="s">
        <v>185</v>
      </c>
      <c r="AR1285" t="s">
        <v>203</v>
      </c>
      <c r="AS1285" t="s">
        <v>202</v>
      </c>
      <c r="AT1285" t="s">
        <v>205</v>
      </c>
      <c r="AU1285" t="s">
        <v>201</v>
      </c>
      <c r="AV1285" t="s">
        <v>182</v>
      </c>
      <c r="AX1285" t="s">
        <v>186</v>
      </c>
      <c r="BC1285" t="s">
        <v>209</v>
      </c>
      <c r="BF1285" t="s">
        <v>292</v>
      </c>
      <c r="BG1285" t="s">
        <v>301</v>
      </c>
      <c r="BH1285" t="s">
        <v>190</v>
      </c>
      <c r="BK1285" t="s">
        <v>191</v>
      </c>
      <c r="BL1285" t="s">
        <v>786</v>
      </c>
      <c r="BM1285" t="s">
        <v>191</v>
      </c>
      <c r="BN1285" t="s">
        <v>787</v>
      </c>
      <c r="BO1285" s="1">
        <v>0</v>
      </c>
      <c r="BP1285" t="s">
        <v>788</v>
      </c>
      <c r="BQ1285" t="s">
        <v>789</v>
      </c>
    </row>
    <row r="1286" spans="1:69" x14ac:dyDescent="0.25">
      <c r="A1286" s="1">
        <v>30453076</v>
      </c>
      <c r="B1286" t="s">
        <v>1462</v>
      </c>
      <c r="C1286" t="s">
        <v>39</v>
      </c>
      <c r="D1286" t="s">
        <v>942</v>
      </c>
      <c r="E1286" t="s">
        <v>175</v>
      </c>
      <c r="L1286" t="s">
        <v>52</v>
      </c>
      <c r="M1286" s="1">
        <v>0</v>
      </c>
      <c r="N1286" s="1">
        <v>0</v>
      </c>
      <c r="O1286" t="s">
        <v>942</v>
      </c>
      <c r="P1286" t="s">
        <v>216</v>
      </c>
      <c r="Q1286" t="s">
        <v>177</v>
      </c>
      <c r="S1286" s="1">
        <v>0</v>
      </c>
      <c r="T1286" t="s">
        <v>175</v>
      </c>
      <c r="Y1286" t="s">
        <v>224</v>
      </c>
      <c r="AC1286" t="s">
        <v>180</v>
      </c>
      <c r="AD1286" t="s">
        <v>181</v>
      </c>
      <c r="AE1286" t="s">
        <v>175</v>
      </c>
      <c r="AF1286" t="s">
        <v>175</v>
      </c>
      <c r="AG1286" t="s">
        <v>181</v>
      </c>
      <c r="AH1286" t="s">
        <v>175</v>
      </c>
      <c r="AI1286" t="s">
        <v>175</v>
      </c>
      <c r="AJ1286" t="s">
        <v>230</v>
      </c>
      <c r="AK1286" t="s">
        <v>181</v>
      </c>
      <c r="AL1286" t="s">
        <v>42</v>
      </c>
      <c r="AM1286" t="s">
        <v>185</v>
      </c>
      <c r="AN1286" t="s">
        <v>183</v>
      </c>
      <c r="AO1286" t="s">
        <v>184</v>
      </c>
      <c r="AP1286" t="s">
        <v>203</v>
      </c>
      <c r="AQ1286" t="s">
        <v>204</v>
      </c>
      <c r="AR1286" t="s">
        <v>205</v>
      </c>
      <c r="AS1286" t="s">
        <v>202</v>
      </c>
      <c r="AT1286" t="s">
        <v>206</v>
      </c>
      <c r="AU1286" t="s">
        <v>201</v>
      </c>
      <c r="AV1286" t="s">
        <v>182</v>
      </c>
      <c r="BA1286" t="s">
        <v>188</v>
      </c>
      <c r="BF1286" t="s">
        <v>49</v>
      </c>
      <c r="BG1286" s="1">
        <v>0</v>
      </c>
      <c r="BH1286" t="s">
        <v>211</v>
      </c>
      <c r="BK1286" t="s">
        <v>191</v>
      </c>
      <c r="BL1286" t="s">
        <v>1463</v>
      </c>
      <c r="BM1286" t="s">
        <v>191</v>
      </c>
      <c r="BN1286" t="s">
        <v>1464</v>
      </c>
      <c r="BO1286" s="1">
        <v>0</v>
      </c>
      <c r="BP1286" t="s">
        <v>1465</v>
      </c>
      <c r="BQ1286" t="s">
        <v>1466</v>
      </c>
    </row>
    <row r="1287" spans="1:69" x14ac:dyDescent="0.25">
      <c r="A1287" s="1">
        <v>30453077</v>
      </c>
      <c r="B1287" t="s">
        <v>4468</v>
      </c>
      <c r="C1287" t="s">
        <v>39</v>
      </c>
      <c r="D1287" t="s">
        <v>3727</v>
      </c>
      <c r="E1287" t="s">
        <v>200</v>
      </c>
      <c r="L1287" t="s">
        <v>52</v>
      </c>
      <c r="M1287" s="1">
        <v>0</v>
      </c>
      <c r="N1287" s="1">
        <v>0</v>
      </c>
      <c r="O1287" t="s">
        <v>3728</v>
      </c>
      <c r="P1287" t="s">
        <v>216</v>
      </c>
      <c r="Q1287" t="s">
        <v>177</v>
      </c>
      <c r="S1287" s="1">
        <v>0</v>
      </c>
      <c r="T1287" t="s">
        <v>200</v>
      </c>
      <c r="Y1287" t="s">
        <v>224</v>
      </c>
      <c r="AC1287" t="s">
        <v>180</v>
      </c>
      <c r="AD1287" t="s">
        <v>200</v>
      </c>
      <c r="AE1287" t="s">
        <v>175</v>
      </c>
      <c r="AF1287" t="s">
        <v>200</v>
      </c>
      <c r="AG1287" t="s">
        <v>175</v>
      </c>
      <c r="AH1287" t="s">
        <v>200</v>
      </c>
      <c r="AI1287" t="s">
        <v>200</v>
      </c>
      <c r="AJ1287" t="s">
        <v>200</v>
      </c>
      <c r="AK1287" t="s">
        <v>175</v>
      </c>
      <c r="AL1287" t="s">
        <v>52</v>
      </c>
      <c r="AM1287" t="s">
        <v>184</v>
      </c>
      <c r="AN1287" s="1">
        <v>0</v>
      </c>
      <c r="AO1287" t="s">
        <v>182</v>
      </c>
      <c r="AP1287" s="1">
        <v>0</v>
      </c>
      <c r="AQ1287" s="1">
        <v>0</v>
      </c>
      <c r="AR1287" s="1">
        <v>0</v>
      </c>
      <c r="AS1287" s="1">
        <v>0</v>
      </c>
      <c r="AT1287" t="s">
        <v>185</v>
      </c>
      <c r="AU1287" s="1">
        <v>0</v>
      </c>
      <c r="AV1287" s="1">
        <v>0</v>
      </c>
      <c r="AW1287" t="s">
        <v>4469</v>
      </c>
      <c r="BB1287" t="s">
        <v>208</v>
      </c>
      <c r="BC1287" t="s">
        <v>209</v>
      </c>
      <c r="BD1287" t="s">
        <v>273</v>
      </c>
      <c r="BE1287" t="s">
        <v>4470</v>
      </c>
      <c r="BF1287" t="s">
        <v>292</v>
      </c>
      <c r="BG1287" t="s">
        <v>276</v>
      </c>
      <c r="BH1287" t="s">
        <v>464</v>
      </c>
      <c r="BK1287" t="s">
        <v>191</v>
      </c>
      <c r="BL1287" t="s">
        <v>4471</v>
      </c>
      <c r="BM1287" t="s">
        <v>191</v>
      </c>
      <c r="BN1287" t="s">
        <v>4472</v>
      </c>
      <c r="BO1287" t="s">
        <v>191</v>
      </c>
      <c r="BP1287" t="s">
        <v>4473</v>
      </c>
      <c r="BQ1287" t="s">
        <v>4474</v>
      </c>
    </row>
    <row r="1288" spans="1:69" x14ac:dyDescent="0.25">
      <c r="A1288" s="1">
        <v>30453079</v>
      </c>
      <c r="B1288" t="s">
        <v>4475</v>
      </c>
      <c r="C1288" t="s">
        <v>39</v>
      </c>
      <c r="D1288" t="s">
        <v>3727</v>
      </c>
      <c r="E1288" t="s">
        <v>175</v>
      </c>
      <c r="L1288" t="s">
        <v>52</v>
      </c>
      <c r="M1288" s="1">
        <v>0</v>
      </c>
      <c r="N1288" s="1">
        <v>0</v>
      </c>
      <c r="O1288" t="s">
        <v>3728</v>
      </c>
      <c r="P1288" t="s">
        <v>176</v>
      </c>
      <c r="Q1288" t="s">
        <v>177</v>
      </c>
      <c r="S1288" t="s">
        <v>178</v>
      </c>
      <c r="T1288" t="s">
        <v>175</v>
      </c>
      <c r="Y1288" t="s">
        <v>224</v>
      </c>
      <c r="AC1288" t="s">
        <v>199</v>
      </c>
      <c r="AD1288" t="s">
        <v>175</v>
      </c>
      <c r="AE1288" t="s">
        <v>175</v>
      </c>
      <c r="AF1288" t="s">
        <v>200</v>
      </c>
      <c r="AG1288" t="s">
        <v>181</v>
      </c>
      <c r="AH1288" t="s">
        <v>175</v>
      </c>
      <c r="AI1288" t="s">
        <v>175</v>
      </c>
      <c r="AJ1288" t="s">
        <v>181</v>
      </c>
      <c r="AK1288" t="s">
        <v>181</v>
      </c>
      <c r="AL1288" t="s">
        <v>42</v>
      </c>
      <c r="AM1288" t="s">
        <v>206</v>
      </c>
      <c r="AN1288" t="s">
        <v>204</v>
      </c>
      <c r="AO1288" t="s">
        <v>201</v>
      </c>
      <c r="AP1288" t="s">
        <v>182</v>
      </c>
      <c r="AQ1288" t="s">
        <v>185</v>
      </c>
      <c r="AR1288" t="s">
        <v>184</v>
      </c>
      <c r="AS1288" t="s">
        <v>183</v>
      </c>
      <c r="AT1288" t="s">
        <v>202</v>
      </c>
      <c r="AU1288" t="s">
        <v>203</v>
      </c>
      <c r="AV1288" t="s">
        <v>205</v>
      </c>
      <c r="AW1288" t="s">
        <v>4476</v>
      </c>
      <c r="AX1288" t="s">
        <v>186</v>
      </c>
      <c r="BA1288" t="s">
        <v>188</v>
      </c>
      <c r="BC1288" t="s">
        <v>209</v>
      </c>
      <c r="BF1288" t="s">
        <v>292</v>
      </c>
      <c r="BG1288" t="s">
        <v>276</v>
      </c>
      <c r="BH1288" t="s">
        <v>247</v>
      </c>
      <c r="BK1288" t="s">
        <v>191</v>
      </c>
      <c r="BL1288" t="s">
        <v>4477</v>
      </c>
      <c r="BM1288" t="s">
        <v>191</v>
      </c>
      <c r="BN1288" t="s">
        <v>4478</v>
      </c>
      <c r="BO1288" t="s">
        <v>191</v>
      </c>
      <c r="BP1288" t="s">
        <v>4479</v>
      </c>
    </row>
    <row r="1289" spans="1:69" x14ac:dyDescent="0.25">
      <c r="A1289" s="1">
        <v>30453081</v>
      </c>
      <c r="B1289" t="s">
        <v>3602</v>
      </c>
      <c r="C1289" t="s">
        <v>39</v>
      </c>
      <c r="D1289" t="s">
        <v>3138</v>
      </c>
      <c r="E1289" t="s">
        <v>200</v>
      </c>
      <c r="L1289" t="s">
        <v>52</v>
      </c>
      <c r="M1289" s="1">
        <v>0</v>
      </c>
      <c r="N1289" s="1">
        <v>0</v>
      </c>
      <c r="O1289" t="s">
        <v>3139</v>
      </c>
      <c r="P1289" t="s">
        <v>176</v>
      </c>
      <c r="Q1289" t="s">
        <v>196</v>
      </c>
      <c r="S1289" t="s">
        <v>222</v>
      </c>
      <c r="T1289" t="s">
        <v>200</v>
      </c>
      <c r="AA1289" t="s">
        <v>273</v>
      </c>
      <c r="AB1289" t="s">
        <v>3603</v>
      </c>
      <c r="AC1289" t="s">
        <v>180</v>
      </c>
      <c r="AD1289" s="1">
        <v>0</v>
      </c>
      <c r="AE1289" s="1">
        <v>0</v>
      </c>
      <c r="AF1289" s="1">
        <v>0</v>
      </c>
      <c r="AG1289" s="1">
        <v>0</v>
      </c>
      <c r="AH1289" s="1">
        <v>0</v>
      </c>
      <c r="AI1289" s="1">
        <v>0</v>
      </c>
      <c r="AJ1289" s="1">
        <v>0</v>
      </c>
      <c r="AK1289" s="1">
        <v>0</v>
      </c>
      <c r="AL1289" s="1">
        <v>0</v>
      </c>
      <c r="AM1289" s="1">
        <v>0</v>
      </c>
      <c r="AN1289" s="1">
        <v>0</v>
      </c>
      <c r="AO1289" s="1">
        <v>0</v>
      </c>
      <c r="AP1289" s="1">
        <v>0</v>
      </c>
      <c r="AQ1289" s="1">
        <v>0</v>
      </c>
      <c r="AR1289" s="1">
        <v>0</v>
      </c>
      <c r="AS1289" s="1">
        <v>0</v>
      </c>
      <c r="AT1289" s="1">
        <v>0</v>
      </c>
      <c r="AU1289" s="1">
        <v>0</v>
      </c>
      <c r="AV1289" s="1">
        <v>0</v>
      </c>
      <c r="BF1289" s="1">
        <v>0</v>
      </c>
      <c r="BG1289" s="1">
        <v>0</v>
      </c>
      <c r="BH1289" s="1">
        <v>0</v>
      </c>
      <c r="BK1289" s="1">
        <v>0</v>
      </c>
      <c r="BM1289" s="1">
        <v>0</v>
      </c>
      <c r="BO1289" s="1">
        <v>0</v>
      </c>
    </row>
    <row r="1290" spans="1:69" x14ac:dyDescent="0.25">
      <c r="A1290" s="1">
        <v>30453087</v>
      </c>
      <c r="B1290" t="s">
        <v>2326</v>
      </c>
      <c r="C1290" t="s">
        <v>39</v>
      </c>
      <c r="D1290" t="s">
        <v>1616</v>
      </c>
      <c r="L1290" t="s">
        <v>52</v>
      </c>
      <c r="M1290" s="1">
        <v>0</v>
      </c>
      <c r="N1290" s="1">
        <v>0</v>
      </c>
      <c r="O1290" t="s">
        <v>1616</v>
      </c>
      <c r="P1290" s="1">
        <v>0</v>
      </c>
      <c r="Q1290" s="1">
        <v>0</v>
      </c>
      <c r="S1290" s="1">
        <v>0</v>
      </c>
      <c r="T1290" s="1">
        <v>0</v>
      </c>
      <c r="AC1290" s="1">
        <v>0</v>
      </c>
      <c r="AD1290" s="1">
        <v>0</v>
      </c>
      <c r="AE1290" s="1">
        <v>0</v>
      </c>
      <c r="AF1290" s="1">
        <v>0</v>
      </c>
      <c r="AG1290" s="1">
        <v>0</v>
      </c>
      <c r="AH1290" s="1">
        <v>0</v>
      </c>
      <c r="AI1290" s="1">
        <v>0</v>
      </c>
      <c r="AJ1290" s="1">
        <v>0</v>
      </c>
      <c r="AK1290" s="1">
        <v>0</v>
      </c>
      <c r="AL1290" s="1">
        <v>0</v>
      </c>
      <c r="AM1290" s="1">
        <v>0</v>
      </c>
      <c r="AN1290" s="1">
        <v>0</v>
      </c>
      <c r="AO1290" s="1">
        <v>0</v>
      </c>
      <c r="AP1290" s="1">
        <v>0</v>
      </c>
      <c r="AQ1290" s="1">
        <v>0</v>
      </c>
      <c r="AR1290" s="1">
        <v>0</v>
      </c>
      <c r="AS1290" s="1">
        <v>0</v>
      </c>
      <c r="AT1290" s="1">
        <v>0</v>
      </c>
      <c r="AU1290" s="1">
        <v>0</v>
      </c>
      <c r="AV1290" s="1">
        <v>0</v>
      </c>
      <c r="BF1290" s="1">
        <v>0</v>
      </c>
      <c r="BG1290" s="1">
        <v>0</v>
      </c>
      <c r="BH1290" s="1">
        <v>0</v>
      </c>
      <c r="BK1290" s="1">
        <v>0</v>
      </c>
      <c r="BM1290" s="1">
        <v>0</v>
      </c>
      <c r="BO1290" s="1">
        <v>0</v>
      </c>
    </row>
    <row r="1291" spans="1:69" x14ac:dyDescent="0.25">
      <c r="A1291" s="1">
        <v>30453089</v>
      </c>
      <c r="B1291" t="s">
        <v>3604</v>
      </c>
      <c r="C1291" t="s">
        <v>39</v>
      </c>
      <c r="D1291" t="s">
        <v>3138</v>
      </c>
      <c r="E1291" t="s">
        <v>175</v>
      </c>
      <c r="L1291" t="s">
        <v>52</v>
      </c>
      <c r="M1291" s="1">
        <v>0</v>
      </c>
      <c r="N1291" s="1">
        <v>0</v>
      </c>
      <c r="O1291" t="s">
        <v>3139</v>
      </c>
      <c r="P1291" t="s">
        <v>216</v>
      </c>
      <c r="Q1291" t="s">
        <v>322</v>
      </c>
      <c r="S1291" s="1">
        <v>0</v>
      </c>
      <c r="T1291" t="s">
        <v>175</v>
      </c>
      <c r="Y1291" t="s">
        <v>224</v>
      </c>
      <c r="AC1291" t="s">
        <v>180</v>
      </c>
      <c r="AD1291" t="s">
        <v>175</v>
      </c>
      <c r="AE1291" t="s">
        <v>175</v>
      </c>
      <c r="AF1291" t="s">
        <v>200</v>
      </c>
      <c r="AG1291" t="s">
        <v>200</v>
      </c>
      <c r="AH1291" t="s">
        <v>200</v>
      </c>
      <c r="AI1291" t="s">
        <v>200</v>
      </c>
      <c r="AJ1291" t="s">
        <v>200</v>
      </c>
      <c r="AK1291" t="s">
        <v>175</v>
      </c>
      <c r="AL1291" t="s">
        <v>42</v>
      </c>
      <c r="AM1291" t="s">
        <v>182</v>
      </c>
      <c r="AN1291" t="s">
        <v>183</v>
      </c>
      <c r="AO1291" t="s">
        <v>184</v>
      </c>
      <c r="AP1291" t="s">
        <v>185</v>
      </c>
      <c r="AQ1291" t="s">
        <v>202</v>
      </c>
      <c r="AR1291" t="s">
        <v>204</v>
      </c>
      <c r="AS1291" t="s">
        <v>203</v>
      </c>
      <c r="AT1291" t="s">
        <v>201</v>
      </c>
      <c r="AU1291" t="s">
        <v>206</v>
      </c>
      <c r="AV1291" t="s">
        <v>205</v>
      </c>
      <c r="AX1291" t="s">
        <v>186</v>
      </c>
      <c r="AY1291" t="s">
        <v>187</v>
      </c>
      <c r="AZ1291" t="s">
        <v>207</v>
      </c>
      <c r="BA1291" t="s">
        <v>188</v>
      </c>
      <c r="BB1291" t="s">
        <v>208</v>
      </c>
      <c r="BF1291" t="s">
        <v>210</v>
      </c>
      <c r="BG1291" s="1">
        <v>0</v>
      </c>
      <c r="BH1291" t="s">
        <v>211</v>
      </c>
      <c r="BK1291" t="s">
        <v>191</v>
      </c>
      <c r="BL1291" t="s">
        <v>3605</v>
      </c>
      <c r="BM1291" t="s">
        <v>191</v>
      </c>
      <c r="BN1291" t="s">
        <v>1207</v>
      </c>
      <c r="BO1291" t="s">
        <v>191</v>
      </c>
      <c r="BP1291" t="s">
        <v>3606</v>
      </c>
    </row>
    <row r="1292" spans="1:69" x14ac:dyDescent="0.25">
      <c r="A1292" s="1">
        <v>30453092</v>
      </c>
      <c r="B1292" t="s">
        <v>4480</v>
      </c>
      <c r="C1292" t="s">
        <v>39</v>
      </c>
      <c r="D1292" t="s">
        <v>3727</v>
      </c>
      <c r="E1292" t="s">
        <v>200</v>
      </c>
      <c r="L1292" t="s">
        <v>52</v>
      </c>
      <c r="M1292" s="1">
        <v>0</v>
      </c>
      <c r="N1292" s="1">
        <v>0</v>
      </c>
      <c r="O1292" t="s">
        <v>3728</v>
      </c>
      <c r="P1292" t="s">
        <v>176</v>
      </c>
      <c r="Q1292" t="s">
        <v>238</v>
      </c>
      <c r="S1292" t="s">
        <v>178</v>
      </c>
      <c r="T1292" t="s">
        <v>200</v>
      </c>
      <c r="W1292" t="s">
        <v>262</v>
      </c>
      <c r="AC1292" t="s">
        <v>199</v>
      </c>
      <c r="AD1292" t="s">
        <v>175</v>
      </c>
      <c r="AE1292" t="s">
        <v>200</v>
      </c>
      <c r="AF1292" t="s">
        <v>175</v>
      </c>
      <c r="AG1292" t="s">
        <v>181</v>
      </c>
      <c r="AH1292" t="s">
        <v>175</v>
      </c>
      <c r="AI1292" t="s">
        <v>200</v>
      </c>
      <c r="AJ1292" t="s">
        <v>181</v>
      </c>
      <c r="AK1292" t="s">
        <v>175</v>
      </c>
      <c r="AL1292" t="s">
        <v>49</v>
      </c>
      <c r="AM1292" s="1">
        <v>0</v>
      </c>
      <c r="AN1292" s="1">
        <v>0</v>
      </c>
      <c r="AO1292" s="1">
        <v>0</v>
      </c>
      <c r="AP1292" s="1">
        <v>0</v>
      </c>
      <c r="AQ1292" s="1">
        <v>0</v>
      </c>
      <c r="AR1292" s="1">
        <v>0</v>
      </c>
      <c r="AS1292" s="1">
        <v>0</v>
      </c>
      <c r="AT1292" s="1">
        <v>0</v>
      </c>
      <c r="AU1292" s="1">
        <v>0</v>
      </c>
      <c r="AV1292" s="1">
        <v>0</v>
      </c>
      <c r="AX1292" t="s">
        <v>186</v>
      </c>
      <c r="BA1292" t="s">
        <v>188</v>
      </c>
      <c r="BF1292" t="s">
        <v>232</v>
      </c>
      <c r="BG1292" t="s">
        <v>276</v>
      </c>
      <c r="BH1292" t="s">
        <v>211</v>
      </c>
      <c r="BK1292" t="s">
        <v>191</v>
      </c>
      <c r="BL1292" t="s">
        <v>4481</v>
      </c>
      <c r="BM1292" t="s">
        <v>191</v>
      </c>
      <c r="BO1292" t="s">
        <v>218</v>
      </c>
    </row>
    <row r="1293" spans="1:69" x14ac:dyDescent="0.25">
      <c r="A1293" s="1">
        <v>30453103</v>
      </c>
      <c r="B1293" t="s">
        <v>2327</v>
      </c>
      <c r="C1293" t="s">
        <v>39</v>
      </c>
      <c r="D1293" t="s">
        <v>1616</v>
      </c>
      <c r="E1293" t="s">
        <v>195</v>
      </c>
      <c r="L1293" t="s">
        <v>52</v>
      </c>
      <c r="M1293" s="1">
        <v>0</v>
      </c>
      <c r="N1293" s="1">
        <v>0</v>
      </c>
      <c r="O1293" t="s">
        <v>1616</v>
      </c>
      <c r="P1293" t="s">
        <v>176</v>
      </c>
      <c r="Q1293" t="s">
        <v>238</v>
      </c>
      <c r="S1293" t="s">
        <v>178</v>
      </c>
      <c r="T1293" t="s">
        <v>197</v>
      </c>
      <c r="U1293" t="s">
        <v>2328</v>
      </c>
      <c r="X1293" t="s">
        <v>179</v>
      </c>
      <c r="Y1293" t="s">
        <v>224</v>
      </c>
      <c r="AC1293" t="s">
        <v>199</v>
      </c>
      <c r="AD1293" t="s">
        <v>181</v>
      </c>
      <c r="AE1293" t="s">
        <v>230</v>
      </c>
      <c r="AF1293" t="s">
        <v>230</v>
      </c>
      <c r="AG1293" t="s">
        <v>230</v>
      </c>
      <c r="AH1293" t="s">
        <v>175</v>
      </c>
      <c r="AI1293" t="s">
        <v>175</v>
      </c>
      <c r="AJ1293" t="s">
        <v>181</v>
      </c>
      <c r="AK1293" t="s">
        <v>181</v>
      </c>
      <c r="AL1293" t="s">
        <v>42</v>
      </c>
      <c r="AM1293" t="s">
        <v>185</v>
      </c>
      <c r="AN1293" t="s">
        <v>184</v>
      </c>
      <c r="AO1293" t="s">
        <v>183</v>
      </c>
      <c r="AP1293" s="1">
        <v>0</v>
      </c>
      <c r="AQ1293" s="1">
        <v>0</v>
      </c>
      <c r="AR1293" s="1">
        <v>0</v>
      </c>
      <c r="AS1293" s="1">
        <v>0</v>
      </c>
      <c r="AT1293" s="1">
        <v>0</v>
      </c>
      <c r="AU1293" s="1">
        <v>0</v>
      </c>
      <c r="AV1293" t="s">
        <v>182</v>
      </c>
      <c r="AX1293" t="s">
        <v>186</v>
      </c>
      <c r="AY1293" t="s">
        <v>187</v>
      </c>
      <c r="AZ1293" t="s">
        <v>207</v>
      </c>
      <c r="BA1293" t="s">
        <v>188</v>
      </c>
      <c r="BB1293" t="s">
        <v>208</v>
      </c>
      <c r="BC1293" t="s">
        <v>209</v>
      </c>
      <c r="BF1293" t="s">
        <v>232</v>
      </c>
      <c r="BG1293" t="s">
        <v>276</v>
      </c>
      <c r="BH1293" t="s">
        <v>211</v>
      </c>
      <c r="BK1293" t="s">
        <v>191</v>
      </c>
      <c r="BM1293" t="s">
        <v>191</v>
      </c>
      <c r="BO1293" t="s">
        <v>191</v>
      </c>
    </row>
    <row r="1294" spans="1:69" x14ac:dyDescent="0.25">
      <c r="A1294" s="1">
        <v>30453120</v>
      </c>
      <c r="B1294" t="s">
        <v>3607</v>
      </c>
      <c r="C1294" t="s">
        <v>39</v>
      </c>
      <c r="D1294" t="s">
        <v>3138</v>
      </c>
      <c r="E1294" t="s">
        <v>200</v>
      </c>
      <c r="L1294" t="s">
        <v>52</v>
      </c>
      <c r="M1294" s="1">
        <v>0</v>
      </c>
      <c r="N1294" s="1">
        <v>0</v>
      </c>
      <c r="O1294" t="s">
        <v>3139</v>
      </c>
      <c r="P1294" t="s">
        <v>216</v>
      </c>
      <c r="Q1294" t="s">
        <v>258</v>
      </c>
      <c r="S1294" s="1">
        <v>0</v>
      </c>
      <c r="T1294" t="s">
        <v>200</v>
      </c>
      <c r="W1294" t="s">
        <v>262</v>
      </c>
      <c r="X1294" t="s">
        <v>179</v>
      </c>
      <c r="AC1294" t="s">
        <v>180</v>
      </c>
      <c r="AD1294" t="s">
        <v>200</v>
      </c>
      <c r="AE1294" t="s">
        <v>200</v>
      </c>
      <c r="AF1294" t="s">
        <v>200</v>
      </c>
      <c r="AG1294" t="s">
        <v>200</v>
      </c>
      <c r="AH1294" t="s">
        <v>200</v>
      </c>
      <c r="AI1294" t="s">
        <v>200</v>
      </c>
      <c r="AJ1294" t="s">
        <v>200</v>
      </c>
      <c r="AK1294" t="s">
        <v>200</v>
      </c>
      <c r="AL1294" t="s">
        <v>52</v>
      </c>
      <c r="AM1294" s="1">
        <v>0</v>
      </c>
      <c r="AN1294" s="1">
        <v>0</v>
      </c>
      <c r="AO1294" s="1">
        <v>0</v>
      </c>
      <c r="AP1294" s="1">
        <v>0</v>
      </c>
      <c r="AQ1294" s="1">
        <v>0</v>
      </c>
      <c r="AR1294" s="1">
        <v>0</v>
      </c>
      <c r="AS1294" s="1">
        <v>0</v>
      </c>
      <c r="AT1294" t="s">
        <v>185</v>
      </c>
      <c r="AU1294" s="1">
        <v>0</v>
      </c>
      <c r="AV1294" t="s">
        <v>184</v>
      </c>
      <c r="AX1294" t="s">
        <v>186</v>
      </c>
      <c r="AY1294" t="s">
        <v>187</v>
      </c>
      <c r="BF1294" t="s">
        <v>210</v>
      </c>
      <c r="BG1294" s="1">
        <v>0</v>
      </c>
      <c r="BH1294" t="s">
        <v>211</v>
      </c>
      <c r="BK1294" t="s">
        <v>191</v>
      </c>
      <c r="BM1294" t="s">
        <v>191</v>
      </c>
      <c r="BO1294" t="s">
        <v>218</v>
      </c>
    </row>
    <row r="1295" spans="1:69" x14ac:dyDescent="0.25">
      <c r="A1295" s="1">
        <v>30453134</v>
      </c>
      <c r="B1295" t="s">
        <v>3004</v>
      </c>
      <c r="C1295" t="s">
        <v>39</v>
      </c>
      <c r="D1295" t="s">
        <v>2512</v>
      </c>
      <c r="E1295" t="s">
        <v>216</v>
      </c>
      <c r="L1295" t="s">
        <v>52</v>
      </c>
      <c r="M1295" s="1">
        <v>0</v>
      </c>
      <c r="N1295" s="1">
        <v>0</v>
      </c>
      <c r="O1295" t="s">
        <v>2512</v>
      </c>
      <c r="P1295" t="s">
        <v>216</v>
      </c>
      <c r="Q1295" t="s">
        <v>258</v>
      </c>
      <c r="S1295" s="1">
        <v>0</v>
      </c>
      <c r="T1295" t="s">
        <v>197</v>
      </c>
      <c r="X1295" t="s">
        <v>179</v>
      </c>
      <c r="AC1295" t="s">
        <v>199</v>
      </c>
      <c r="AD1295" t="s">
        <v>175</v>
      </c>
      <c r="AE1295" t="s">
        <v>181</v>
      </c>
      <c r="AF1295" t="s">
        <v>230</v>
      </c>
      <c r="AG1295" t="s">
        <v>230</v>
      </c>
      <c r="AH1295" t="s">
        <v>175</v>
      </c>
      <c r="AI1295" t="s">
        <v>175</v>
      </c>
      <c r="AJ1295" t="s">
        <v>230</v>
      </c>
      <c r="AK1295" t="s">
        <v>230</v>
      </c>
      <c r="AL1295" t="s">
        <v>42</v>
      </c>
      <c r="AM1295" t="s">
        <v>201</v>
      </c>
      <c r="AN1295" t="s">
        <v>204</v>
      </c>
      <c r="AO1295" t="s">
        <v>205</v>
      </c>
      <c r="AP1295" t="s">
        <v>183</v>
      </c>
      <c r="AQ1295" t="s">
        <v>185</v>
      </c>
      <c r="AR1295" t="s">
        <v>184</v>
      </c>
      <c r="AS1295" t="s">
        <v>182</v>
      </c>
      <c r="AT1295" t="s">
        <v>206</v>
      </c>
      <c r="AU1295" t="s">
        <v>202</v>
      </c>
      <c r="AV1295" t="s">
        <v>203</v>
      </c>
      <c r="AX1295" t="s">
        <v>186</v>
      </c>
      <c r="AY1295" t="s">
        <v>187</v>
      </c>
      <c r="AZ1295" t="s">
        <v>207</v>
      </c>
      <c r="BA1295" t="s">
        <v>188</v>
      </c>
      <c r="BB1295" t="s">
        <v>208</v>
      </c>
      <c r="BC1295" t="s">
        <v>209</v>
      </c>
      <c r="BF1295" t="s">
        <v>232</v>
      </c>
      <c r="BG1295" t="s">
        <v>315</v>
      </c>
      <c r="BH1295" t="s">
        <v>211</v>
      </c>
      <c r="BK1295" t="s">
        <v>191</v>
      </c>
      <c r="BM1295" t="s">
        <v>191</v>
      </c>
      <c r="BO1295" t="s">
        <v>191</v>
      </c>
    </row>
    <row r="1296" spans="1:69" x14ac:dyDescent="0.25">
      <c r="A1296" s="1">
        <v>30453251</v>
      </c>
      <c r="B1296" t="s">
        <v>4482</v>
      </c>
      <c r="C1296" t="s">
        <v>39</v>
      </c>
      <c r="D1296" t="s">
        <v>3727</v>
      </c>
      <c r="E1296" t="s">
        <v>200</v>
      </c>
      <c r="L1296" t="s">
        <v>52</v>
      </c>
      <c r="M1296" s="1">
        <v>0</v>
      </c>
      <c r="N1296" s="1">
        <v>0</v>
      </c>
      <c r="O1296" t="s">
        <v>3728</v>
      </c>
      <c r="P1296" t="s">
        <v>216</v>
      </c>
      <c r="Q1296" t="s">
        <v>258</v>
      </c>
      <c r="S1296" s="1">
        <v>0</v>
      </c>
      <c r="T1296" t="s">
        <v>200</v>
      </c>
      <c r="Z1296" t="s">
        <v>244</v>
      </c>
      <c r="AC1296" t="s">
        <v>266</v>
      </c>
      <c r="AD1296" t="s">
        <v>175</v>
      </c>
      <c r="AE1296" t="s">
        <v>175</v>
      </c>
      <c r="AF1296" t="s">
        <v>181</v>
      </c>
      <c r="AG1296" t="s">
        <v>181</v>
      </c>
      <c r="AH1296" t="s">
        <v>181</v>
      </c>
      <c r="AI1296" t="s">
        <v>200</v>
      </c>
      <c r="AJ1296" t="s">
        <v>175</v>
      </c>
      <c r="AK1296" t="s">
        <v>175</v>
      </c>
      <c r="AL1296" t="s">
        <v>49</v>
      </c>
      <c r="AM1296" t="s">
        <v>205</v>
      </c>
      <c r="AN1296" t="s">
        <v>185</v>
      </c>
      <c r="AO1296" t="s">
        <v>202</v>
      </c>
      <c r="AP1296" t="s">
        <v>204</v>
      </c>
      <c r="AQ1296" t="s">
        <v>184</v>
      </c>
      <c r="AR1296" t="s">
        <v>182</v>
      </c>
      <c r="AS1296" t="s">
        <v>203</v>
      </c>
      <c r="AT1296" t="s">
        <v>183</v>
      </c>
      <c r="AU1296" t="s">
        <v>201</v>
      </c>
      <c r="AV1296" t="s">
        <v>206</v>
      </c>
      <c r="BF1296" s="1">
        <v>0</v>
      </c>
      <c r="BG1296" s="1">
        <v>0</v>
      </c>
      <c r="BH1296" s="1">
        <v>0</v>
      </c>
      <c r="BK1296" s="1">
        <v>0</v>
      </c>
      <c r="BM1296" s="1">
        <v>0</v>
      </c>
      <c r="BO1296" s="1">
        <v>0</v>
      </c>
    </row>
    <row r="1297" spans="1:69" x14ac:dyDescent="0.25">
      <c r="A1297" s="1">
        <v>30453253</v>
      </c>
      <c r="B1297" t="s">
        <v>3608</v>
      </c>
      <c r="C1297" t="s">
        <v>39</v>
      </c>
      <c r="D1297" t="s">
        <v>3138</v>
      </c>
      <c r="E1297" t="s">
        <v>216</v>
      </c>
      <c r="L1297" t="s">
        <v>52</v>
      </c>
      <c r="M1297" s="1">
        <v>0</v>
      </c>
      <c r="N1297" s="1">
        <v>0</v>
      </c>
      <c r="O1297" t="s">
        <v>3139</v>
      </c>
      <c r="P1297" t="s">
        <v>216</v>
      </c>
      <c r="Q1297" t="s">
        <v>177</v>
      </c>
      <c r="S1297" s="1">
        <v>0</v>
      </c>
      <c r="T1297" t="s">
        <v>297</v>
      </c>
      <c r="U1297" t="s">
        <v>3609</v>
      </c>
      <c r="V1297" t="s">
        <v>397</v>
      </c>
      <c r="W1297" t="s">
        <v>262</v>
      </c>
      <c r="X1297" t="s">
        <v>179</v>
      </c>
      <c r="AA1297" t="s">
        <v>273</v>
      </c>
      <c r="AB1297" t="s">
        <v>3610</v>
      </c>
      <c r="AC1297" t="s">
        <v>180</v>
      </c>
      <c r="AD1297" t="s">
        <v>299</v>
      </c>
      <c r="AE1297" t="s">
        <v>230</v>
      </c>
      <c r="AF1297" t="s">
        <v>299</v>
      </c>
      <c r="AG1297" t="s">
        <v>230</v>
      </c>
      <c r="AH1297" t="s">
        <v>175</v>
      </c>
      <c r="AI1297" t="s">
        <v>181</v>
      </c>
      <c r="AJ1297" t="s">
        <v>230</v>
      </c>
      <c r="AK1297" t="s">
        <v>299</v>
      </c>
      <c r="AL1297" t="s">
        <v>42</v>
      </c>
      <c r="AM1297" t="s">
        <v>204</v>
      </c>
      <c r="AN1297" t="s">
        <v>201</v>
      </c>
      <c r="AO1297" t="s">
        <v>183</v>
      </c>
      <c r="AP1297" t="s">
        <v>182</v>
      </c>
      <c r="AQ1297" t="s">
        <v>185</v>
      </c>
      <c r="AR1297" t="s">
        <v>184</v>
      </c>
      <c r="AS1297" t="s">
        <v>203</v>
      </c>
      <c r="AT1297" t="s">
        <v>205</v>
      </c>
      <c r="AU1297" t="s">
        <v>206</v>
      </c>
      <c r="AV1297" t="s">
        <v>202</v>
      </c>
      <c r="AW1297" t="s">
        <v>3611</v>
      </c>
      <c r="AX1297" t="s">
        <v>186</v>
      </c>
      <c r="AZ1297" t="s">
        <v>207</v>
      </c>
      <c r="BF1297" t="s">
        <v>292</v>
      </c>
      <c r="BG1297" t="s">
        <v>233</v>
      </c>
      <c r="BH1297" t="s">
        <v>247</v>
      </c>
      <c r="BK1297" t="s">
        <v>191</v>
      </c>
      <c r="BL1297" t="s">
        <v>3612</v>
      </c>
      <c r="BM1297" t="s">
        <v>191</v>
      </c>
      <c r="BO1297" t="s">
        <v>191</v>
      </c>
      <c r="BP1297" t="s">
        <v>3613</v>
      </c>
    </row>
    <row r="1298" spans="1:69" x14ac:dyDescent="0.25">
      <c r="A1298" s="1">
        <v>30453276</v>
      </c>
      <c r="B1298" t="s">
        <v>3005</v>
      </c>
      <c r="C1298" t="s">
        <v>39</v>
      </c>
      <c r="D1298" t="s">
        <v>2512</v>
      </c>
      <c r="E1298" t="s">
        <v>200</v>
      </c>
      <c r="L1298" t="s">
        <v>52</v>
      </c>
      <c r="M1298" s="1">
        <v>0</v>
      </c>
      <c r="N1298" s="1">
        <v>0</v>
      </c>
      <c r="O1298" t="s">
        <v>2512</v>
      </c>
      <c r="P1298" t="s">
        <v>176</v>
      </c>
      <c r="Q1298" t="s">
        <v>177</v>
      </c>
      <c r="S1298" t="s">
        <v>349</v>
      </c>
      <c r="T1298" t="s">
        <v>200</v>
      </c>
      <c r="Y1298" t="s">
        <v>224</v>
      </c>
      <c r="AC1298" t="s">
        <v>180</v>
      </c>
      <c r="AD1298" t="s">
        <v>175</v>
      </c>
      <c r="AE1298" t="s">
        <v>175</v>
      </c>
      <c r="AF1298" t="s">
        <v>175</v>
      </c>
      <c r="AG1298" t="s">
        <v>200</v>
      </c>
      <c r="AH1298" t="s">
        <v>200</v>
      </c>
      <c r="AI1298" t="s">
        <v>200</v>
      </c>
      <c r="AJ1298" t="s">
        <v>200</v>
      </c>
      <c r="AK1298" t="s">
        <v>200</v>
      </c>
      <c r="AL1298" t="s">
        <v>42</v>
      </c>
      <c r="AM1298" t="s">
        <v>205</v>
      </c>
      <c r="AN1298" t="s">
        <v>206</v>
      </c>
      <c r="AO1298" t="s">
        <v>183</v>
      </c>
      <c r="AP1298" t="s">
        <v>202</v>
      </c>
      <c r="AQ1298" t="s">
        <v>204</v>
      </c>
      <c r="AR1298" t="s">
        <v>203</v>
      </c>
      <c r="AS1298" t="s">
        <v>201</v>
      </c>
      <c r="AT1298" t="s">
        <v>185</v>
      </c>
      <c r="AU1298" t="s">
        <v>184</v>
      </c>
      <c r="AV1298" t="s">
        <v>182</v>
      </c>
      <c r="AX1298" t="s">
        <v>186</v>
      </c>
      <c r="AY1298" t="s">
        <v>187</v>
      </c>
      <c r="AZ1298" t="s">
        <v>207</v>
      </c>
      <c r="BB1298" t="s">
        <v>208</v>
      </c>
      <c r="BC1298" t="s">
        <v>209</v>
      </c>
      <c r="BF1298" t="s">
        <v>292</v>
      </c>
      <c r="BG1298" t="s">
        <v>276</v>
      </c>
      <c r="BH1298" t="s">
        <v>247</v>
      </c>
      <c r="BK1298" t="s">
        <v>191</v>
      </c>
      <c r="BM1298" t="s">
        <v>218</v>
      </c>
      <c r="BO1298" t="s">
        <v>218</v>
      </c>
      <c r="BQ1298" t="s">
        <v>3006</v>
      </c>
    </row>
    <row r="1299" spans="1:69" x14ac:dyDescent="0.25">
      <c r="A1299" s="1">
        <v>30453282</v>
      </c>
      <c r="B1299" t="s">
        <v>790</v>
      </c>
      <c r="C1299" t="s">
        <v>39</v>
      </c>
      <c r="D1299" t="s">
        <v>174</v>
      </c>
      <c r="E1299" t="s">
        <v>175</v>
      </c>
      <c r="L1299" t="s">
        <v>52</v>
      </c>
      <c r="M1299" s="1">
        <v>0</v>
      </c>
      <c r="N1299" s="1">
        <v>0</v>
      </c>
      <c r="O1299" t="s">
        <v>174</v>
      </c>
      <c r="P1299" t="s">
        <v>176</v>
      </c>
      <c r="Q1299" t="s">
        <v>177</v>
      </c>
      <c r="S1299" t="s">
        <v>178</v>
      </c>
      <c r="T1299" t="s">
        <v>175</v>
      </c>
      <c r="W1299" t="s">
        <v>262</v>
      </c>
      <c r="AC1299" t="s">
        <v>199</v>
      </c>
      <c r="AD1299" t="s">
        <v>175</v>
      </c>
      <c r="AE1299" t="s">
        <v>181</v>
      </c>
      <c r="AF1299" t="s">
        <v>175</v>
      </c>
      <c r="AG1299" t="s">
        <v>175</v>
      </c>
      <c r="AH1299" t="s">
        <v>175</v>
      </c>
      <c r="AI1299" t="s">
        <v>175</v>
      </c>
      <c r="AJ1299" t="s">
        <v>175</v>
      </c>
      <c r="AK1299" t="s">
        <v>175</v>
      </c>
      <c r="AL1299" t="s">
        <v>42</v>
      </c>
      <c r="AM1299" s="1">
        <v>0</v>
      </c>
      <c r="AN1299" s="1">
        <v>0</v>
      </c>
      <c r="AO1299" s="1">
        <v>0</v>
      </c>
      <c r="AP1299" s="1">
        <v>0</v>
      </c>
      <c r="AQ1299" s="1">
        <v>0</v>
      </c>
      <c r="AR1299" s="1">
        <v>0</v>
      </c>
      <c r="AS1299" s="1">
        <v>0</v>
      </c>
      <c r="AT1299" t="s">
        <v>185</v>
      </c>
      <c r="AU1299" t="s">
        <v>184</v>
      </c>
      <c r="AV1299" s="1">
        <v>0</v>
      </c>
      <c r="AY1299" t="s">
        <v>187</v>
      </c>
      <c r="AZ1299" t="s">
        <v>207</v>
      </c>
      <c r="BF1299" t="s">
        <v>189</v>
      </c>
      <c r="BG1299" s="1">
        <v>0</v>
      </c>
      <c r="BH1299" t="s">
        <v>211</v>
      </c>
      <c r="BK1299" t="s">
        <v>191</v>
      </c>
      <c r="BM1299" t="s">
        <v>191</v>
      </c>
      <c r="BO1299" t="s">
        <v>191</v>
      </c>
    </row>
    <row r="1300" spans="1:69" x14ac:dyDescent="0.25">
      <c r="A1300" s="1">
        <v>30453283</v>
      </c>
      <c r="B1300" t="s">
        <v>1467</v>
      </c>
      <c r="C1300" t="s">
        <v>39</v>
      </c>
      <c r="D1300" t="s">
        <v>942</v>
      </c>
      <c r="E1300" t="s">
        <v>200</v>
      </c>
      <c r="L1300" t="s">
        <v>52</v>
      </c>
      <c r="M1300" s="1">
        <v>0</v>
      </c>
      <c r="N1300" s="1">
        <v>0</v>
      </c>
      <c r="O1300" t="s">
        <v>942</v>
      </c>
      <c r="P1300" t="s">
        <v>176</v>
      </c>
      <c r="Q1300" t="s">
        <v>177</v>
      </c>
      <c r="S1300" t="s">
        <v>349</v>
      </c>
      <c r="T1300" t="s">
        <v>200</v>
      </c>
      <c r="AA1300" t="s">
        <v>273</v>
      </c>
      <c r="AB1300" t="s">
        <v>1468</v>
      </c>
      <c r="AC1300" t="s">
        <v>180</v>
      </c>
      <c r="AD1300" t="s">
        <v>200</v>
      </c>
      <c r="AE1300" t="s">
        <v>200</v>
      </c>
      <c r="AF1300" t="s">
        <v>200</v>
      </c>
      <c r="AG1300" t="s">
        <v>200</v>
      </c>
      <c r="AH1300" t="s">
        <v>200</v>
      </c>
      <c r="AI1300" t="s">
        <v>200</v>
      </c>
      <c r="AJ1300" t="s">
        <v>200</v>
      </c>
      <c r="AK1300" t="s">
        <v>200</v>
      </c>
      <c r="AL1300" t="s">
        <v>42</v>
      </c>
      <c r="AM1300" t="s">
        <v>182</v>
      </c>
      <c r="AN1300" s="1">
        <v>0</v>
      </c>
      <c r="AO1300" t="s">
        <v>184</v>
      </c>
      <c r="AP1300" t="s">
        <v>183</v>
      </c>
      <c r="AQ1300" s="1">
        <v>0</v>
      </c>
      <c r="AR1300" s="1">
        <v>0</v>
      </c>
      <c r="AS1300" s="1">
        <v>0</v>
      </c>
      <c r="AT1300" s="1">
        <v>0</v>
      </c>
      <c r="AU1300" s="1">
        <v>0</v>
      </c>
      <c r="AV1300" t="s">
        <v>185</v>
      </c>
      <c r="AX1300" t="s">
        <v>186</v>
      </c>
      <c r="AZ1300" t="s">
        <v>207</v>
      </c>
      <c r="BF1300" t="s">
        <v>210</v>
      </c>
      <c r="BG1300" s="1">
        <v>0</v>
      </c>
      <c r="BH1300" t="s">
        <v>464</v>
      </c>
      <c r="BK1300" t="s">
        <v>191</v>
      </c>
      <c r="BL1300" t="s">
        <v>1469</v>
      </c>
      <c r="BM1300" t="s">
        <v>191</v>
      </c>
      <c r="BN1300" t="s">
        <v>1469</v>
      </c>
      <c r="BO1300" t="s">
        <v>218</v>
      </c>
      <c r="BP1300" t="s">
        <v>1470</v>
      </c>
    </row>
    <row r="1301" spans="1:69" x14ac:dyDescent="0.25">
      <c r="A1301" s="1">
        <v>30453288</v>
      </c>
      <c r="B1301" t="s">
        <v>1471</v>
      </c>
      <c r="C1301" t="s">
        <v>39</v>
      </c>
      <c r="D1301" t="s">
        <v>942</v>
      </c>
      <c r="E1301" t="s">
        <v>216</v>
      </c>
      <c r="L1301" t="s">
        <v>52</v>
      </c>
      <c r="M1301" s="1">
        <v>0</v>
      </c>
      <c r="N1301" s="1">
        <v>0</v>
      </c>
      <c r="O1301" t="s">
        <v>942</v>
      </c>
      <c r="P1301" t="s">
        <v>216</v>
      </c>
      <c r="Q1301" t="s">
        <v>328</v>
      </c>
      <c r="S1301" s="1">
        <v>0</v>
      </c>
      <c r="T1301" t="s">
        <v>197</v>
      </c>
      <c r="U1301" t="s">
        <v>1445</v>
      </c>
      <c r="AA1301" t="s">
        <v>273</v>
      </c>
      <c r="AB1301" t="s">
        <v>1472</v>
      </c>
      <c r="AC1301" t="s">
        <v>266</v>
      </c>
      <c r="AD1301" t="s">
        <v>181</v>
      </c>
      <c r="AE1301" t="s">
        <v>181</v>
      </c>
      <c r="AF1301" t="s">
        <v>181</v>
      </c>
      <c r="AG1301" t="s">
        <v>181</v>
      </c>
      <c r="AH1301" t="s">
        <v>181</v>
      </c>
      <c r="AI1301" t="s">
        <v>181</v>
      </c>
      <c r="AJ1301" t="s">
        <v>181</v>
      </c>
      <c r="AK1301" t="s">
        <v>181</v>
      </c>
      <c r="AL1301" t="s">
        <v>42</v>
      </c>
      <c r="AM1301" t="s">
        <v>185</v>
      </c>
      <c r="AN1301" t="s">
        <v>203</v>
      </c>
      <c r="AO1301" t="s">
        <v>184</v>
      </c>
      <c r="AP1301" t="s">
        <v>183</v>
      </c>
      <c r="AQ1301" t="s">
        <v>204</v>
      </c>
      <c r="AR1301" t="s">
        <v>201</v>
      </c>
      <c r="AS1301" t="s">
        <v>205</v>
      </c>
      <c r="AT1301" t="s">
        <v>206</v>
      </c>
      <c r="AU1301" t="s">
        <v>202</v>
      </c>
      <c r="AV1301" t="s">
        <v>182</v>
      </c>
      <c r="AZ1301" t="s">
        <v>207</v>
      </c>
      <c r="BF1301" t="s">
        <v>210</v>
      </c>
      <c r="BG1301" s="1">
        <v>0</v>
      </c>
      <c r="BH1301" t="s">
        <v>211</v>
      </c>
      <c r="BK1301" t="s">
        <v>191</v>
      </c>
      <c r="BM1301" t="s">
        <v>218</v>
      </c>
      <c r="BO1301" t="s">
        <v>218</v>
      </c>
    </row>
    <row r="1302" spans="1:69" x14ac:dyDescent="0.25">
      <c r="A1302" s="1">
        <v>30453293</v>
      </c>
      <c r="B1302" t="s">
        <v>2329</v>
      </c>
      <c r="C1302" t="s">
        <v>39</v>
      </c>
      <c r="D1302" t="s">
        <v>1616</v>
      </c>
      <c r="E1302" t="s">
        <v>175</v>
      </c>
      <c r="L1302" t="s">
        <v>52</v>
      </c>
      <c r="M1302" s="1">
        <v>0</v>
      </c>
      <c r="N1302" s="1">
        <v>0</v>
      </c>
      <c r="O1302" t="s">
        <v>1616</v>
      </c>
      <c r="P1302" t="s">
        <v>176</v>
      </c>
      <c r="Q1302" t="s">
        <v>196</v>
      </c>
      <c r="S1302" t="s">
        <v>349</v>
      </c>
      <c r="T1302" t="s">
        <v>175</v>
      </c>
      <c r="Z1302" t="s">
        <v>244</v>
      </c>
      <c r="AC1302" t="s">
        <v>225</v>
      </c>
      <c r="AD1302" t="s">
        <v>181</v>
      </c>
      <c r="AE1302" t="s">
        <v>230</v>
      </c>
      <c r="AF1302" t="s">
        <v>230</v>
      </c>
      <c r="AG1302" t="s">
        <v>175</v>
      </c>
      <c r="AH1302" t="s">
        <v>175</v>
      </c>
      <c r="AI1302" t="s">
        <v>175</v>
      </c>
      <c r="AJ1302" t="s">
        <v>230</v>
      </c>
      <c r="AK1302" t="s">
        <v>230</v>
      </c>
      <c r="AL1302" t="s">
        <v>42</v>
      </c>
      <c r="AM1302" t="s">
        <v>205</v>
      </c>
      <c r="AN1302" t="s">
        <v>184</v>
      </c>
      <c r="AO1302" t="s">
        <v>206</v>
      </c>
      <c r="AP1302" t="s">
        <v>204</v>
      </c>
      <c r="AQ1302" s="1">
        <v>0</v>
      </c>
      <c r="AR1302" s="1">
        <v>0</v>
      </c>
      <c r="AS1302" t="s">
        <v>201</v>
      </c>
      <c r="AT1302" t="s">
        <v>182</v>
      </c>
      <c r="AU1302" t="s">
        <v>183</v>
      </c>
      <c r="AV1302" t="s">
        <v>185</v>
      </c>
      <c r="AW1302" t="s">
        <v>2330</v>
      </c>
      <c r="AX1302" t="s">
        <v>186</v>
      </c>
      <c r="AZ1302" t="s">
        <v>207</v>
      </c>
      <c r="BB1302" t="s">
        <v>208</v>
      </c>
      <c r="BF1302" t="s">
        <v>232</v>
      </c>
      <c r="BG1302" t="s">
        <v>301</v>
      </c>
      <c r="BH1302" t="s">
        <v>190</v>
      </c>
      <c r="BK1302" t="s">
        <v>191</v>
      </c>
      <c r="BL1302" t="s">
        <v>2331</v>
      </c>
      <c r="BM1302" t="s">
        <v>218</v>
      </c>
      <c r="BN1302" t="s">
        <v>2332</v>
      </c>
      <c r="BO1302" t="s">
        <v>218</v>
      </c>
      <c r="BP1302" t="s">
        <v>2333</v>
      </c>
      <c r="BQ1302" t="s">
        <v>2334</v>
      </c>
    </row>
    <row r="1303" spans="1:69" x14ac:dyDescent="0.25">
      <c r="A1303" s="1">
        <v>30453294</v>
      </c>
      <c r="B1303" t="s">
        <v>2335</v>
      </c>
      <c r="C1303" t="s">
        <v>39</v>
      </c>
      <c r="D1303" t="s">
        <v>1616</v>
      </c>
      <c r="E1303" t="s">
        <v>216</v>
      </c>
      <c r="L1303" t="s">
        <v>52</v>
      </c>
      <c r="M1303" s="1">
        <v>0</v>
      </c>
      <c r="N1303" s="1">
        <v>0</v>
      </c>
      <c r="O1303" t="s">
        <v>1616</v>
      </c>
      <c r="P1303" t="s">
        <v>216</v>
      </c>
      <c r="Q1303" t="s">
        <v>196</v>
      </c>
      <c r="S1303" s="1">
        <v>0</v>
      </c>
      <c r="T1303" s="1">
        <v>0</v>
      </c>
      <c r="AC1303" s="1">
        <v>0</v>
      </c>
      <c r="AD1303" s="1">
        <v>0</v>
      </c>
      <c r="AE1303" s="1">
        <v>0</v>
      </c>
      <c r="AF1303" s="1">
        <v>0</v>
      </c>
      <c r="AG1303" s="1">
        <v>0</v>
      </c>
      <c r="AH1303" s="1">
        <v>0</v>
      </c>
      <c r="AI1303" s="1">
        <v>0</v>
      </c>
      <c r="AJ1303" s="1">
        <v>0</v>
      </c>
      <c r="AK1303" s="1">
        <v>0</v>
      </c>
      <c r="AL1303" s="1">
        <v>0</v>
      </c>
      <c r="AM1303" s="1">
        <v>0</v>
      </c>
      <c r="AN1303" s="1">
        <v>0</v>
      </c>
      <c r="AO1303" s="1">
        <v>0</v>
      </c>
      <c r="AP1303" s="1">
        <v>0</v>
      </c>
      <c r="AQ1303" s="1">
        <v>0</v>
      </c>
      <c r="AR1303" s="1">
        <v>0</v>
      </c>
      <c r="AS1303" s="1">
        <v>0</v>
      </c>
      <c r="AT1303" s="1">
        <v>0</v>
      </c>
      <c r="AU1303" s="1">
        <v>0</v>
      </c>
      <c r="AV1303" s="1">
        <v>0</v>
      </c>
      <c r="BF1303" s="1">
        <v>0</v>
      </c>
      <c r="BG1303" s="1">
        <v>0</v>
      </c>
      <c r="BH1303" s="1">
        <v>0</v>
      </c>
      <c r="BK1303" s="1">
        <v>0</v>
      </c>
      <c r="BM1303" s="1">
        <v>0</v>
      </c>
      <c r="BO1303" s="1">
        <v>0</v>
      </c>
    </row>
    <row r="1304" spans="1:69" x14ac:dyDescent="0.25">
      <c r="A1304" s="1">
        <v>30453295</v>
      </c>
      <c r="B1304" t="s">
        <v>791</v>
      </c>
      <c r="C1304" t="s">
        <v>39</v>
      </c>
      <c r="D1304" t="s">
        <v>174</v>
      </c>
      <c r="E1304" t="s">
        <v>195</v>
      </c>
      <c r="L1304" t="s">
        <v>52</v>
      </c>
      <c r="M1304" s="1">
        <v>0</v>
      </c>
      <c r="N1304" s="1">
        <v>0</v>
      </c>
      <c r="O1304" t="s">
        <v>174</v>
      </c>
      <c r="P1304" t="s">
        <v>176</v>
      </c>
      <c r="Q1304" t="s">
        <v>196</v>
      </c>
      <c r="S1304" t="s">
        <v>349</v>
      </c>
      <c r="T1304" t="s">
        <v>297</v>
      </c>
      <c r="U1304" t="s">
        <v>792</v>
      </c>
      <c r="W1304" t="s">
        <v>262</v>
      </c>
      <c r="X1304" t="s">
        <v>179</v>
      </c>
      <c r="Y1304" t="s">
        <v>224</v>
      </c>
      <c r="Z1304" t="s">
        <v>244</v>
      </c>
      <c r="AC1304" t="s">
        <v>266</v>
      </c>
      <c r="AD1304" t="s">
        <v>299</v>
      </c>
      <c r="AE1304" t="s">
        <v>175</v>
      </c>
      <c r="AF1304" t="s">
        <v>175</v>
      </c>
      <c r="AG1304" t="s">
        <v>299</v>
      </c>
      <c r="AH1304" t="s">
        <v>230</v>
      </c>
      <c r="AI1304" t="s">
        <v>299</v>
      </c>
      <c r="AJ1304" t="s">
        <v>230</v>
      </c>
      <c r="AK1304" t="s">
        <v>175</v>
      </c>
      <c r="AL1304" t="s">
        <v>42</v>
      </c>
      <c r="AM1304" t="s">
        <v>185</v>
      </c>
      <c r="AN1304" t="s">
        <v>202</v>
      </c>
      <c r="AO1304" t="s">
        <v>184</v>
      </c>
      <c r="AP1304" t="s">
        <v>201</v>
      </c>
      <c r="AQ1304" t="s">
        <v>183</v>
      </c>
      <c r="AR1304" t="s">
        <v>206</v>
      </c>
      <c r="AS1304" t="s">
        <v>182</v>
      </c>
      <c r="AT1304" t="s">
        <v>204</v>
      </c>
      <c r="AU1304" t="s">
        <v>205</v>
      </c>
      <c r="AV1304" t="s">
        <v>203</v>
      </c>
      <c r="BA1304" t="s">
        <v>188</v>
      </c>
      <c r="BC1304" t="s">
        <v>209</v>
      </c>
      <c r="BF1304" t="s">
        <v>232</v>
      </c>
      <c r="BG1304" t="s">
        <v>49</v>
      </c>
      <c r="BH1304" t="s">
        <v>211</v>
      </c>
      <c r="BK1304" t="s">
        <v>218</v>
      </c>
      <c r="BL1304" t="s">
        <v>793</v>
      </c>
      <c r="BM1304" t="s">
        <v>218</v>
      </c>
      <c r="BN1304" t="s">
        <v>401</v>
      </c>
      <c r="BO1304" t="s">
        <v>191</v>
      </c>
      <c r="BP1304" t="s">
        <v>794</v>
      </c>
      <c r="BQ1304" t="s">
        <v>795</v>
      </c>
    </row>
    <row r="1305" spans="1:69" x14ac:dyDescent="0.25">
      <c r="A1305" s="1">
        <v>30453302</v>
      </c>
      <c r="B1305" t="s">
        <v>1473</v>
      </c>
      <c r="C1305" t="s">
        <v>39</v>
      </c>
      <c r="D1305" t="s">
        <v>942</v>
      </c>
      <c r="E1305" t="s">
        <v>195</v>
      </c>
      <c r="L1305" t="s">
        <v>52</v>
      </c>
      <c r="M1305" s="1">
        <v>0</v>
      </c>
      <c r="N1305" s="1">
        <v>0</v>
      </c>
      <c r="O1305" t="s">
        <v>942</v>
      </c>
      <c r="P1305" t="s">
        <v>176</v>
      </c>
      <c r="Q1305" t="s">
        <v>196</v>
      </c>
      <c r="S1305" t="s">
        <v>222</v>
      </c>
      <c r="T1305" t="s">
        <v>197</v>
      </c>
      <c r="Y1305" t="s">
        <v>224</v>
      </c>
      <c r="AC1305" t="s">
        <v>180</v>
      </c>
      <c r="AD1305" t="s">
        <v>175</v>
      </c>
      <c r="AE1305" t="s">
        <v>175</v>
      </c>
      <c r="AF1305" t="s">
        <v>175</v>
      </c>
      <c r="AG1305" t="s">
        <v>175</v>
      </c>
      <c r="AH1305" t="s">
        <v>175</v>
      </c>
      <c r="AI1305" t="s">
        <v>175</v>
      </c>
      <c r="AJ1305" t="s">
        <v>175</v>
      </c>
      <c r="AK1305" t="s">
        <v>175</v>
      </c>
      <c r="AL1305" t="s">
        <v>42</v>
      </c>
      <c r="AM1305" t="s">
        <v>182</v>
      </c>
      <c r="AN1305" t="s">
        <v>183</v>
      </c>
      <c r="AO1305" t="s">
        <v>184</v>
      </c>
      <c r="AP1305" t="s">
        <v>204</v>
      </c>
      <c r="AQ1305" t="s">
        <v>185</v>
      </c>
      <c r="AR1305" t="s">
        <v>203</v>
      </c>
      <c r="AS1305" t="s">
        <v>205</v>
      </c>
      <c r="AT1305" t="s">
        <v>201</v>
      </c>
      <c r="AU1305" t="s">
        <v>206</v>
      </c>
      <c r="AV1305" t="s">
        <v>202</v>
      </c>
      <c r="BA1305" t="s">
        <v>188</v>
      </c>
      <c r="BC1305" t="s">
        <v>209</v>
      </c>
      <c r="BF1305" t="s">
        <v>292</v>
      </c>
      <c r="BG1305" t="s">
        <v>1382</v>
      </c>
      <c r="BH1305" t="s">
        <v>190</v>
      </c>
      <c r="BK1305" t="s">
        <v>191</v>
      </c>
      <c r="BL1305" t="s">
        <v>1474</v>
      </c>
      <c r="BM1305" t="s">
        <v>191</v>
      </c>
      <c r="BN1305" t="s">
        <v>1475</v>
      </c>
      <c r="BO1305" t="s">
        <v>191</v>
      </c>
      <c r="BP1305" t="s">
        <v>1476</v>
      </c>
    </row>
    <row r="1306" spans="1:69" x14ac:dyDescent="0.25">
      <c r="A1306" s="1">
        <v>30453331</v>
      </c>
      <c r="B1306" t="s">
        <v>2336</v>
      </c>
      <c r="C1306" t="s">
        <v>39</v>
      </c>
      <c r="D1306" t="s">
        <v>1616</v>
      </c>
      <c r="E1306" t="s">
        <v>175</v>
      </c>
      <c r="L1306" t="s">
        <v>52</v>
      </c>
      <c r="M1306" s="1">
        <v>0</v>
      </c>
      <c r="N1306" s="1">
        <v>0</v>
      </c>
      <c r="O1306" t="s">
        <v>1616</v>
      </c>
      <c r="P1306" t="s">
        <v>176</v>
      </c>
      <c r="Q1306" t="s">
        <v>177</v>
      </c>
      <c r="S1306" t="s">
        <v>349</v>
      </c>
      <c r="T1306" t="s">
        <v>175</v>
      </c>
      <c r="X1306" t="s">
        <v>179</v>
      </c>
      <c r="AC1306" t="s">
        <v>180</v>
      </c>
      <c r="AD1306" t="s">
        <v>175</v>
      </c>
      <c r="AE1306" t="s">
        <v>175</v>
      </c>
      <c r="AF1306" t="s">
        <v>175</v>
      </c>
      <c r="AG1306" t="s">
        <v>175</v>
      </c>
      <c r="AH1306" t="s">
        <v>175</v>
      </c>
      <c r="AI1306" t="s">
        <v>175</v>
      </c>
      <c r="AJ1306" t="s">
        <v>175</v>
      </c>
      <c r="AK1306" t="s">
        <v>175</v>
      </c>
      <c r="AL1306" t="s">
        <v>42</v>
      </c>
      <c r="AM1306" s="1">
        <v>0</v>
      </c>
      <c r="AN1306" s="1">
        <v>0</v>
      </c>
      <c r="AO1306" s="1">
        <v>0</v>
      </c>
      <c r="AP1306" s="1">
        <v>0</v>
      </c>
      <c r="AQ1306" s="1">
        <v>0</v>
      </c>
      <c r="AR1306" s="1">
        <v>0</v>
      </c>
      <c r="AS1306" t="s">
        <v>184</v>
      </c>
      <c r="AT1306" t="s">
        <v>185</v>
      </c>
      <c r="AU1306" s="1">
        <v>0</v>
      </c>
      <c r="AV1306" s="1">
        <v>0</v>
      </c>
      <c r="AY1306" t="s">
        <v>187</v>
      </c>
      <c r="BA1306" t="s">
        <v>188</v>
      </c>
      <c r="BC1306" t="s">
        <v>209</v>
      </c>
      <c r="BF1306" t="s">
        <v>292</v>
      </c>
      <c r="BG1306" t="s">
        <v>276</v>
      </c>
      <c r="BH1306" t="s">
        <v>211</v>
      </c>
      <c r="BK1306" t="s">
        <v>191</v>
      </c>
      <c r="BM1306" t="s">
        <v>191</v>
      </c>
      <c r="BO1306" t="s">
        <v>191</v>
      </c>
    </row>
    <row r="1307" spans="1:69" x14ac:dyDescent="0.25">
      <c r="A1307" s="1">
        <v>30453334</v>
      </c>
      <c r="B1307" t="s">
        <v>2337</v>
      </c>
      <c r="C1307" t="s">
        <v>39</v>
      </c>
      <c r="D1307" t="s">
        <v>1616</v>
      </c>
      <c r="E1307" t="s">
        <v>200</v>
      </c>
      <c r="L1307" t="s">
        <v>52</v>
      </c>
      <c r="M1307" s="1">
        <v>0</v>
      </c>
      <c r="N1307" s="1">
        <v>0</v>
      </c>
      <c r="O1307" t="s">
        <v>1616</v>
      </c>
      <c r="P1307" t="s">
        <v>176</v>
      </c>
      <c r="Q1307" t="s">
        <v>196</v>
      </c>
      <c r="S1307" t="s">
        <v>349</v>
      </c>
      <c r="T1307" t="s">
        <v>200</v>
      </c>
      <c r="AA1307" t="s">
        <v>273</v>
      </c>
      <c r="AB1307" t="s">
        <v>2338</v>
      </c>
      <c r="AC1307" t="s">
        <v>49</v>
      </c>
      <c r="AD1307" t="s">
        <v>200</v>
      </c>
      <c r="AE1307" t="s">
        <v>175</v>
      </c>
      <c r="AF1307" t="s">
        <v>175</v>
      </c>
      <c r="AG1307" t="s">
        <v>175</v>
      </c>
      <c r="AH1307" t="s">
        <v>200</v>
      </c>
      <c r="AI1307" t="s">
        <v>181</v>
      </c>
      <c r="AJ1307" t="s">
        <v>200</v>
      </c>
      <c r="AK1307" t="s">
        <v>181</v>
      </c>
      <c r="AL1307" t="s">
        <v>52</v>
      </c>
      <c r="AM1307" t="s">
        <v>185</v>
      </c>
      <c r="AN1307" t="s">
        <v>206</v>
      </c>
      <c r="AO1307" t="s">
        <v>183</v>
      </c>
      <c r="AP1307" t="s">
        <v>182</v>
      </c>
      <c r="AQ1307" s="1">
        <v>0</v>
      </c>
      <c r="AR1307" s="1">
        <v>0</v>
      </c>
      <c r="AS1307" t="s">
        <v>201</v>
      </c>
      <c r="AT1307" s="1">
        <v>0</v>
      </c>
      <c r="AU1307" s="1">
        <v>0</v>
      </c>
      <c r="AV1307" t="s">
        <v>184</v>
      </c>
      <c r="AW1307" t="s">
        <v>2339</v>
      </c>
      <c r="AX1307" t="s">
        <v>186</v>
      </c>
      <c r="AY1307" t="s">
        <v>187</v>
      </c>
      <c r="BB1307" t="s">
        <v>208</v>
      </c>
      <c r="BC1307" t="s">
        <v>209</v>
      </c>
      <c r="BF1307" t="s">
        <v>210</v>
      </c>
      <c r="BG1307" s="1">
        <v>0</v>
      </c>
      <c r="BH1307" t="s">
        <v>211</v>
      </c>
      <c r="BK1307" t="s">
        <v>191</v>
      </c>
      <c r="BL1307" t="s">
        <v>2340</v>
      </c>
      <c r="BM1307" t="s">
        <v>218</v>
      </c>
      <c r="BN1307" t="s">
        <v>2341</v>
      </c>
      <c r="BO1307" t="s">
        <v>218</v>
      </c>
      <c r="BP1307" t="s">
        <v>2342</v>
      </c>
      <c r="BQ1307" t="s">
        <v>2343</v>
      </c>
    </row>
    <row r="1308" spans="1:69" x14ac:dyDescent="0.25">
      <c r="A1308" s="1">
        <v>30453347</v>
      </c>
      <c r="B1308" t="s">
        <v>4483</v>
      </c>
      <c r="C1308" t="s">
        <v>39</v>
      </c>
      <c r="D1308" t="s">
        <v>3727</v>
      </c>
      <c r="E1308" t="s">
        <v>195</v>
      </c>
      <c r="L1308" t="s">
        <v>52</v>
      </c>
      <c r="M1308" s="1">
        <v>0</v>
      </c>
      <c r="N1308" s="1">
        <v>0</v>
      </c>
      <c r="O1308" t="s">
        <v>3728</v>
      </c>
      <c r="P1308" t="s">
        <v>176</v>
      </c>
      <c r="Q1308" t="s">
        <v>238</v>
      </c>
      <c r="S1308" s="1">
        <v>0</v>
      </c>
      <c r="T1308" s="1">
        <v>0</v>
      </c>
      <c r="AC1308" s="1">
        <v>0</v>
      </c>
      <c r="AD1308" s="1">
        <v>0</v>
      </c>
      <c r="AE1308" s="1">
        <v>0</v>
      </c>
      <c r="AF1308" s="1">
        <v>0</v>
      </c>
      <c r="AG1308" s="1">
        <v>0</v>
      </c>
      <c r="AH1308" s="1">
        <v>0</v>
      </c>
      <c r="AI1308" s="1">
        <v>0</v>
      </c>
      <c r="AJ1308" s="1">
        <v>0</v>
      </c>
      <c r="AK1308" s="1">
        <v>0</v>
      </c>
      <c r="AL1308" s="1">
        <v>0</v>
      </c>
      <c r="AM1308" s="1">
        <v>0</v>
      </c>
      <c r="AN1308" s="1">
        <v>0</v>
      </c>
      <c r="AO1308" s="1">
        <v>0</v>
      </c>
      <c r="AP1308" s="1">
        <v>0</v>
      </c>
      <c r="AQ1308" s="1">
        <v>0</v>
      </c>
      <c r="AR1308" s="1">
        <v>0</v>
      </c>
      <c r="AS1308" s="1">
        <v>0</v>
      </c>
      <c r="AT1308" s="1">
        <v>0</v>
      </c>
      <c r="AU1308" s="1">
        <v>0</v>
      </c>
      <c r="AV1308" s="1">
        <v>0</v>
      </c>
      <c r="BF1308" s="1">
        <v>0</v>
      </c>
      <c r="BG1308" s="1">
        <v>0</v>
      </c>
      <c r="BH1308" s="1">
        <v>0</v>
      </c>
      <c r="BK1308" s="1">
        <v>0</v>
      </c>
      <c r="BM1308" s="1">
        <v>0</v>
      </c>
      <c r="BO1308" s="1">
        <v>0</v>
      </c>
    </row>
    <row r="1309" spans="1:69" x14ac:dyDescent="0.25">
      <c r="A1309" s="1">
        <v>30453369</v>
      </c>
      <c r="B1309" t="s">
        <v>3614</v>
      </c>
      <c r="C1309" t="s">
        <v>39</v>
      </c>
      <c r="D1309" t="s">
        <v>3138</v>
      </c>
      <c r="E1309" t="s">
        <v>175</v>
      </c>
      <c r="L1309" t="s">
        <v>52</v>
      </c>
      <c r="M1309" s="1">
        <v>0</v>
      </c>
      <c r="N1309" s="1">
        <v>0</v>
      </c>
      <c r="O1309" t="s">
        <v>3139</v>
      </c>
      <c r="P1309" t="s">
        <v>176</v>
      </c>
      <c r="Q1309" t="s">
        <v>177</v>
      </c>
      <c r="S1309" t="s">
        <v>178</v>
      </c>
      <c r="T1309" t="s">
        <v>175</v>
      </c>
      <c r="X1309" t="s">
        <v>179</v>
      </c>
      <c r="AC1309" t="s">
        <v>180</v>
      </c>
      <c r="AD1309" t="s">
        <v>175</v>
      </c>
      <c r="AE1309" t="s">
        <v>175</v>
      </c>
      <c r="AF1309" t="s">
        <v>175</v>
      </c>
      <c r="AG1309" t="s">
        <v>175</v>
      </c>
      <c r="AH1309" t="s">
        <v>175</v>
      </c>
      <c r="AI1309" t="s">
        <v>175</v>
      </c>
      <c r="AJ1309" t="s">
        <v>175</v>
      </c>
      <c r="AK1309" t="s">
        <v>175</v>
      </c>
      <c r="AL1309" t="s">
        <v>42</v>
      </c>
      <c r="AM1309" t="s">
        <v>184</v>
      </c>
      <c r="AN1309" t="s">
        <v>204</v>
      </c>
      <c r="AO1309" t="s">
        <v>182</v>
      </c>
      <c r="AP1309" t="s">
        <v>206</v>
      </c>
      <c r="AQ1309" t="s">
        <v>201</v>
      </c>
      <c r="AR1309" t="s">
        <v>205</v>
      </c>
      <c r="AS1309" t="s">
        <v>183</v>
      </c>
      <c r="AT1309" t="s">
        <v>202</v>
      </c>
      <c r="AU1309" t="s">
        <v>203</v>
      </c>
      <c r="AV1309" t="s">
        <v>185</v>
      </c>
      <c r="AX1309" t="s">
        <v>186</v>
      </c>
      <c r="AY1309" t="s">
        <v>187</v>
      </c>
      <c r="AZ1309" t="s">
        <v>207</v>
      </c>
      <c r="BA1309" t="s">
        <v>188</v>
      </c>
      <c r="BB1309" t="s">
        <v>208</v>
      </c>
      <c r="BC1309" t="s">
        <v>209</v>
      </c>
      <c r="BF1309" t="s">
        <v>49</v>
      </c>
      <c r="BG1309" s="1">
        <v>0</v>
      </c>
      <c r="BH1309" t="s">
        <v>211</v>
      </c>
      <c r="BK1309" t="s">
        <v>191</v>
      </c>
      <c r="BL1309" t="s">
        <v>3615</v>
      </c>
      <c r="BM1309" t="s">
        <v>191</v>
      </c>
      <c r="BN1309" t="s">
        <v>325</v>
      </c>
      <c r="BO1309" t="s">
        <v>191</v>
      </c>
      <c r="BP1309" t="s">
        <v>3616</v>
      </c>
    </row>
    <row r="1310" spans="1:69" x14ac:dyDescent="0.25">
      <c r="A1310" s="1">
        <v>30453390</v>
      </c>
      <c r="B1310" t="s">
        <v>3617</v>
      </c>
      <c r="C1310" t="s">
        <v>39</v>
      </c>
      <c r="D1310" t="s">
        <v>3138</v>
      </c>
      <c r="E1310" t="s">
        <v>216</v>
      </c>
      <c r="L1310" t="s">
        <v>52</v>
      </c>
      <c r="M1310" s="1">
        <v>0</v>
      </c>
      <c r="N1310" s="1">
        <v>0</v>
      </c>
      <c r="O1310" t="s">
        <v>3139</v>
      </c>
      <c r="P1310" t="s">
        <v>216</v>
      </c>
      <c r="Q1310" t="s">
        <v>177</v>
      </c>
      <c r="S1310" s="1">
        <v>0</v>
      </c>
      <c r="T1310" t="s">
        <v>197</v>
      </c>
      <c r="U1310" t="s">
        <v>3618</v>
      </c>
      <c r="Y1310" t="s">
        <v>224</v>
      </c>
      <c r="Z1310" t="s">
        <v>244</v>
      </c>
      <c r="AC1310" t="s">
        <v>180</v>
      </c>
      <c r="AD1310" t="s">
        <v>230</v>
      </c>
      <c r="AE1310" t="s">
        <v>230</v>
      </c>
      <c r="AF1310" t="s">
        <v>299</v>
      </c>
      <c r="AG1310" t="s">
        <v>230</v>
      </c>
      <c r="AH1310" t="s">
        <v>230</v>
      </c>
      <c r="AI1310" t="s">
        <v>299</v>
      </c>
      <c r="AJ1310" t="s">
        <v>230</v>
      </c>
      <c r="AK1310" t="s">
        <v>181</v>
      </c>
      <c r="AL1310" t="s">
        <v>42</v>
      </c>
      <c r="AM1310" t="s">
        <v>185</v>
      </c>
      <c r="AN1310" s="1">
        <v>0</v>
      </c>
      <c r="AO1310" s="1">
        <v>0</v>
      </c>
      <c r="AP1310" s="1">
        <v>0</v>
      </c>
      <c r="AQ1310" s="1">
        <v>0</v>
      </c>
      <c r="AR1310" s="1">
        <v>0</v>
      </c>
      <c r="AS1310" s="1">
        <v>0</v>
      </c>
      <c r="AT1310" s="1">
        <v>0</v>
      </c>
      <c r="AU1310" s="1">
        <v>0</v>
      </c>
      <c r="AV1310" s="1">
        <v>0</v>
      </c>
      <c r="AW1310" t="s">
        <v>3619</v>
      </c>
      <c r="BD1310" t="s">
        <v>273</v>
      </c>
      <c r="BE1310" t="s">
        <v>3620</v>
      </c>
      <c r="BF1310" t="s">
        <v>49</v>
      </c>
      <c r="BG1310" s="1">
        <v>0</v>
      </c>
      <c r="BH1310" t="s">
        <v>211</v>
      </c>
      <c r="BK1310" t="s">
        <v>191</v>
      </c>
      <c r="BL1310" t="s">
        <v>3621</v>
      </c>
      <c r="BM1310" t="s">
        <v>191</v>
      </c>
      <c r="BN1310" t="s">
        <v>3622</v>
      </c>
      <c r="BO1310" t="s">
        <v>191</v>
      </c>
      <c r="BP1310" t="s">
        <v>3623</v>
      </c>
      <c r="BQ1310" t="s">
        <v>3624</v>
      </c>
    </row>
    <row r="1311" spans="1:69" x14ac:dyDescent="0.25">
      <c r="A1311" s="1">
        <v>30453419</v>
      </c>
      <c r="B1311" t="s">
        <v>796</v>
      </c>
      <c r="C1311" t="s">
        <v>39</v>
      </c>
      <c r="D1311" t="s">
        <v>174</v>
      </c>
      <c r="E1311" t="s">
        <v>216</v>
      </c>
      <c r="L1311" t="s">
        <v>52</v>
      </c>
      <c r="M1311" s="1">
        <v>0</v>
      </c>
      <c r="N1311" s="1">
        <v>0</v>
      </c>
      <c r="O1311" t="s">
        <v>174</v>
      </c>
      <c r="P1311" t="s">
        <v>216</v>
      </c>
      <c r="Q1311" t="s">
        <v>177</v>
      </c>
      <c r="S1311" s="1">
        <v>0</v>
      </c>
      <c r="T1311" t="s">
        <v>197</v>
      </c>
      <c r="U1311" t="s">
        <v>797</v>
      </c>
      <c r="Y1311" t="s">
        <v>224</v>
      </c>
      <c r="AC1311" t="s">
        <v>180</v>
      </c>
      <c r="AD1311" t="s">
        <v>181</v>
      </c>
      <c r="AE1311" t="s">
        <v>181</v>
      </c>
      <c r="AF1311" t="s">
        <v>181</v>
      </c>
      <c r="AG1311" t="s">
        <v>181</v>
      </c>
      <c r="AH1311" t="s">
        <v>181</v>
      </c>
      <c r="AI1311" t="s">
        <v>181</v>
      </c>
      <c r="AJ1311" t="s">
        <v>181</v>
      </c>
      <c r="AK1311" t="s">
        <v>181</v>
      </c>
      <c r="AL1311" t="s">
        <v>42</v>
      </c>
      <c r="AM1311" t="s">
        <v>204</v>
      </c>
      <c r="AN1311" t="s">
        <v>202</v>
      </c>
      <c r="AO1311" t="s">
        <v>184</v>
      </c>
      <c r="AP1311" t="s">
        <v>201</v>
      </c>
      <c r="AQ1311" t="s">
        <v>182</v>
      </c>
      <c r="AR1311" t="s">
        <v>183</v>
      </c>
      <c r="AS1311" t="s">
        <v>203</v>
      </c>
      <c r="AT1311" t="s">
        <v>205</v>
      </c>
      <c r="AU1311" t="s">
        <v>206</v>
      </c>
      <c r="AV1311" t="s">
        <v>185</v>
      </c>
      <c r="AX1311" t="s">
        <v>186</v>
      </c>
      <c r="AZ1311" t="s">
        <v>207</v>
      </c>
      <c r="BF1311" t="s">
        <v>210</v>
      </c>
      <c r="BG1311" s="1">
        <v>0</v>
      </c>
      <c r="BH1311" t="s">
        <v>211</v>
      </c>
      <c r="BK1311" t="s">
        <v>218</v>
      </c>
      <c r="BM1311" t="s">
        <v>218</v>
      </c>
      <c r="BO1311" t="s">
        <v>218</v>
      </c>
    </row>
    <row r="1312" spans="1:69" x14ac:dyDescent="0.25">
      <c r="A1312" s="1">
        <v>30453459</v>
      </c>
      <c r="B1312" t="s">
        <v>1477</v>
      </c>
      <c r="C1312" t="s">
        <v>39</v>
      </c>
      <c r="D1312" t="s">
        <v>942</v>
      </c>
      <c r="E1312" t="s">
        <v>216</v>
      </c>
      <c r="L1312" t="s">
        <v>52</v>
      </c>
      <c r="M1312" s="1">
        <v>0</v>
      </c>
      <c r="N1312" s="1">
        <v>0</v>
      </c>
      <c r="O1312" t="s">
        <v>942</v>
      </c>
      <c r="P1312" t="s">
        <v>216</v>
      </c>
      <c r="Q1312" t="s">
        <v>177</v>
      </c>
      <c r="S1312" s="1">
        <v>0</v>
      </c>
      <c r="T1312" t="s">
        <v>197</v>
      </c>
      <c r="V1312" t="s">
        <v>397</v>
      </c>
      <c r="Y1312" t="s">
        <v>224</v>
      </c>
      <c r="Z1312" t="s">
        <v>244</v>
      </c>
      <c r="AC1312" t="s">
        <v>180</v>
      </c>
      <c r="AD1312" t="s">
        <v>175</v>
      </c>
      <c r="AE1312" t="s">
        <v>175</v>
      </c>
      <c r="AF1312" s="1">
        <v>0</v>
      </c>
      <c r="AG1312" t="s">
        <v>175</v>
      </c>
      <c r="AH1312" t="s">
        <v>175</v>
      </c>
      <c r="AI1312" t="s">
        <v>175</v>
      </c>
      <c r="AJ1312" t="s">
        <v>175</v>
      </c>
      <c r="AK1312" t="s">
        <v>175</v>
      </c>
      <c r="AL1312" t="s">
        <v>52</v>
      </c>
      <c r="AM1312" s="1">
        <v>0</v>
      </c>
      <c r="AN1312" s="1">
        <v>0</v>
      </c>
      <c r="AO1312" s="1">
        <v>0</v>
      </c>
      <c r="AP1312" s="1">
        <v>0</v>
      </c>
      <c r="AQ1312" s="1">
        <v>0</v>
      </c>
      <c r="AR1312" s="1">
        <v>0</v>
      </c>
      <c r="AS1312" s="1">
        <v>0</v>
      </c>
      <c r="AT1312" s="1">
        <v>0</v>
      </c>
      <c r="AU1312" s="1">
        <v>0</v>
      </c>
      <c r="AV1312" s="1">
        <v>0</v>
      </c>
      <c r="BF1312" s="1">
        <v>0</v>
      </c>
      <c r="BG1312" s="1">
        <v>0</v>
      </c>
      <c r="BH1312" s="1">
        <v>0</v>
      </c>
      <c r="BK1312" s="1">
        <v>0</v>
      </c>
      <c r="BM1312" s="1">
        <v>0</v>
      </c>
      <c r="BO1312" s="1">
        <v>0</v>
      </c>
    </row>
    <row r="1313" spans="1:69" x14ac:dyDescent="0.25">
      <c r="A1313" s="1">
        <v>30453483</v>
      </c>
      <c r="B1313" t="s">
        <v>3007</v>
      </c>
      <c r="C1313" t="s">
        <v>39</v>
      </c>
      <c r="D1313" t="s">
        <v>2512</v>
      </c>
      <c r="E1313" t="s">
        <v>175</v>
      </c>
      <c r="L1313" t="s">
        <v>52</v>
      </c>
      <c r="M1313" s="1">
        <v>0</v>
      </c>
      <c r="N1313" s="1">
        <v>0</v>
      </c>
      <c r="O1313" t="s">
        <v>2512</v>
      </c>
      <c r="P1313" t="s">
        <v>216</v>
      </c>
      <c r="Q1313" t="s">
        <v>258</v>
      </c>
      <c r="S1313" s="1">
        <v>0</v>
      </c>
      <c r="T1313" t="s">
        <v>175</v>
      </c>
      <c r="AA1313" t="s">
        <v>273</v>
      </c>
      <c r="AC1313" t="s">
        <v>199</v>
      </c>
      <c r="AD1313" t="s">
        <v>299</v>
      </c>
      <c r="AE1313" t="s">
        <v>299</v>
      </c>
      <c r="AF1313" t="s">
        <v>175</v>
      </c>
      <c r="AG1313" t="s">
        <v>175</v>
      </c>
      <c r="AH1313" t="s">
        <v>299</v>
      </c>
      <c r="AI1313" t="s">
        <v>299</v>
      </c>
      <c r="AJ1313" t="s">
        <v>175</v>
      </c>
      <c r="AK1313" t="s">
        <v>175</v>
      </c>
      <c r="AL1313" t="s">
        <v>42</v>
      </c>
      <c r="AM1313" s="1">
        <v>0</v>
      </c>
      <c r="AN1313" s="1">
        <v>0</v>
      </c>
      <c r="AO1313" s="1">
        <v>0</v>
      </c>
      <c r="AP1313" s="1">
        <v>0</v>
      </c>
      <c r="AQ1313" s="1">
        <v>0</v>
      </c>
      <c r="AR1313" s="1">
        <v>0</v>
      </c>
      <c r="AS1313" s="1">
        <v>0</v>
      </c>
      <c r="AT1313" s="1">
        <v>0</v>
      </c>
      <c r="AU1313" s="1">
        <v>0</v>
      </c>
      <c r="AV1313" s="1">
        <v>0</v>
      </c>
      <c r="BF1313" s="1">
        <v>0</v>
      </c>
      <c r="BG1313" s="1">
        <v>0</v>
      </c>
      <c r="BH1313" s="1">
        <v>0</v>
      </c>
      <c r="BK1313" s="1">
        <v>0</v>
      </c>
      <c r="BM1313" s="1">
        <v>0</v>
      </c>
      <c r="BO1313" s="1">
        <v>0</v>
      </c>
    </row>
    <row r="1314" spans="1:69" x14ac:dyDescent="0.25">
      <c r="A1314" s="1">
        <v>30453521</v>
      </c>
      <c r="B1314" t="s">
        <v>2344</v>
      </c>
      <c r="C1314" t="s">
        <v>39</v>
      </c>
      <c r="D1314" t="s">
        <v>1616</v>
      </c>
      <c r="E1314" t="s">
        <v>175</v>
      </c>
      <c r="L1314" t="s">
        <v>52</v>
      </c>
      <c r="M1314" s="1">
        <v>0</v>
      </c>
      <c r="N1314" s="1">
        <v>0</v>
      </c>
      <c r="O1314" t="s">
        <v>1616</v>
      </c>
      <c r="P1314" t="s">
        <v>216</v>
      </c>
      <c r="Q1314" t="s">
        <v>196</v>
      </c>
      <c r="S1314" s="1">
        <v>0</v>
      </c>
      <c r="T1314" t="s">
        <v>175</v>
      </c>
      <c r="W1314" t="s">
        <v>262</v>
      </c>
      <c r="Y1314" t="s">
        <v>224</v>
      </c>
      <c r="AC1314" t="s">
        <v>199</v>
      </c>
      <c r="AD1314" t="s">
        <v>175</v>
      </c>
      <c r="AE1314" t="s">
        <v>175</v>
      </c>
      <c r="AF1314" t="s">
        <v>175</v>
      </c>
      <c r="AG1314" t="s">
        <v>175</v>
      </c>
      <c r="AH1314" t="s">
        <v>175</v>
      </c>
      <c r="AI1314" t="s">
        <v>175</v>
      </c>
      <c r="AJ1314" t="s">
        <v>175</v>
      </c>
      <c r="AK1314" t="s">
        <v>175</v>
      </c>
      <c r="AL1314" t="s">
        <v>52</v>
      </c>
      <c r="AM1314" t="s">
        <v>203</v>
      </c>
      <c r="AN1314" t="s">
        <v>182</v>
      </c>
      <c r="AO1314" t="s">
        <v>185</v>
      </c>
      <c r="AP1314" t="s">
        <v>204</v>
      </c>
      <c r="AQ1314" t="s">
        <v>184</v>
      </c>
      <c r="AR1314" t="s">
        <v>205</v>
      </c>
      <c r="AS1314" t="s">
        <v>206</v>
      </c>
      <c r="AT1314" t="s">
        <v>201</v>
      </c>
      <c r="AU1314" t="s">
        <v>183</v>
      </c>
      <c r="AV1314" t="s">
        <v>202</v>
      </c>
      <c r="AW1314" t="s">
        <v>2345</v>
      </c>
      <c r="AX1314" t="s">
        <v>186</v>
      </c>
      <c r="BB1314" t="s">
        <v>208</v>
      </c>
      <c r="BC1314" t="s">
        <v>209</v>
      </c>
      <c r="BF1314" t="s">
        <v>49</v>
      </c>
      <c r="BG1314" s="1">
        <v>0</v>
      </c>
      <c r="BH1314" s="1">
        <v>0</v>
      </c>
      <c r="BI1314" t="s">
        <v>2346</v>
      </c>
      <c r="BK1314" t="s">
        <v>191</v>
      </c>
      <c r="BL1314" t="s">
        <v>518</v>
      </c>
      <c r="BM1314" t="s">
        <v>191</v>
      </c>
      <c r="BN1314" t="s">
        <v>2347</v>
      </c>
      <c r="BO1314" t="s">
        <v>191</v>
      </c>
      <c r="BP1314" t="s">
        <v>2347</v>
      </c>
      <c r="BQ1314" t="s">
        <v>2348</v>
      </c>
    </row>
    <row r="1315" spans="1:69" x14ac:dyDescent="0.25">
      <c r="A1315" s="1">
        <v>30453693</v>
      </c>
      <c r="B1315" t="s">
        <v>3625</v>
      </c>
      <c r="C1315" t="s">
        <v>39</v>
      </c>
      <c r="D1315" t="s">
        <v>3138</v>
      </c>
      <c r="E1315" t="s">
        <v>200</v>
      </c>
      <c r="L1315" t="s">
        <v>52</v>
      </c>
      <c r="M1315" s="1">
        <v>0</v>
      </c>
      <c r="N1315" s="1">
        <v>0</v>
      </c>
      <c r="O1315" t="s">
        <v>3139</v>
      </c>
      <c r="P1315" t="s">
        <v>176</v>
      </c>
      <c r="Q1315" t="s">
        <v>196</v>
      </c>
      <c r="S1315" t="s">
        <v>256</v>
      </c>
      <c r="T1315" t="s">
        <v>200</v>
      </c>
      <c r="Y1315" t="s">
        <v>224</v>
      </c>
      <c r="AC1315" t="s">
        <v>225</v>
      </c>
      <c r="AD1315" t="s">
        <v>175</v>
      </c>
      <c r="AE1315" t="s">
        <v>175</v>
      </c>
      <c r="AF1315" t="s">
        <v>175</v>
      </c>
      <c r="AG1315" t="s">
        <v>175</v>
      </c>
      <c r="AH1315" t="s">
        <v>175</v>
      </c>
      <c r="AI1315" t="s">
        <v>175</v>
      </c>
      <c r="AJ1315" t="s">
        <v>175</v>
      </c>
      <c r="AK1315" t="s">
        <v>175</v>
      </c>
      <c r="AL1315" t="s">
        <v>52</v>
      </c>
      <c r="AM1315" t="s">
        <v>184</v>
      </c>
      <c r="AN1315" t="s">
        <v>204</v>
      </c>
      <c r="AO1315" t="s">
        <v>205</v>
      </c>
      <c r="AP1315" t="s">
        <v>185</v>
      </c>
      <c r="AQ1315" t="s">
        <v>182</v>
      </c>
      <c r="AR1315" t="s">
        <v>183</v>
      </c>
      <c r="AS1315" t="s">
        <v>201</v>
      </c>
      <c r="AT1315" t="s">
        <v>206</v>
      </c>
      <c r="AU1315" t="s">
        <v>202</v>
      </c>
      <c r="AV1315" t="s">
        <v>203</v>
      </c>
      <c r="AX1315" t="s">
        <v>186</v>
      </c>
      <c r="AY1315" t="s">
        <v>187</v>
      </c>
      <c r="AZ1315" t="s">
        <v>207</v>
      </c>
      <c r="BA1315" t="s">
        <v>188</v>
      </c>
      <c r="BB1315" t="s">
        <v>208</v>
      </c>
      <c r="BC1315" t="s">
        <v>209</v>
      </c>
      <c r="BF1315" t="s">
        <v>232</v>
      </c>
      <c r="BG1315" t="s">
        <v>49</v>
      </c>
      <c r="BH1315" t="s">
        <v>211</v>
      </c>
      <c r="BK1315" t="s">
        <v>191</v>
      </c>
      <c r="BL1315" t="s">
        <v>3626</v>
      </c>
      <c r="BM1315" t="s">
        <v>191</v>
      </c>
      <c r="BN1315" t="s">
        <v>3627</v>
      </c>
      <c r="BO1315" t="s">
        <v>191</v>
      </c>
      <c r="BP1315" t="s">
        <v>1129</v>
      </c>
    </row>
    <row r="1316" spans="1:69" x14ac:dyDescent="0.25">
      <c r="A1316" s="1">
        <v>30454441</v>
      </c>
      <c r="B1316" t="s">
        <v>2349</v>
      </c>
      <c r="C1316" t="s">
        <v>39</v>
      </c>
      <c r="D1316" t="s">
        <v>1616</v>
      </c>
      <c r="E1316" t="s">
        <v>200</v>
      </c>
      <c r="L1316" t="s">
        <v>52</v>
      </c>
      <c r="M1316" s="1">
        <v>0</v>
      </c>
      <c r="N1316" s="1">
        <v>0</v>
      </c>
      <c r="O1316" t="s">
        <v>1616</v>
      </c>
      <c r="P1316" t="s">
        <v>176</v>
      </c>
      <c r="Q1316" t="s">
        <v>238</v>
      </c>
      <c r="S1316" t="s">
        <v>178</v>
      </c>
      <c r="T1316" t="s">
        <v>200</v>
      </c>
      <c r="X1316" t="s">
        <v>179</v>
      </c>
      <c r="AC1316" t="s">
        <v>180</v>
      </c>
      <c r="AD1316" s="1">
        <v>0</v>
      </c>
      <c r="AE1316" t="s">
        <v>200</v>
      </c>
      <c r="AF1316" t="s">
        <v>200</v>
      </c>
      <c r="AG1316" t="s">
        <v>200</v>
      </c>
      <c r="AH1316" t="s">
        <v>175</v>
      </c>
      <c r="AI1316" t="s">
        <v>200</v>
      </c>
      <c r="AJ1316" t="s">
        <v>200</v>
      </c>
      <c r="AK1316" t="s">
        <v>200</v>
      </c>
      <c r="AL1316" t="s">
        <v>42</v>
      </c>
      <c r="AM1316" t="s">
        <v>182</v>
      </c>
      <c r="AN1316" t="s">
        <v>206</v>
      </c>
      <c r="AO1316" t="s">
        <v>203</v>
      </c>
      <c r="AP1316" t="s">
        <v>185</v>
      </c>
      <c r="AQ1316" t="s">
        <v>202</v>
      </c>
      <c r="AR1316" t="s">
        <v>204</v>
      </c>
      <c r="AS1316" t="s">
        <v>184</v>
      </c>
      <c r="AT1316" t="s">
        <v>183</v>
      </c>
      <c r="AU1316" t="s">
        <v>201</v>
      </c>
      <c r="AV1316" t="s">
        <v>205</v>
      </c>
      <c r="AZ1316" t="s">
        <v>207</v>
      </c>
      <c r="BA1316" t="s">
        <v>188</v>
      </c>
      <c r="BC1316" t="s">
        <v>209</v>
      </c>
      <c r="BF1316" t="s">
        <v>232</v>
      </c>
      <c r="BG1316" t="s">
        <v>301</v>
      </c>
      <c r="BH1316" t="s">
        <v>211</v>
      </c>
      <c r="BK1316" t="s">
        <v>191</v>
      </c>
      <c r="BM1316" t="s">
        <v>191</v>
      </c>
      <c r="BO1316" t="s">
        <v>218</v>
      </c>
    </row>
    <row r="1317" spans="1:69" x14ac:dyDescent="0.25">
      <c r="A1317" s="1">
        <v>30454705</v>
      </c>
      <c r="B1317" t="s">
        <v>2350</v>
      </c>
      <c r="C1317" t="s">
        <v>39</v>
      </c>
      <c r="D1317" t="s">
        <v>1616</v>
      </c>
      <c r="E1317" t="s">
        <v>175</v>
      </c>
      <c r="L1317" t="s">
        <v>52</v>
      </c>
      <c r="M1317" s="1">
        <v>0</v>
      </c>
      <c r="N1317" s="1">
        <v>0</v>
      </c>
      <c r="O1317" t="s">
        <v>1616</v>
      </c>
      <c r="P1317" t="s">
        <v>216</v>
      </c>
      <c r="Q1317" t="s">
        <v>196</v>
      </c>
      <c r="S1317" s="1">
        <v>0</v>
      </c>
      <c r="T1317" t="s">
        <v>175</v>
      </c>
      <c r="Y1317" t="s">
        <v>224</v>
      </c>
      <c r="AC1317" t="s">
        <v>180</v>
      </c>
      <c r="AD1317" t="s">
        <v>200</v>
      </c>
      <c r="AE1317" t="s">
        <v>200</v>
      </c>
      <c r="AF1317" t="s">
        <v>175</v>
      </c>
      <c r="AG1317" t="s">
        <v>175</v>
      </c>
      <c r="AH1317" t="s">
        <v>200</v>
      </c>
      <c r="AI1317" t="s">
        <v>175</v>
      </c>
      <c r="AJ1317" t="s">
        <v>181</v>
      </c>
      <c r="AK1317" t="s">
        <v>175</v>
      </c>
      <c r="AL1317" t="s">
        <v>42</v>
      </c>
      <c r="AM1317" t="s">
        <v>185</v>
      </c>
      <c r="AN1317" t="s">
        <v>205</v>
      </c>
      <c r="AO1317" t="s">
        <v>183</v>
      </c>
      <c r="AP1317" t="s">
        <v>182</v>
      </c>
      <c r="AQ1317" t="s">
        <v>202</v>
      </c>
      <c r="AR1317" t="s">
        <v>203</v>
      </c>
      <c r="AS1317" t="s">
        <v>204</v>
      </c>
      <c r="AT1317" t="s">
        <v>201</v>
      </c>
      <c r="AU1317" t="s">
        <v>206</v>
      </c>
      <c r="AV1317" t="s">
        <v>184</v>
      </c>
      <c r="AW1317" t="s">
        <v>225</v>
      </c>
      <c r="AY1317" t="s">
        <v>187</v>
      </c>
      <c r="AZ1317" t="s">
        <v>207</v>
      </c>
      <c r="BB1317" t="s">
        <v>208</v>
      </c>
      <c r="BF1317" t="s">
        <v>292</v>
      </c>
      <c r="BG1317" t="s">
        <v>233</v>
      </c>
      <c r="BH1317" t="s">
        <v>211</v>
      </c>
      <c r="BK1317" t="s">
        <v>191</v>
      </c>
      <c r="BL1317" t="s">
        <v>2351</v>
      </c>
      <c r="BM1317" t="s">
        <v>191</v>
      </c>
      <c r="BN1317" t="s">
        <v>2352</v>
      </c>
      <c r="BO1317" t="s">
        <v>191</v>
      </c>
      <c r="BP1317" t="s">
        <v>576</v>
      </c>
      <c r="BQ1317" t="s">
        <v>225</v>
      </c>
    </row>
    <row r="1318" spans="1:69" x14ac:dyDescent="0.25">
      <c r="A1318" s="1">
        <v>30454727</v>
      </c>
      <c r="B1318" t="s">
        <v>2353</v>
      </c>
      <c r="C1318" t="s">
        <v>39</v>
      </c>
      <c r="D1318" t="s">
        <v>1616</v>
      </c>
      <c r="E1318" t="s">
        <v>175</v>
      </c>
      <c r="L1318" t="s">
        <v>52</v>
      </c>
      <c r="M1318" s="1">
        <v>0</v>
      </c>
      <c r="N1318" s="1">
        <v>0</v>
      </c>
      <c r="O1318" t="s">
        <v>1616</v>
      </c>
      <c r="P1318" t="s">
        <v>176</v>
      </c>
      <c r="Q1318" t="s">
        <v>177</v>
      </c>
      <c r="S1318" t="s">
        <v>178</v>
      </c>
      <c r="T1318" t="s">
        <v>175</v>
      </c>
      <c r="W1318" t="s">
        <v>262</v>
      </c>
      <c r="Z1318" t="s">
        <v>244</v>
      </c>
      <c r="AC1318" t="s">
        <v>180</v>
      </c>
      <c r="AD1318" t="s">
        <v>175</v>
      </c>
      <c r="AE1318" t="s">
        <v>181</v>
      </c>
      <c r="AF1318" t="s">
        <v>181</v>
      </c>
      <c r="AG1318" t="s">
        <v>181</v>
      </c>
      <c r="AH1318" t="s">
        <v>175</v>
      </c>
      <c r="AI1318" t="s">
        <v>175</v>
      </c>
      <c r="AJ1318" t="s">
        <v>181</v>
      </c>
      <c r="AK1318" t="s">
        <v>175</v>
      </c>
      <c r="AL1318" t="s">
        <v>42</v>
      </c>
      <c r="AM1318" s="1">
        <v>0</v>
      </c>
      <c r="AN1318" s="1">
        <v>0</v>
      </c>
      <c r="AO1318" s="1">
        <v>0</v>
      </c>
      <c r="AP1318" s="1">
        <v>0</v>
      </c>
      <c r="AQ1318" s="1">
        <v>0</v>
      </c>
      <c r="AR1318" s="1">
        <v>0</v>
      </c>
      <c r="AS1318" s="1">
        <v>0</v>
      </c>
      <c r="AT1318" t="s">
        <v>185</v>
      </c>
      <c r="AU1318" t="s">
        <v>184</v>
      </c>
      <c r="AV1318" s="1">
        <v>0</v>
      </c>
      <c r="AX1318" t="s">
        <v>186</v>
      </c>
      <c r="AZ1318" t="s">
        <v>207</v>
      </c>
      <c r="BA1318" t="s">
        <v>188</v>
      </c>
      <c r="BF1318" t="s">
        <v>210</v>
      </c>
      <c r="BG1318" s="1">
        <v>0</v>
      </c>
      <c r="BH1318" t="s">
        <v>247</v>
      </c>
      <c r="BK1318" t="s">
        <v>191</v>
      </c>
      <c r="BL1318" t="s">
        <v>2354</v>
      </c>
      <c r="BM1318" t="s">
        <v>191</v>
      </c>
      <c r="BN1318" t="s">
        <v>2355</v>
      </c>
      <c r="BO1318" t="s">
        <v>191</v>
      </c>
      <c r="BP1318" t="s">
        <v>2356</v>
      </c>
      <c r="BQ1318" t="s">
        <v>2357</v>
      </c>
    </row>
    <row r="1319" spans="1:69" x14ac:dyDescent="0.25">
      <c r="A1319" s="1">
        <v>30454874</v>
      </c>
      <c r="B1319" t="s">
        <v>3008</v>
      </c>
      <c r="C1319" t="s">
        <v>39</v>
      </c>
      <c r="D1319" t="s">
        <v>2512</v>
      </c>
      <c r="E1319" t="s">
        <v>175</v>
      </c>
      <c r="L1319" t="s">
        <v>52</v>
      </c>
      <c r="M1319" s="1">
        <v>0</v>
      </c>
      <c r="N1319" s="1">
        <v>0</v>
      </c>
      <c r="O1319" t="s">
        <v>2512</v>
      </c>
      <c r="P1319" t="s">
        <v>176</v>
      </c>
      <c r="Q1319" t="s">
        <v>196</v>
      </c>
      <c r="S1319" t="s">
        <v>256</v>
      </c>
      <c r="T1319" t="s">
        <v>175</v>
      </c>
      <c r="X1319" t="s">
        <v>179</v>
      </c>
      <c r="AC1319" t="s">
        <v>180</v>
      </c>
      <c r="AD1319" t="s">
        <v>175</v>
      </c>
      <c r="AE1319" t="s">
        <v>175</v>
      </c>
      <c r="AF1319" t="s">
        <v>175</v>
      </c>
      <c r="AG1319" t="s">
        <v>175</v>
      </c>
      <c r="AH1319" t="s">
        <v>175</v>
      </c>
      <c r="AI1319" t="s">
        <v>175</v>
      </c>
      <c r="AJ1319" t="s">
        <v>175</v>
      </c>
      <c r="AK1319" t="s">
        <v>175</v>
      </c>
      <c r="AL1319" t="s">
        <v>42</v>
      </c>
      <c r="AM1319" t="s">
        <v>185</v>
      </c>
      <c r="AN1319" t="s">
        <v>201</v>
      </c>
      <c r="AO1319" t="s">
        <v>203</v>
      </c>
      <c r="AP1319" t="s">
        <v>184</v>
      </c>
      <c r="AQ1319" t="s">
        <v>204</v>
      </c>
      <c r="AR1319" t="s">
        <v>183</v>
      </c>
      <c r="AS1319" t="s">
        <v>205</v>
      </c>
      <c r="AT1319" t="s">
        <v>206</v>
      </c>
      <c r="AU1319" t="s">
        <v>202</v>
      </c>
      <c r="AV1319" t="s">
        <v>182</v>
      </c>
      <c r="AZ1319" t="s">
        <v>207</v>
      </c>
      <c r="BF1319" t="s">
        <v>49</v>
      </c>
      <c r="BG1319" s="1">
        <v>0</v>
      </c>
      <c r="BH1319" t="s">
        <v>247</v>
      </c>
      <c r="BK1319" t="s">
        <v>191</v>
      </c>
      <c r="BM1319" t="s">
        <v>191</v>
      </c>
      <c r="BO1319" t="s">
        <v>218</v>
      </c>
    </row>
    <row r="1320" spans="1:69" x14ac:dyDescent="0.25">
      <c r="A1320" s="1">
        <v>30455975</v>
      </c>
      <c r="B1320" t="s">
        <v>3628</v>
      </c>
      <c r="C1320" t="s">
        <v>39</v>
      </c>
      <c r="D1320" t="s">
        <v>3138</v>
      </c>
      <c r="E1320" t="s">
        <v>200</v>
      </c>
      <c r="L1320" t="s">
        <v>52</v>
      </c>
      <c r="M1320" s="1">
        <v>0</v>
      </c>
      <c r="N1320" s="1">
        <v>0</v>
      </c>
      <c r="O1320" t="s">
        <v>3139</v>
      </c>
      <c r="P1320" t="s">
        <v>176</v>
      </c>
      <c r="Q1320" t="s">
        <v>177</v>
      </c>
      <c r="S1320" t="s">
        <v>222</v>
      </c>
      <c r="T1320" t="s">
        <v>200</v>
      </c>
      <c r="Y1320" t="s">
        <v>224</v>
      </c>
      <c r="AC1320" t="s">
        <v>180</v>
      </c>
      <c r="AD1320" t="s">
        <v>200</v>
      </c>
      <c r="AE1320" t="s">
        <v>200</v>
      </c>
      <c r="AF1320" t="s">
        <v>200</v>
      </c>
      <c r="AG1320" t="s">
        <v>175</v>
      </c>
      <c r="AH1320" t="s">
        <v>200</v>
      </c>
      <c r="AI1320" t="s">
        <v>200</v>
      </c>
      <c r="AJ1320" t="s">
        <v>175</v>
      </c>
      <c r="AK1320" t="s">
        <v>200</v>
      </c>
      <c r="AL1320" t="s">
        <v>49</v>
      </c>
      <c r="AM1320" t="s">
        <v>185</v>
      </c>
      <c r="AN1320" t="s">
        <v>183</v>
      </c>
      <c r="AO1320" t="s">
        <v>182</v>
      </c>
      <c r="AP1320" t="s">
        <v>184</v>
      </c>
      <c r="AQ1320" t="s">
        <v>202</v>
      </c>
      <c r="AR1320" t="s">
        <v>203</v>
      </c>
      <c r="AS1320" t="s">
        <v>204</v>
      </c>
      <c r="AT1320" t="s">
        <v>201</v>
      </c>
      <c r="AU1320" t="s">
        <v>206</v>
      </c>
      <c r="AV1320" t="s">
        <v>205</v>
      </c>
      <c r="AX1320" t="s">
        <v>186</v>
      </c>
      <c r="AY1320" t="s">
        <v>187</v>
      </c>
      <c r="AZ1320" t="s">
        <v>207</v>
      </c>
      <c r="BA1320" t="s">
        <v>188</v>
      </c>
      <c r="BC1320" t="s">
        <v>209</v>
      </c>
      <c r="BF1320" t="s">
        <v>210</v>
      </c>
      <c r="BG1320" s="1">
        <v>0</v>
      </c>
      <c r="BH1320" t="s">
        <v>211</v>
      </c>
      <c r="BK1320" t="s">
        <v>191</v>
      </c>
      <c r="BL1320" t="s">
        <v>3629</v>
      </c>
      <c r="BM1320" t="s">
        <v>191</v>
      </c>
      <c r="BO1320" t="s">
        <v>191</v>
      </c>
      <c r="BP1320" t="s">
        <v>3630</v>
      </c>
    </row>
    <row r="1321" spans="1:69" x14ac:dyDescent="0.25">
      <c r="A1321" s="1">
        <v>30456132</v>
      </c>
      <c r="B1321" t="s">
        <v>798</v>
      </c>
      <c r="C1321" t="s">
        <v>39</v>
      </c>
      <c r="D1321" t="s">
        <v>174</v>
      </c>
      <c r="E1321" t="s">
        <v>175</v>
      </c>
      <c r="L1321" t="s">
        <v>52</v>
      </c>
      <c r="M1321" s="1">
        <v>0</v>
      </c>
      <c r="N1321" s="1">
        <v>0</v>
      </c>
      <c r="O1321" t="s">
        <v>174</v>
      </c>
      <c r="P1321" t="s">
        <v>176</v>
      </c>
      <c r="Q1321" t="s">
        <v>238</v>
      </c>
      <c r="S1321" t="s">
        <v>315</v>
      </c>
      <c r="T1321" t="s">
        <v>175</v>
      </c>
      <c r="Y1321" t="s">
        <v>224</v>
      </c>
      <c r="Z1321" t="s">
        <v>244</v>
      </c>
      <c r="AC1321" t="s">
        <v>180</v>
      </c>
      <c r="AD1321" t="s">
        <v>175</v>
      </c>
      <c r="AE1321" t="s">
        <v>181</v>
      </c>
      <c r="AF1321" t="s">
        <v>230</v>
      </c>
      <c r="AG1321" t="s">
        <v>175</v>
      </c>
      <c r="AH1321" t="s">
        <v>175</v>
      </c>
      <c r="AI1321" t="s">
        <v>181</v>
      </c>
      <c r="AJ1321" t="s">
        <v>175</v>
      </c>
      <c r="AK1321" t="s">
        <v>175</v>
      </c>
      <c r="AL1321" t="s">
        <v>42</v>
      </c>
      <c r="AM1321" t="s">
        <v>201</v>
      </c>
      <c r="AN1321" t="s">
        <v>206</v>
      </c>
      <c r="AO1321" t="s">
        <v>183</v>
      </c>
      <c r="AP1321" t="s">
        <v>182</v>
      </c>
      <c r="AQ1321" t="s">
        <v>185</v>
      </c>
      <c r="AR1321" t="s">
        <v>184</v>
      </c>
      <c r="AS1321" t="s">
        <v>203</v>
      </c>
      <c r="AT1321" t="s">
        <v>205</v>
      </c>
      <c r="AU1321" t="s">
        <v>204</v>
      </c>
      <c r="AV1321" t="s">
        <v>202</v>
      </c>
      <c r="AW1321" t="s">
        <v>799</v>
      </c>
      <c r="AX1321" t="s">
        <v>186</v>
      </c>
      <c r="AZ1321" t="s">
        <v>207</v>
      </c>
      <c r="BA1321" t="s">
        <v>188</v>
      </c>
      <c r="BC1321" t="s">
        <v>209</v>
      </c>
      <c r="BF1321" t="s">
        <v>210</v>
      </c>
      <c r="BG1321" s="1">
        <v>0</v>
      </c>
      <c r="BH1321" t="s">
        <v>247</v>
      </c>
      <c r="BK1321" t="s">
        <v>191</v>
      </c>
      <c r="BL1321" t="s">
        <v>800</v>
      </c>
      <c r="BM1321" t="s">
        <v>218</v>
      </c>
      <c r="BN1321" t="s">
        <v>801</v>
      </c>
      <c r="BO1321" t="s">
        <v>191</v>
      </c>
      <c r="BP1321" t="s">
        <v>802</v>
      </c>
      <c r="BQ1321" t="s">
        <v>803</v>
      </c>
    </row>
    <row r="1322" spans="1:69" x14ac:dyDescent="0.25">
      <c r="A1322" s="1">
        <v>30457146</v>
      </c>
      <c r="B1322" t="s">
        <v>804</v>
      </c>
      <c r="C1322" t="s">
        <v>39</v>
      </c>
      <c r="D1322" t="s">
        <v>174</v>
      </c>
      <c r="E1322" t="s">
        <v>216</v>
      </c>
      <c r="L1322" t="s">
        <v>52</v>
      </c>
      <c r="M1322" s="1">
        <v>0</v>
      </c>
      <c r="N1322" s="1">
        <v>0</v>
      </c>
      <c r="O1322" t="s">
        <v>174</v>
      </c>
      <c r="P1322" t="s">
        <v>216</v>
      </c>
      <c r="Q1322" t="s">
        <v>177</v>
      </c>
      <c r="S1322" s="1">
        <v>0</v>
      </c>
      <c r="T1322" t="s">
        <v>197</v>
      </c>
      <c r="U1322" t="s">
        <v>805</v>
      </c>
      <c r="AA1322" t="s">
        <v>273</v>
      </c>
      <c r="AC1322" t="s">
        <v>180</v>
      </c>
      <c r="AD1322" t="s">
        <v>175</v>
      </c>
      <c r="AE1322" t="s">
        <v>175</v>
      </c>
      <c r="AF1322" t="s">
        <v>175</v>
      </c>
      <c r="AG1322" t="s">
        <v>175</v>
      </c>
      <c r="AH1322" t="s">
        <v>175</v>
      </c>
      <c r="AI1322" t="s">
        <v>175</v>
      </c>
      <c r="AJ1322" t="s">
        <v>175</v>
      </c>
      <c r="AK1322" t="s">
        <v>175</v>
      </c>
      <c r="AL1322" t="s">
        <v>52</v>
      </c>
      <c r="AM1322" t="s">
        <v>203</v>
      </c>
      <c r="AN1322" t="s">
        <v>184</v>
      </c>
      <c r="AO1322" t="s">
        <v>182</v>
      </c>
      <c r="AP1322" t="s">
        <v>185</v>
      </c>
      <c r="AQ1322" t="s">
        <v>201</v>
      </c>
      <c r="AR1322" t="s">
        <v>202</v>
      </c>
      <c r="AS1322" t="s">
        <v>204</v>
      </c>
      <c r="AT1322" t="s">
        <v>205</v>
      </c>
      <c r="AU1322" t="s">
        <v>183</v>
      </c>
      <c r="AV1322" t="s">
        <v>206</v>
      </c>
      <c r="AY1322" t="s">
        <v>187</v>
      </c>
      <c r="AZ1322" t="s">
        <v>207</v>
      </c>
      <c r="BA1322" t="s">
        <v>188</v>
      </c>
      <c r="BF1322" t="s">
        <v>210</v>
      </c>
      <c r="BG1322" s="1">
        <v>0</v>
      </c>
      <c r="BH1322" t="s">
        <v>190</v>
      </c>
      <c r="BK1322" t="s">
        <v>191</v>
      </c>
      <c r="BM1322" t="s">
        <v>191</v>
      </c>
      <c r="BO1322" t="s">
        <v>191</v>
      </c>
    </row>
    <row r="1323" spans="1:69" x14ac:dyDescent="0.25">
      <c r="A1323" s="1">
        <v>30457960</v>
      </c>
      <c r="B1323" t="s">
        <v>4484</v>
      </c>
      <c r="C1323" t="s">
        <v>39</v>
      </c>
      <c r="D1323" t="s">
        <v>3727</v>
      </c>
      <c r="E1323" t="s">
        <v>175</v>
      </c>
      <c r="L1323" t="s">
        <v>52</v>
      </c>
      <c r="M1323" s="1">
        <v>0</v>
      </c>
      <c r="N1323" s="1">
        <v>0</v>
      </c>
      <c r="O1323" t="s">
        <v>3728</v>
      </c>
      <c r="P1323" t="s">
        <v>176</v>
      </c>
      <c r="Q1323" t="s">
        <v>238</v>
      </c>
      <c r="S1323" t="s">
        <v>178</v>
      </c>
      <c r="T1323" t="s">
        <v>175</v>
      </c>
      <c r="Y1323" t="s">
        <v>224</v>
      </c>
      <c r="AC1323" t="s">
        <v>180</v>
      </c>
      <c r="AD1323" t="s">
        <v>175</v>
      </c>
      <c r="AE1323" t="s">
        <v>200</v>
      </c>
      <c r="AF1323" t="s">
        <v>200</v>
      </c>
      <c r="AG1323" t="s">
        <v>200</v>
      </c>
      <c r="AH1323" t="s">
        <v>200</v>
      </c>
      <c r="AI1323" t="s">
        <v>200</v>
      </c>
      <c r="AJ1323" t="s">
        <v>200</v>
      </c>
      <c r="AK1323" t="s">
        <v>175</v>
      </c>
      <c r="AL1323" t="s">
        <v>42</v>
      </c>
      <c r="AM1323" t="s">
        <v>202</v>
      </c>
      <c r="AN1323" t="s">
        <v>203</v>
      </c>
      <c r="AO1323" t="s">
        <v>182</v>
      </c>
      <c r="AP1323" t="s">
        <v>183</v>
      </c>
      <c r="AQ1323" t="s">
        <v>185</v>
      </c>
      <c r="AR1323" t="s">
        <v>184</v>
      </c>
      <c r="AS1323" t="s">
        <v>201</v>
      </c>
      <c r="AT1323" t="s">
        <v>204</v>
      </c>
      <c r="AU1323" t="s">
        <v>205</v>
      </c>
      <c r="AV1323" t="s">
        <v>206</v>
      </c>
      <c r="AY1323" t="s">
        <v>187</v>
      </c>
      <c r="BF1323" s="1">
        <v>0</v>
      </c>
      <c r="BG1323" s="1">
        <v>0</v>
      </c>
      <c r="BH1323" s="1">
        <v>0</v>
      </c>
      <c r="BK1323" s="1">
        <v>0</v>
      </c>
      <c r="BM1323" s="1">
        <v>0</v>
      </c>
      <c r="BO1323" s="1">
        <v>0</v>
      </c>
    </row>
    <row r="1324" spans="1:69" x14ac:dyDescent="0.25">
      <c r="A1324" s="1">
        <v>30458396</v>
      </c>
      <c r="B1324" t="s">
        <v>1478</v>
      </c>
      <c r="C1324" t="s">
        <v>39</v>
      </c>
      <c r="D1324" t="s">
        <v>942</v>
      </c>
      <c r="E1324" t="s">
        <v>216</v>
      </c>
      <c r="L1324" t="s">
        <v>52</v>
      </c>
      <c r="M1324" s="1">
        <v>0</v>
      </c>
      <c r="N1324" s="1">
        <v>0</v>
      </c>
      <c r="O1324" t="s">
        <v>942</v>
      </c>
      <c r="P1324" t="s">
        <v>216</v>
      </c>
      <c r="Q1324" t="s">
        <v>328</v>
      </c>
      <c r="S1324" s="1">
        <v>0</v>
      </c>
      <c r="T1324" t="s">
        <v>197</v>
      </c>
      <c r="U1324" t="s">
        <v>1479</v>
      </c>
      <c r="W1324" t="s">
        <v>262</v>
      </c>
      <c r="X1324" t="s">
        <v>179</v>
      </c>
      <c r="Y1324" t="s">
        <v>224</v>
      </c>
      <c r="Z1324" t="s">
        <v>244</v>
      </c>
      <c r="AC1324" t="s">
        <v>266</v>
      </c>
      <c r="AD1324" t="s">
        <v>299</v>
      </c>
      <c r="AE1324" t="s">
        <v>181</v>
      </c>
      <c r="AF1324" t="s">
        <v>181</v>
      </c>
      <c r="AG1324" t="s">
        <v>181</v>
      </c>
      <c r="AH1324" t="s">
        <v>175</v>
      </c>
      <c r="AI1324" t="s">
        <v>299</v>
      </c>
      <c r="AJ1324" t="s">
        <v>181</v>
      </c>
      <c r="AK1324" t="s">
        <v>230</v>
      </c>
      <c r="AL1324" t="s">
        <v>42</v>
      </c>
      <c r="AM1324" t="s">
        <v>183</v>
      </c>
      <c r="AN1324" t="s">
        <v>202</v>
      </c>
      <c r="AO1324" t="s">
        <v>184</v>
      </c>
      <c r="AP1324" t="s">
        <v>206</v>
      </c>
      <c r="AQ1324" t="s">
        <v>185</v>
      </c>
      <c r="AR1324" t="s">
        <v>201</v>
      </c>
      <c r="AS1324" t="s">
        <v>182</v>
      </c>
      <c r="AT1324" t="s">
        <v>204</v>
      </c>
      <c r="AU1324" t="s">
        <v>205</v>
      </c>
      <c r="AV1324" t="s">
        <v>203</v>
      </c>
      <c r="AW1324" t="s">
        <v>1480</v>
      </c>
      <c r="AX1324" t="s">
        <v>186</v>
      </c>
      <c r="AY1324" t="s">
        <v>187</v>
      </c>
      <c r="AZ1324" t="s">
        <v>207</v>
      </c>
      <c r="BA1324" t="s">
        <v>188</v>
      </c>
      <c r="BC1324" t="s">
        <v>209</v>
      </c>
      <c r="BF1324" t="s">
        <v>189</v>
      </c>
      <c r="BG1324" s="1">
        <v>0</v>
      </c>
      <c r="BH1324" t="s">
        <v>302</v>
      </c>
      <c r="BI1324" t="s">
        <v>1481</v>
      </c>
      <c r="BK1324" t="s">
        <v>191</v>
      </c>
      <c r="BL1324" t="s">
        <v>1482</v>
      </c>
      <c r="BM1324" t="s">
        <v>191</v>
      </c>
      <c r="BN1324" t="s">
        <v>1483</v>
      </c>
      <c r="BO1324" t="s">
        <v>191</v>
      </c>
      <c r="BP1324" t="s">
        <v>1484</v>
      </c>
    </row>
    <row r="1325" spans="1:69" x14ac:dyDescent="0.25">
      <c r="A1325" s="1">
        <v>30458399</v>
      </c>
      <c r="B1325" t="s">
        <v>4485</v>
      </c>
      <c r="C1325" t="s">
        <v>39</v>
      </c>
      <c r="D1325" t="s">
        <v>3727</v>
      </c>
      <c r="E1325" t="s">
        <v>175</v>
      </c>
      <c r="L1325" t="s">
        <v>52</v>
      </c>
      <c r="M1325" s="1">
        <v>0</v>
      </c>
      <c r="N1325" s="1">
        <v>0</v>
      </c>
      <c r="O1325" t="s">
        <v>3728</v>
      </c>
      <c r="P1325" t="s">
        <v>216</v>
      </c>
      <c r="Q1325" t="s">
        <v>322</v>
      </c>
      <c r="S1325" s="1">
        <v>0</v>
      </c>
      <c r="T1325" t="s">
        <v>175</v>
      </c>
      <c r="Y1325" t="s">
        <v>224</v>
      </c>
      <c r="AC1325" t="s">
        <v>180</v>
      </c>
      <c r="AD1325" s="1">
        <v>0</v>
      </c>
      <c r="AE1325" s="1">
        <v>0</v>
      </c>
      <c r="AF1325" s="1">
        <v>0</v>
      </c>
      <c r="AG1325" s="1">
        <v>0</v>
      </c>
      <c r="AH1325" s="1">
        <v>0</v>
      </c>
      <c r="AI1325" s="1">
        <v>0</v>
      </c>
      <c r="AJ1325" s="1">
        <v>0</v>
      </c>
      <c r="AK1325" s="1">
        <v>0</v>
      </c>
      <c r="AL1325" s="1">
        <v>0</v>
      </c>
      <c r="AM1325" s="1">
        <v>0</v>
      </c>
      <c r="AN1325" s="1">
        <v>0</v>
      </c>
      <c r="AO1325" s="1">
        <v>0</v>
      </c>
      <c r="AP1325" s="1">
        <v>0</v>
      </c>
      <c r="AQ1325" s="1">
        <v>0</v>
      </c>
      <c r="AR1325" s="1">
        <v>0</v>
      </c>
      <c r="AS1325" s="1">
        <v>0</v>
      </c>
      <c r="AT1325" s="1">
        <v>0</v>
      </c>
      <c r="AU1325" s="1">
        <v>0</v>
      </c>
      <c r="AV1325" s="1">
        <v>0</v>
      </c>
      <c r="BF1325" s="1">
        <v>0</v>
      </c>
      <c r="BG1325" s="1">
        <v>0</v>
      </c>
      <c r="BH1325" s="1">
        <v>0</v>
      </c>
      <c r="BK1325" s="1">
        <v>0</v>
      </c>
      <c r="BM1325" s="1">
        <v>0</v>
      </c>
      <c r="BO1325" s="1">
        <v>0</v>
      </c>
    </row>
    <row r="1326" spans="1:69" x14ac:dyDescent="0.25">
      <c r="A1326" s="1">
        <v>30458502</v>
      </c>
      <c r="B1326" t="s">
        <v>4486</v>
      </c>
      <c r="C1326" t="s">
        <v>39</v>
      </c>
      <c r="D1326" t="s">
        <v>3727</v>
      </c>
      <c r="E1326" t="s">
        <v>175</v>
      </c>
      <c r="L1326" t="s">
        <v>52</v>
      </c>
      <c r="M1326" s="1">
        <v>0</v>
      </c>
      <c r="N1326" s="1">
        <v>0</v>
      </c>
      <c r="O1326" t="s">
        <v>3728</v>
      </c>
      <c r="P1326" t="s">
        <v>216</v>
      </c>
      <c r="Q1326" t="s">
        <v>258</v>
      </c>
      <c r="S1326" s="1">
        <v>0</v>
      </c>
      <c r="T1326" t="s">
        <v>175</v>
      </c>
      <c r="X1326" t="s">
        <v>179</v>
      </c>
      <c r="Y1326" t="s">
        <v>224</v>
      </c>
      <c r="Z1326" t="s">
        <v>244</v>
      </c>
      <c r="AC1326" t="s">
        <v>199</v>
      </c>
      <c r="AD1326" t="s">
        <v>181</v>
      </c>
      <c r="AE1326" t="s">
        <v>175</v>
      </c>
      <c r="AF1326" t="s">
        <v>175</v>
      </c>
      <c r="AG1326" t="s">
        <v>175</v>
      </c>
      <c r="AH1326" t="s">
        <v>175</v>
      </c>
      <c r="AI1326" t="s">
        <v>175</v>
      </c>
      <c r="AJ1326" t="s">
        <v>175</v>
      </c>
      <c r="AK1326" t="s">
        <v>181</v>
      </c>
      <c r="AL1326" t="s">
        <v>42</v>
      </c>
      <c r="AM1326" t="s">
        <v>184</v>
      </c>
      <c r="AN1326" t="s">
        <v>205</v>
      </c>
      <c r="AO1326" t="s">
        <v>185</v>
      </c>
      <c r="AP1326" t="s">
        <v>206</v>
      </c>
      <c r="AQ1326" t="s">
        <v>183</v>
      </c>
      <c r="AR1326" t="s">
        <v>182</v>
      </c>
      <c r="AS1326" t="s">
        <v>203</v>
      </c>
      <c r="AT1326" t="s">
        <v>202</v>
      </c>
      <c r="AU1326" t="s">
        <v>204</v>
      </c>
      <c r="AV1326" t="s">
        <v>201</v>
      </c>
      <c r="AX1326" t="s">
        <v>186</v>
      </c>
      <c r="AY1326" t="s">
        <v>187</v>
      </c>
      <c r="AZ1326" t="s">
        <v>207</v>
      </c>
      <c r="BA1326" t="s">
        <v>188</v>
      </c>
      <c r="BB1326" t="s">
        <v>208</v>
      </c>
      <c r="BC1326" t="s">
        <v>209</v>
      </c>
      <c r="BF1326" t="s">
        <v>189</v>
      </c>
      <c r="BG1326" s="1">
        <v>0</v>
      </c>
      <c r="BH1326" t="s">
        <v>247</v>
      </c>
      <c r="BK1326" t="s">
        <v>191</v>
      </c>
      <c r="BM1326" t="s">
        <v>191</v>
      </c>
      <c r="BO1326" t="s">
        <v>191</v>
      </c>
    </row>
    <row r="1327" spans="1:69" x14ac:dyDescent="0.25">
      <c r="A1327" s="1">
        <v>30458844</v>
      </c>
      <c r="B1327" t="s">
        <v>4487</v>
      </c>
      <c r="C1327" t="s">
        <v>39</v>
      </c>
      <c r="D1327" t="s">
        <v>3727</v>
      </c>
      <c r="E1327" t="s">
        <v>175</v>
      </c>
      <c r="L1327" t="s">
        <v>52</v>
      </c>
      <c r="M1327" s="1">
        <v>0</v>
      </c>
      <c r="N1327" s="1">
        <v>0</v>
      </c>
      <c r="O1327" t="s">
        <v>3728</v>
      </c>
      <c r="P1327" t="s">
        <v>176</v>
      </c>
      <c r="Q1327" t="s">
        <v>196</v>
      </c>
      <c r="S1327" t="s">
        <v>349</v>
      </c>
      <c r="T1327" t="s">
        <v>175</v>
      </c>
      <c r="AC1327" t="s">
        <v>199</v>
      </c>
      <c r="AD1327" t="s">
        <v>175</v>
      </c>
      <c r="AE1327" t="s">
        <v>175</v>
      </c>
      <c r="AF1327" t="s">
        <v>175</v>
      </c>
      <c r="AG1327" t="s">
        <v>175</v>
      </c>
      <c r="AH1327" t="s">
        <v>175</v>
      </c>
      <c r="AI1327" t="s">
        <v>175</v>
      </c>
      <c r="AJ1327" t="s">
        <v>175</v>
      </c>
      <c r="AK1327" t="s">
        <v>175</v>
      </c>
      <c r="AL1327" t="s">
        <v>42</v>
      </c>
      <c r="AM1327" t="s">
        <v>185</v>
      </c>
      <c r="AN1327" s="1">
        <v>0</v>
      </c>
      <c r="AO1327" s="1">
        <v>0</v>
      </c>
      <c r="AP1327" s="1">
        <v>0</v>
      </c>
      <c r="AQ1327" s="1">
        <v>0</v>
      </c>
      <c r="AR1327" s="1">
        <v>0</v>
      </c>
      <c r="AS1327" s="1">
        <v>0</v>
      </c>
      <c r="AT1327" s="1">
        <v>0</v>
      </c>
      <c r="AU1327" s="1">
        <v>0</v>
      </c>
      <c r="AV1327" s="1">
        <v>0</v>
      </c>
      <c r="AY1327" t="s">
        <v>187</v>
      </c>
      <c r="AZ1327" t="s">
        <v>207</v>
      </c>
      <c r="BA1327" t="s">
        <v>188</v>
      </c>
      <c r="BF1327" t="s">
        <v>210</v>
      </c>
      <c r="BG1327" s="1">
        <v>0</v>
      </c>
      <c r="BH1327" t="s">
        <v>247</v>
      </c>
      <c r="BK1327" t="s">
        <v>191</v>
      </c>
      <c r="BL1327" t="s">
        <v>4488</v>
      </c>
      <c r="BM1327" t="s">
        <v>191</v>
      </c>
      <c r="BO1327" t="s">
        <v>191</v>
      </c>
      <c r="BP1327" t="s">
        <v>4489</v>
      </c>
      <c r="BQ1327" t="s">
        <v>4490</v>
      </c>
    </row>
    <row r="1328" spans="1:69" x14ac:dyDescent="0.25">
      <c r="A1328" s="1">
        <v>30458993</v>
      </c>
      <c r="B1328" t="s">
        <v>2358</v>
      </c>
      <c r="C1328" t="s">
        <v>39</v>
      </c>
      <c r="D1328" t="s">
        <v>1616</v>
      </c>
      <c r="E1328" t="s">
        <v>175</v>
      </c>
      <c r="L1328" t="s">
        <v>52</v>
      </c>
      <c r="M1328" s="1">
        <v>0</v>
      </c>
      <c r="N1328" s="1">
        <v>0</v>
      </c>
      <c r="O1328" t="s">
        <v>1616</v>
      </c>
      <c r="P1328" t="s">
        <v>216</v>
      </c>
      <c r="Q1328" t="s">
        <v>177</v>
      </c>
      <c r="S1328" s="1">
        <v>0</v>
      </c>
      <c r="T1328" t="s">
        <v>175</v>
      </c>
      <c r="Y1328" t="s">
        <v>224</v>
      </c>
      <c r="AC1328" t="s">
        <v>180</v>
      </c>
      <c r="AD1328" t="s">
        <v>175</v>
      </c>
      <c r="AE1328" t="s">
        <v>181</v>
      </c>
      <c r="AF1328" t="s">
        <v>181</v>
      </c>
      <c r="AG1328" t="s">
        <v>181</v>
      </c>
      <c r="AH1328" t="s">
        <v>175</v>
      </c>
      <c r="AI1328" t="s">
        <v>175</v>
      </c>
      <c r="AJ1328" t="s">
        <v>181</v>
      </c>
      <c r="AK1328" t="s">
        <v>181</v>
      </c>
      <c r="AL1328" t="s">
        <v>52</v>
      </c>
      <c r="AM1328" t="s">
        <v>203</v>
      </c>
      <c r="AN1328" t="s">
        <v>202</v>
      </c>
      <c r="AO1328" t="s">
        <v>185</v>
      </c>
      <c r="AP1328" t="s">
        <v>204</v>
      </c>
      <c r="AQ1328" t="s">
        <v>182</v>
      </c>
      <c r="AR1328" t="s">
        <v>184</v>
      </c>
      <c r="AS1328" t="s">
        <v>205</v>
      </c>
      <c r="AT1328" t="s">
        <v>201</v>
      </c>
      <c r="AU1328" t="s">
        <v>183</v>
      </c>
      <c r="AV1328" t="s">
        <v>206</v>
      </c>
      <c r="AW1328" t="s">
        <v>2359</v>
      </c>
      <c r="BC1328" t="s">
        <v>209</v>
      </c>
      <c r="BF1328" t="s">
        <v>49</v>
      </c>
      <c r="BG1328" s="1">
        <v>0</v>
      </c>
      <c r="BH1328" t="s">
        <v>211</v>
      </c>
      <c r="BK1328" t="s">
        <v>191</v>
      </c>
      <c r="BL1328" t="s">
        <v>2360</v>
      </c>
      <c r="BM1328" t="s">
        <v>218</v>
      </c>
      <c r="BN1328" t="s">
        <v>2361</v>
      </c>
      <c r="BO1328" t="s">
        <v>218</v>
      </c>
      <c r="BP1328" t="s">
        <v>2362</v>
      </c>
    </row>
    <row r="1329" spans="1:69" x14ac:dyDescent="0.25">
      <c r="A1329" s="1">
        <v>30459129</v>
      </c>
      <c r="B1329" t="s">
        <v>1485</v>
      </c>
      <c r="C1329" t="s">
        <v>39</v>
      </c>
      <c r="D1329" t="s">
        <v>942</v>
      </c>
      <c r="E1329" t="s">
        <v>200</v>
      </c>
      <c r="L1329" t="s">
        <v>52</v>
      </c>
      <c r="M1329" s="1">
        <v>0</v>
      </c>
      <c r="N1329" s="1">
        <v>0</v>
      </c>
      <c r="O1329" t="s">
        <v>942</v>
      </c>
      <c r="P1329" t="s">
        <v>176</v>
      </c>
      <c r="Q1329" t="s">
        <v>196</v>
      </c>
      <c r="S1329" t="s">
        <v>178</v>
      </c>
      <c r="T1329" t="s">
        <v>200</v>
      </c>
      <c r="X1329" t="s">
        <v>179</v>
      </c>
      <c r="AC1329" t="s">
        <v>180</v>
      </c>
      <c r="AD1329" t="s">
        <v>200</v>
      </c>
      <c r="AE1329" t="s">
        <v>200</v>
      </c>
      <c r="AF1329" t="s">
        <v>200</v>
      </c>
      <c r="AG1329" t="s">
        <v>200</v>
      </c>
      <c r="AH1329" t="s">
        <v>200</v>
      </c>
      <c r="AI1329" t="s">
        <v>200</v>
      </c>
      <c r="AJ1329" t="s">
        <v>200</v>
      </c>
      <c r="AK1329" t="s">
        <v>200</v>
      </c>
      <c r="AL1329" t="s">
        <v>42</v>
      </c>
      <c r="AM1329" t="s">
        <v>204</v>
      </c>
      <c r="AN1329" t="s">
        <v>182</v>
      </c>
      <c r="AO1329" t="s">
        <v>184</v>
      </c>
      <c r="AP1329" t="s">
        <v>206</v>
      </c>
      <c r="AQ1329" t="s">
        <v>185</v>
      </c>
      <c r="AR1329" t="s">
        <v>203</v>
      </c>
      <c r="AS1329" t="s">
        <v>202</v>
      </c>
      <c r="AT1329" t="s">
        <v>183</v>
      </c>
      <c r="AU1329" t="s">
        <v>201</v>
      </c>
      <c r="AV1329" t="s">
        <v>205</v>
      </c>
      <c r="AW1329" t="s">
        <v>1486</v>
      </c>
      <c r="AX1329" t="s">
        <v>186</v>
      </c>
      <c r="AZ1329" t="s">
        <v>207</v>
      </c>
      <c r="BA1329" t="s">
        <v>188</v>
      </c>
      <c r="BC1329" t="s">
        <v>209</v>
      </c>
      <c r="BF1329" t="s">
        <v>210</v>
      </c>
      <c r="BG1329" s="1">
        <v>0</v>
      </c>
      <c r="BH1329" t="s">
        <v>211</v>
      </c>
      <c r="BK1329" t="s">
        <v>191</v>
      </c>
      <c r="BL1329" t="s">
        <v>1487</v>
      </c>
      <c r="BM1329" t="s">
        <v>191</v>
      </c>
      <c r="BN1329" t="s">
        <v>1488</v>
      </c>
      <c r="BO1329" t="s">
        <v>218</v>
      </c>
      <c r="BP1329" t="s">
        <v>1489</v>
      </c>
      <c r="BQ1329" t="s">
        <v>1490</v>
      </c>
    </row>
    <row r="1330" spans="1:69" x14ac:dyDescent="0.25">
      <c r="A1330" s="1">
        <v>30459569</v>
      </c>
      <c r="B1330" t="s">
        <v>806</v>
      </c>
      <c r="C1330" t="s">
        <v>39</v>
      </c>
      <c r="D1330" t="s">
        <v>174</v>
      </c>
      <c r="E1330" t="s">
        <v>216</v>
      </c>
      <c r="L1330" t="s">
        <v>52</v>
      </c>
      <c r="M1330" s="1">
        <v>0</v>
      </c>
      <c r="N1330" s="1">
        <v>0</v>
      </c>
      <c r="O1330" t="s">
        <v>174</v>
      </c>
      <c r="P1330" t="s">
        <v>216</v>
      </c>
      <c r="Q1330" t="s">
        <v>177</v>
      </c>
      <c r="S1330" s="1">
        <v>0</v>
      </c>
      <c r="T1330" t="s">
        <v>197</v>
      </c>
      <c r="X1330" t="s">
        <v>179</v>
      </c>
      <c r="AC1330" t="s">
        <v>225</v>
      </c>
      <c r="AD1330" t="s">
        <v>181</v>
      </c>
      <c r="AE1330" t="s">
        <v>181</v>
      </c>
      <c r="AF1330" t="s">
        <v>181</v>
      </c>
      <c r="AG1330" t="s">
        <v>181</v>
      </c>
      <c r="AH1330" t="s">
        <v>181</v>
      </c>
      <c r="AI1330" t="s">
        <v>181</v>
      </c>
      <c r="AJ1330" t="s">
        <v>181</v>
      </c>
      <c r="AK1330" t="s">
        <v>181</v>
      </c>
      <c r="AL1330" t="s">
        <v>42</v>
      </c>
      <c r="AM1330" t="s">
        <v>184</v>
      </c>
      <c r="AN1330" t="s">
        <v>183</v>
      </c>
      <c r="AO1330" t="s">
        <v>182</v>
      </c>
      <c r="AP1330" t="s">
        <v>185</v>
      </c>
      <c r="AQ1330" t="s">
        <v>202</v>
      </c>
      <c r="AR1330" t="s">
        <v>203</v>
      </c>
      <c r="AS1330" t="s">
        <v>206</v>
      </c>
      <c r="AT1330" t="s">
        <v>201</v>
      </c>
      <c r="AU1330" t="s">
        <v>205</v>
      </c>
      <c r="AV1330" t="s">
        <v>204</v>
      </c>
      <c r="AX1330" t="s">
        <v>186</v>
      </c>
      <c r="AY1330" t="s">
        <v>187</v>
      </c>
      <c r="AZ1330" t="s">
        <v>207</v>
      </c>
      <c r="BA1330" t="s">
        <v>188</v>
      </c>
      <c r="BF1330" t="s">
        <v>49</v>
      </c>
      <c r="BG1330" s="1">
        <v>0</v>
      </c>
      <c r="BH1330" t="s">
        <v>211</v>
      </c>
      <c r="BK1330" t="s">
        <v>191</v>
      </c>
      <c r="BL1330" t="s">
        <v>807</v>
      </c>
      <c r="BM1330" t="s">
        <v>191</v>
      </c>
      <c r="BN1330" t="s">
        <v>401</v>
      </c>
      <c r="BO1330" t="s">
        <v>191</v>
      </c>
      <c r="BP1330" t="s">
        <v>808</v>
      </c>
    </row>
    <row r="1331" spans="1:69" x14ac:dyDescent="0.25">
      <c r="A1331" s="1">
        <v>30459738</v>
      </c>
      <c r="B1331" t="s">
        <v>1491</v>
      </c>
      <c r="C1331" t="s">
        <v>39</v>
      </c>
      <c r="D1331" t="s">
        <v>942</v>
      </c>
      <c r="E1331" t="s">
        <v>195</v>
      </c>
      <c r="L1331" t="s">
        <v>52</v>
      </c>
      <c r="M1331" s="1">
        <v>0</v>
      </c>
      <c r="N1331" s="1">
        <v>0</v>
      </c>
      <c r="O1331" t="s">
        <v>942</v>
      </c>
      <c r="P1331" t="s">
        <v>176</v>
      </c>
      <c r="Q1331" t="s">
        <v>177</v>
      </c>
      <c r="S1331" t="s">
        <v>222</v>
      </c>
      <c r="T1331" t="s">
        <v>297</v>
      </c>
      <c r="U1331" t="s">
        <v>1492</v>
      </c>
      <c r="Y1331" t="s">
        <v>224</v>
      </c>
      <c r="AA1331" t="s">
        <v>273</v>
      </c>
      <c r="AB1331" t="s">
        <v>1493</v>
      </c>
      <c r="AC1331" t="s">
        <v>199</v>
      </c>
      <c r="AD1331" t="s">
        <v>200</v>
      </c>
      <c r="AE1331" t="s">
        <v>200</v>
      </c>
      <c r="AF1331" t="s">
        <v>200</v>
      </c>
      <c r="AG1331" t="s">
        <v>200</v>
      </c>
      <c r="AH1331" t="s">
        <v>200</v>
      </c>
      <c r="AI1331" t="s">
        <v>200</v>
      </c>
      <c r="AJ1331" t="s">
        <v>200</v>
      </c>
      <c r="AK1331" t="s">
        <v>200</v>
      </c>
      <c r="AL1331" t="s">
        <v>42</v>
      </c>
      <c r="AM1331" t="s">
        <v>182</v>
      </c>
      <c r="AN1331" s="1">
        <v>0</v>
      </c>
      <c r="AO1331" t="s">
        <v>184</v>
      </c>
      <c r="AP1331" s="1">
        <v>0</v>
      </c>
      <c r="AQ1331" s="1">
        <v>0</v>
      </c>
      <c r="AR1331" s="1">
        <v>0</v>
      </c>
      <c r="AS1331" s="1">
        <v>0</v>
      </c>
      <c r="AT1331" s="1">
        <v>0</v>
      </c>
      <c r="AU1331" s="1">
        <v>0</v>
      </c>
      <c r="AV1331" t="s">
        <v>185</v>
      </c>
      <c r="AX1331" t="s">
        <v>186</v>
      </c>
      <c r="AZ1331" t="s">
        <v>207</v>
      </c>
      <c r="BF1331" t="s">
        <v>232</v>
      </c>
      <c r="BG1331" t="s">
        <v>49</v>
      </c>
      <c r="BH1331" t="s">
        <v>302</v>
      </c>
      <c r="BI1331" t="s">
        <v>1494</v>
      </c>
      <c r="BK1331" t="s">
        <v>218</v>
      </c>
      <c r="BL1331" t="s">
        <v>1495</v>
      </c>
      <c r="BM1331" t="s">
        <v>191</v>
      </c>
      <c r="BN1331" t="s">
        <v>318</v>
      </c>
      <c r="BO1331" t="s">
        <v>218</v>
      </c>
      <c r="BP1331" t="s">
        <v>1496</v>
      </c>
    </row>
    <row r="1332" spans="1:69" x14ac:dyDescent="0.25">
      <c r="A1332" s="1">
        <v>30459934</v>
      </c>
      <c r="B1332" t="s">
        <v>2363</v>
      </c>
      <c r="C1332" t="s">
        <v>39</v>
      </c>
      <c r="D1332" t="s">
        <v>1616</v>
      </c>
      <c r="E1332" t="s">
        <v>200</v>
      </c>
      <c r="L1332" t="s">
        <v>52</v>
      </c>
      <c r="M1332" s="1">
        <v>0</v>
      </c>
      <c r="N1332" s="1">
        <v>0</v>
      </c>
      <c r="O1332" t="s">
        <v>1616</v>
      </c>
      <c r="P1332" t="s">
        <v>216</v>
      </c>
      <c r="Q1332" t="s">
        <v>177</v>
      </c>
      <c r="S1332" s="1">
        <v>0</v>
      </c>
      <c r="T1332" t="s">
        <v>200</v>
      </c>
      <c r="AA1332" t="s">
        <v>273</v>
      </c>
      <c r="AB1332" t="s">
        <v>2364</v>
      </c>
      <c r="AC1332" t="s">
        <v>180</v>
      </c>
      <c r="AD1332" t="s">
        <v>200</v>
      </c>
      <c r="AE1332" t="s">
        <v>200</v>
      </c>
      <c r="AF1332" t="s">
        <v>200</v>
      </c>
      <c r="AG1332" t="s">
        <v>200</v>
      </c>
      <c r="AH1332" t="s">
        <v>200</v>
      </c>
      <c r="AI1332" t="s">
        <v>200</v>
      </c>
      <c r="AJ1332" t="s">
        <v>200</v>
      </c>
      <c r="AK1332" t="s">
        <v>200</v>
      </c>
      <c r="AL1332" t="s">
        <v>42</v>
      </c>
      <c r="AM1332" t="s">
        <v>182</v>
      </c>
      <c r="AN1332" t="s">
        <v>183</v>
      </c>
      <c r="AO1332" t="s">
        <v>184</v>
      </c>
      <c r="AP1332" s="1">
        <v>0</v>
      </c>
      <c r="AQ1332" t="s">
        <v>185</v>
      </c>
      <c r="AR1332" s="1">
        <v>0</v>
      </c>
      <c r="AS1332" s="1">
        <v>0</v>
      </c>
      <c r="AT1332" s="1">
        <v>0</v>
      </c>
      <c r="AU1332" t="s">
        <v>201</v>
      </c>
      <c r="AV1332" s="1">
        <v>0</v>
      </c>
      <c r="AW1332" t="s">
        <v>2365</v>
      </c>
      <c r="AZ1332" t="s">
        <v>207</v>
      </c>
      <c r="BA1332" t="s">
        <v>188</v>
      </c>
      <c r="BC1332" t="s">
        <v>209</v>
      </c>
      <c r="BF1332" t="s">
        <v>210</v>
      </c>
      <c r="BG1332" s="1">
        <v>0</v>
      </c>
      <c r="BH1332" t="s">
        <v>247</v>
      </c>
      <c r="BK1332" t="s">
        <v>191</v>
      </c>
      <c r="BL1332" t="s">
        <v>2366</v>
      </c>
      <c r="BM1332" t="s">
        <v>191</v>
      </c>
      <c r="BN1332" t="s">
        <v>2367</v>
      </c>
      <c r="BO1332" t="s">
        <v>191</v>
      </c>
      <c r="BP1332" t="s">
        <v>2368</v>
      </c>
      <c r="BQ1332" t="s">
        <v>2369</v>
      </c>
    </row>
    <row r="1333" spans="1:69" x14ac:dyDescent="0.25">
      <c r="A1333" s="1">
        <v>30460405</v>
      </c>
      <c r="B1333" t="s">
        <v>4491</v>
      </c>
      <c r="C1333" t="s">
        <v>39</v>
      </c>
      <c r="D1333" t="s">
        <v>3727</v>
      </c>
      <c r="E1333" t="s">
        <v>200</v>
      </c>
      <c r="L1333" t="s">
        <v>52</v>
      </c>
      <c r="M1333" s="1">
        <v>0</v>
      </c>
      <c r="N1333" s="1">
        <v>0</v>
      </c>
      <c r="O1333" t="s">
        <v>3728</v>
      </c>
      <c r="P1333" t="s">
        <v>176</v>
      </c>
      <c r="Q1333" t="s">
        <v>177</v>
      </c>
      <c r="S1333" t="s">
        <v>315</v>
      </c>
      <c r="T1333" t="s">
        <v>200</v>
      </c>
      <c r="Y1333" t="s">
        <v>224</v>
      </c>
      <c r="AC1333" t="s">
        <v>180</v>
      </c>
      <c r="AD1333" t="s">
        <v>200</v>
      </c>
      <c r="AE1333" t="s">
        <v>200</v>
      </c>
      <c r="AF1333" t="s">
        <v>200</v>
      </c>
      <c r="AG1333" t="s">
        <v>200</v>
      </c>
      <c r="AH1333" t="s">
        <v>200</v>
      </c>
      <c r="AI1333" t="s">
        <v>200</v>
      </c>
      <c r="AJ1333" t="s">
        <v>200</v>
      </c>
      <c r="AK1333" t="s">
        <v>200</v>
      </c>
      <c r="AL1333" s="1">
        <v>0</v>
      </c>
      <c r="AM1333" s="1">
        <v>0</v>
      </c>
      <c r="AN1333" s="1">
        <v>0</v>
      </c>
      <c r="AO1333" s="1">
        <v>0</v>
      </c>
      <c r="AP1333" s="1">
        <v>0</v>
      </c>
      <c r="AQ1333" s="1">
        <v>0</v>
      </c>
      <c r="AR1333" s="1">
        <v>0</v>
      </c>
      <c r="AS1333" s="1">
        <v>0</v>
      </c>
      <c r="AT1333" s="1">
        <v>0</v>
      </c>
      <c r="AU1333" s="1">
        <v>0</v>
      </c>
      <c r="AV1333" s="1">
        <v>0</v>
      </c>
      <c r="BF1333" s="1">
        <v>0</v>
      </c>
      <c r="BG1333" s="1">
        <v>0</v>
      </c>
      <c r="BH1333" s="1">
        <v>0</v>
      </c>
      <c r="BK1333" s="1">
        <v>0</v>
      </c>
      <c r="BM1333" s="1">
        <v>0</v>
      </c>
      <c r="BO1333" s="1">
        <v>0</v>
      </c>
    </row>
    <row r="1334" spans="1:69" x14ac:dyDescent="0.25">
      <c r="A1334" s="1">
        <v>30460527</v>
      </c>
      <c r="B1334" t="s">
        <v>809</v>
      </c>
      <c r="C1334" t="s">
        <v>39</v>
      </c>
      <c r="D1334" t="s">
        <v>174</v>
      </c>
      <c r="E1334" t="s">
        <v>200</v>
      </c>
      <c r="L1334" t="s">
        <v>52</v>
      </c>
      <c r="M1334" s="1">
        <v>0</v>
      </c>
      <c r="N1334" s="1">
        <v>0</v>
      </c>
      <c r="O1334" t="s">
        <v>174</v>
      </c>
      <c r="P1334" t="s">
        <v>176</v>
      </c>
      <c r="Q1334" t="s">
        <v>177</v>
      </c>
      <c r="S1334" t="s">
        <v>178</v>
      </c>
      <c r="T1334" t="s">
        <v>200</v>
      </c>
      <c r="Y1334" t="s">
        <v>224</v>
      </c>
      <c r="AC1334" t="s">
        <v>180</v>
      </c>
      <c r="AD1334" t="s">
        <v>200</v>
      </c>
      <c r="AE1334" t="s">
        <v>200</v>
      </c>
      <c r="AF1334" t="s">
        <v>175</v>
      </c>
      <c r="AG1334" t="s">
        <v>200</v>
      </c>
      <c r="AH1334" t="s">
        <v>200</v>
      </c>
      <c r="AI1334" t="s">
        <v>200</v>
      </c>
      <c r="AJ1334" t="s">
        <v>200</v>
      </c>
      <c r="AK1334" t="s">
        <v>200</v>
      </c>
      <c r="AL1334" t="s">
        <v>52</v>
      </c>
      <c r="AM1334" t="s">
        <v>182</v>
      </c>
      <c r="AN1334" t="s">
        <v>204</v>
      </c>
      <c r="AO1334" t="s">
        <v>185</v>
      </c>
      <c r="AP1334" t="s">
        <v>184</v>
      </c>
      <c r="AQ1334" t="s">
        <v>202</v>
      </c>
      <c r="AR1334" t="s">
        <v>203</v>
      </c>
      <c r="AS1334" t="s">
        <v>183</v>
      </c>
      <c r="AT1334" t="s">
        <v>206</v>
      </c>
      <c r="AU1334" t="s">
        <v>205</v>
      </c>
      <c r="AV1334" t="s">
        <v>201</v>
      </c>
      <c r="AX1334" t="s">
        <v>186</v>
      </c>
      <c r="AY1334" t="s">
        <v>187</v>
      </c>
      <c r="AZ1334" t="s">
        <v>207</v>
      </c>
      <c r="BF1334" t="s">
        <v>232</v>
      </c>
      <c r="BG1334" t="s">
        <v>301</v>
      </c>
      <c r="BH1334" t="s">
        <v>247</v>
      </c>
      <c r="BK1334" t="s">
        <v>191</v>
      </c>
      <c r="BL1334" t="s">
        <v>810</v>
      </c>
      <c r="BM1334" t="s">
        <v>191</v>
      </c>
      <c r="BN1334" t="s">
        <v>811</v>
      </c>
      <c r="BO1334" t="s">
        <v>191</v>
      </c>
    </row>
    <row r="1335" spans="1:69" x14ac:dyDescent="0.25">
      <c r="A1335" s="1">
        <v>30460539</v>
      </c>
      <c r="B1335" t="s">
        <v>146</v>
      </c>
      <c r="C1335" t="s">
        <v>39</v>
      </c>
      <c r="L1335" s="1">
        <v>0</v>
      </c>
      <c r="M1335" s="1">
        <v>0</v>
      </c>
      <c r="N1335" s="1">
        <v>0</v>
      </c>
      <c r="O1335" s="1">
        <v>0</v>
      </c>
      <c r="P1335" s="1">
        <v>0</v>
      </c>
      <c r="Q1335" s="1">
        <v>0</v>
      </c>
      <c r="S1335" s="1">
        <v>0</v>
      </c>
      <c r="T1335" s="1">
        <v>0</v>
      </c>
      <c r="AC1335" s="1">
        <v>0</v>
      </c>
      <c r="AD1335" s="1">
        <v>0</v>
      </c>
      <c r="AE1335" s="1">
        <v>0</v>
      </c>
      <c r="AF1335" s="1">
        <v>0</v>
      </c>
      <c r="AG1335" s="1">
        <v>0</v>
      </c>
      <c r="AH1335" s="1">
        <v>0</v>
      </c>
      <c r="AI1335" s="1">
        <v>0</v>
      </c>
      <c r="AJ1335" s="1">
        <v>0</v>
      </c>
      <c r="AK1335" s="1">
        <v>0</v>
      </c>
      <c r="AL1335" s="1">
        <v>0</v>
      </c>
      <c r="AM1335" s="1">
        <v>0</v>
      </c>
      <c r="AN1335" s="1">
        <v>0</v>
      </c>
      <c r="AO1335" s="1">
        <v>0</v>
      </c>
      <c r="AP1335" s="1">
        <v>0</v>
      </c>
      <c r="AQ1335" s="1">
        <v>0</v>
      </c>
      <c r="AR1335" s="1">
        <v>0</v>
      </c>
      <c r="AS1335" s="1">
        <v>0</v>
      </c>
      <c r="AT1335" s="1">
        <v>0</v>
      </c>
      <c r="AU1335" s="1">
        <v>0</v>
      </c>
      <c r="AV1335" s="1">
        <v>0</v>
      </c>
      <c r="BF1335" s="1">
        <v>0</v>
      </c>
      <c r="BG1335" s="1">
        <v>0</v>
      </c>
      <c r="BH1335" s="1">
        <v>0</v>
      </c>
      <c r="BK1335" s="1">
        <v>0</v>
      </c>
      <c r="BM1335" s="1">
        <v>0</v>
      </c>
      <c r="BO1335" s="1">
        <v>0</v>
      </c>
    </row>
    <row r="1336" spans="1:69" x14ac:dyDescent="0.25">
      <c r="A1336" s="1">
        <v>30462028</v>
      </c>
      <c r="B1336" t="s">
        <v>1497</v>
      </c>
      <c r="C1336" t="s">
        <v>39</v>
      </c>
      <c r="D1336" t="s">
        <v>942</v>
      </c>
      <c r="E1336" t="s">
        <v>195</v>
      </c>
      <c r="L1336" t="s">
        <v>52</v>
      </c>
      <c r="M1336" s="1">
        <v>0</v>
      </c>
      <c r="N1336" s="1">
        <v>0</v>
      </c>
      <c r="O1336" t="s">
        <v>942</v>
      </c>
      <c r="P1336" t="s">
        <v>176</v>
      </c>
      <c r="Q1336" t="s">
        <v>238</v>
      </c>
      <c r="S1336" t="s">
        <v>178</v>
      </c>
      <c r="T1336" t="s">
        <v>197</v>
      </c>
      <c r="U1336" t="s">
        <v>640</v>
      </c>
      <c r="Y1336" t="s">
        <v>224</v>
      </c>
      <c r="AC1336" t="s">
        <v>266</v>
      </c>
      <c r="AD1336" t="s">
        <v>181</v>
      </c>
      <c r="AE1336" t="s">
        <v>181</v>
      </c>
      <c r="AF1336" t="s">
        <v>230</v>
      </c>
      <c r="AG1336" t="s">
        <v>175</v>
      </c>
      <c r="AH1336" t="s">
        <v>175</v>
      </c>
      <c r="AI1336" t="s">
        <v>175</v>
      </c>
      <c r="AJ1336" t="s">
        <v>181</v>
      </c>
      <c r="AK1336" t="s">
        <v>230</v>
      </c>
      <c r="AL1336" t="s">
        <v>42</v>
      </c>
      <c r="AM1336" t="s">
        <v>183</v>
      </c>
      <c r="AN1336" t="s">
        <v>206</v>
      </c>
      <c r="AO1336" t="s">
        <v>182</v>
      </c>
      <c r="AP1336" t="s">
        <v>185</v>
      </c>
      <c r="AQ1336" t="s">
        <v>205</v>
      </c>
      <c r="AR1336" t="s">
        <v>204</v>
      </c>
      <c r="AS1336" t="s">
        <v>203</v>
      </c>
      <c r="AT1336" t="s">
        <v>184</v>
      </c>
      <c r="AU1336" t="s">
        <v>201</v>
      </c>
      <c r="AV1336" t="s">
        <v>202</v>
      </c>
      <c r="AW1336" t="s">
        <v>1498</v>
      </c>
      <c r="AX1336" t="s">
        <v>186</v>
      </c>
      <c r="BF1336" t="s">
        <v>232</v>
      </c>
      <c r="BG1336" t="s">
        <v>301</v>
      </c>
      <c r="BH1336" t="s">
        <v>247</v>
      </c>
      <c r="BK1336" t="s">
        <v>191</v>
      </c>
      <c r="BL1336" t="s">
        <v>1499</v>
      </c>
      <c r="BM1336" t="s">
        <v>191</v>
      </c>
      <c r="BN1336" t="s">
        <v>1500</v>
      </c>
      <c r="BO1336" t="s">
        <v>191</v>
      </c>
      <c r="BP1336" t="s">
        <v>1501</v>
      </c>
      <c r="BQ1336" t="s">
        <v>1502</v>
      </c>
    </row>
    <row r="1337" spans="1:69" x14ac:dyDescent="0.25">
      <c r="A1337" s="1">
        <v>30462140</v>
      </c>
      <c r="B1337" t="s">
        <v>2370</v>
      </c>
      <c r="C1337" t="s">
        <v>39</v>
      </c>
      <c r="D1337" t="s">
        <v>1616</v>
      </c>
      <c r="E1337" t="s">
        <v>175</v>
      </c>
      <c r="L1337" t="s">
        <v>52</v>
      </c>
      <c r="M1337" s="1">
        <v>0</v>
      </c>
      <c r="N1337" s="1">
        <v>0</v>
      </c>
      <c r="O1337" t="s">
        <v>1616</v>
      </c>
      <c r="P1337" t="s">
        <v>216</v>
      </c>
      <c r="Q1337" t="s">
        <v>196</v>
      </c>
      <c r="S1337" s="1">
        <v>0</v>
      </c>
      <c r="T1337" t="s">
        <v>175</v>
      </c>
      <c r="AA1337" t="s">
        <v>273</v>
      </c>
      <c r="AB1337" t="s">
        <v>2371</v>
      </c>
      <c r="AC1337" t="s">
        <v>266</v>
      </c>
      <c r="AD1337" t="s">
        <v>175</v>
      </c>
      <c r="AE1337" t="s">
        <v>181</v>
      </c>
      <c r="AF1337" t="s">
        <v>230</v>
      </c>
      <c r="AG1337" t="s">
        <v>181</v>
      </c>
      <c r="AH1337" t="s">
        <v>299</v>
      </c>
      <c r="AI1337" t="s">
        <v>299</v>
      </c>
      <c r="AJ1337" t="s">
        <v>175</v>
      </c>
      <c r="AK1337" t="s">
        <v>175</v>
      </c>
      <c r="AL1337" t="s">
        <v>42</v>
      </c>
      <c r="AM1337" t="s">
        <v>184</v>
      </c>
      <c r="AN1337" t="s">
        <v>201</v>
      </c>
      <c r="AO1337" t="s">
        <v>183</v>
      </c>
      <c r="AP1337" t="s">
        <v>182</v>
      </c>
      <c r="AQ1337" t="s">
        <v>203</v>
      </c>
      <c r="AR1337" t="s">
        <v>202</v>
      </c>
      <c r="AS1337" t="s">
        <v>205</v>
      </c>
      <c r="AT1337" t="s">
        <v>206</v>
      </c>
      <c r="AU1337" t="s">
        <v>204</v>
      </c>
      <c r="AV1337" t="s">
        <v>185</v>
      </c>
      <c r="AX1337" t="s">
        <v>186</v>
      </c>
      <c r="AY1337" t="s">
        <v>187</v>
      </c>
      <c r="AZ1337" t="s">
        <v>207</v>
      </c>
      <c r="BA1337" t="s">
        <v>188</v>
      </c>
      <c r="BF1337" t="s">
        <v>210</v>
      </c>
      <c r="BG1337" s="1">
        <v>0</v>
      </c>
      <c r="BH1337" t="s">
        <v>190</v>
      </c>
      <c r="BK1337" t="s">
        <v>191</v>
      </c>
      <c r="BL1337" t="s">
        <v>2372</v>
      </c>
      <c r="BM1337" t="s">
        <v>191</v>
      </c>
      <c r="BN1337" t="s">
        <v>2373</v>
      </c>
      <c r="BO1337" t="s">
        <v>218</v>
      </c>
      <c r="BP1337" t="s">
        <v>2374</v>
      </c>
    </row>
    <row r="1338" spans="1:69" x14ac:dyDescent="0.25">
      <c r="A1338" s="1">
        <v>30462308</v>
      </c>
      <c r="B1338" t="s">
        <v>2375</v>
      </c>
      <c r="C1338" t="s">
        <v>39</v>
      </c>
      <c r="D1338" t="s">
        <v>1616</v>
      </c>
      <c r="E1338" t="s">
        <v>175</v>
      </c>
      <c r="L1338" t="s">
        <v>52</v>
      </c>
      <c r="M1338" s="1">
        <v>0</v>
      </c>
      <c r="N1338" s="1">
        <v>0</v>
      </c>
      <c r="O1338" t="s">
        <v>1616</v>
      </c>
      <c r="P1338" t="s">
        <v>216</v>
      </c>
      <c r="Q1338" t="s">
        <v>322</v>
      </c>
      <c r="S1338" s="1">
        <v>0</v>
      </c>
      <c r="T1338" t="s">
        <v>175</v>
      </c>
      <c r="Y1338" t="s">
        <v>224</v>
      </c>
      <c r="AC1338" t="s">
        <v>180</v>
      </c>
      <c r="AD1338" t="s">
        <v>175</v>
      </c>
      <c r="AE1338" t="s">
        <v>175</v>
      </c>
      <c r="AF1338" t="s">
        <v>175</v>
      </c>
      <c r="AG1338" t="s">
        <v>175</v>
      </c>
      <c r="AH1338" t="s">
        <v>200</v>
      </c>
      <c r="AI1338" t="s">
        <v>200</v>
      </c>
      <c r="AJ1338" t="s">
        <v>181</v>
      </c>
      <c r="AK1338" t="s">
        <v>175</v>
      </c>
      <c r="AL1338" t="s">
        <v>52</v>
      </c>
      <c r="AM1338" t="s">
        <v>201</v>
      </c>
      <c r="AN1338" t="s">
        <v>204</v>
      </c>
      <c r="AO1338" t="s">
        <v>184</v>
      </c>
      <c r="AP1338" t="s">
        <v>183</v>
      </c>
      <c r="AQ1338" t="s">
        <v>206</v>
      </c>
      <c r="AR1338" s="1">
        <v>0</v>
      </c>
      <c r="AS1338" t="s">
        <v>185</v>
      </c>
      <c r="AT1338" t="s">
        <v>205</v>
      </c>
      <c r="AU1338" t="s">
        <v>202</v>
      </c>
      <c r="AV1338" t="s">
        <v>182</v>
      </c>
      <c r="AY1338" t="s">
        <v>187</v>
      </c>
      <c r="BA1338" t="s">
        <v>188</v>
      </c>
      <c r="BB1338" t="s">
        <v>208</v>
      </c>
      <c r="BC1338" t="s">
        <v>209</v>
      </c>
      <c r="BF1338" t="s">
        <v>49</v>
      </c>
      <c r="BG1338" s="1">
        <v>0</v>
      </c>
      <c r="BH1338" t="s">
        <v>211</v>
      </c>
      <c r="BK1338" t="s">
        <v>191</v>
      </c>
      <c r="BL1338" t="s">
        <v>2376</v>
      </c>
      <c r="BM1338" t="s">
        <v>218</v>
      </c>
      <c r="BN1338" t="s">
        <v>2377</v>
      </c>
      <c r="BO1338" t="s">
        <v>191</v>
      </c>
      <c r="BP1338" t="s">
        <v>2378</v>
      </c>
      <c r="BQ1338" t="s">
        <v>2379</v>
      </c>
    </row>
    <row r="1339" spans="1:69" x14ac:dyDescent="0.25">
      <c r="A1339" s="1">
        <v>30462394</v>
      </c>
      <c r="B1339" t="s">
        <v>4492</v>
      </c>
      <c r="C1339" t="s">
        <v>39</v>
      </c>
      <c r="D1339" t="s">
        <v>3727</v>
      </c>
      <c r="E1339" t="s">
        <v>216</v>
      </c>
      <c r="L1339" t="s">
        <v>52</v>
      </c>
      <c r="M1339" s="1">
        <v>0</v>
      </c>
      <c r="N1339" s="1">
        <v>0</v>
      </c>
      <c r="O1339" t="s">
        <v>3728</v>
      </c>
      <c r="P1339" t="s">
        <v>216</v>
      </c>
      <c r="Q1339" t="s">
        <v>273</v>
      </c>
      <c r="R1339" t="s">
        <v>4493</v>
      </c>
      <c r="S1339" s="1">
        <v>0</v>
      </c>
      <c r="T1339" t="s">
        <v>197</v>
      </c>
      <c r="U1339" t="s">
        <v>4494</v>
      </c>
      <c r="W1339" t="s">
        <v>262</v>
      </c>
      <c r="X1339" t="s">
        <v>179</v>
      </c>
      <c r="Z1339" t="s">
        <v>244</v>
      </c>
      <c r="AC1339" t="s">
        <v>266</v>
      </c>
      <c r="AD1339" t="s">
        <v>230</v>
      </c>
      <c r="AE1339" t="s">
        <v>230</v>
      </c>
      <c r="AF1339" t="s">
        <v>230</v>
      </c>
      <c r="AG1339" t="s">
        <v>181</v>
      </c>
      <c r="AH1339" t="s">
        <v>181</v>
      </c>
      <c r="AI1339" t="s">
        <v>230</v>
      </c>
      <c r="AJ1339" t="s">
        <v>299</v>
      </c>
      <c r="AK1339" t="s">
        <v>181</v>
      </c>
      <c r="AL1339" t="s">
        <v>42</v>
      </c>
      <c r="AM1339" t="s">
        <v>206</v>
      </c>
      <c r="AN1339" t="s">
        <v>203</v>
      </c>
      <c r="AO1339" t="s">
        <v>182</v>
      </c>
      <c r="AP1339" t="s">
        <v>183</v>
      </c>
      <c r="AQ1339" t="s">
        <v>185</v>
      </c>
      <c r="AR1339" t="s">
        <v>184</v>
      </c>
      <c r="AS1339" t="s">
        <v>205</v>
      </c>
      <c r="AT1339" t="s">
        <v>202</v>
      </c>
      <c r="AU1339" t="s">
        <v>204</v>
      </c>
      <c r="AV1339" t="s">
        <v>201</v>
      </c>
      <c r="AX1339" t="s">
        <v>186</v>
      </c>
      <c r="AY1339" t="s">
        <v>187</v>
      </c>
      <c r="AZ1339" t="s">
        <v>207</v>
      </c>
      <c r="BA1339" t="s">
        <v>188</v>
      </c>
      <c r="BB1339" t="s">
        <v>208</v>
      </c>
      <c r="BC1339" t="s">
        <v>209</v>
      </c>
      <c r="BF1339" t="s">
        <v>189</v>
      </c>
      <c r="BG1339" s="1">
        <v>0</v>
      </c>
      <c r="BH1339" t="s">
        <v>302</v>
      </c>
      <c r="BI1339" t="s">
        <v>4495</v>
      </c>
      <c r="BK1339" t="s">
        <v>191</v>
      </c>
      <c r="BL1339" t="s">
        <v>4496</v>
      </c>
      <c r="BM1339" t="s">
        <v>191</v>
      </c>
      <c r="BN1339" t="s">
        <v>4497</v>
      </c>
      <c r="BO1339" t="s">
        <v>191</v>
      </c>
      <c r="BP1339" t="s">
        <v>4498</v>
      </c>
      <c r="BQ1339" t="s">
        <v>4499</v>
      </c>
    </row>
    <row r="1340" spans="1:69" x14ac:dyDescent="0.25">
      <c r="A1340" s="1">
        <v>30462415</v>
      </c>
      <c r="B1340" t="s">
        <v>4500</v>
      </c>
      <c r="C1340" t="s">
        <v>39</v>
      </c>
      <c r="D1340" t="s">
        <v>3727</v>
      </c>
      <c r="E1340" t="s">
        <v>175</v>
      </c>
      <c r="L1340" t="s">
        <v>52</v>
      </c>
      <c r="M1340" s="1">
        <v>0</v>
      </c>
      <c r="N1340" s="1">
        <v>0</v>
      </c>
      <c r="O1340" t="s">
        <v>3728</v>
      </c>
      <c r="P1340" t="s">
        <v>176</v>
      </c>
      <c r="Q1340" t="s">
        <v>177</v>
      </c>
      <c r="S1340" t="s">
        <v>222</v>
      </c>
      <c r="T1340" t="s">
        <v>175</v>
      </c>
      <c r="Y1340" t="s">
        <v>224</v>
      </c>
      <c r="AC1340" t="s">
        <v>180</v>
      </c>
      <c r="AD1340" t="s">
        <v>175</v>
      </c>
      <c r="AE1340" t="s">
        <v>175</v>
      </c>
      <c r="AF1340" t="s">
        <v>175</v>
      </c>
      <c r="AG1340" t="s">
        <v>175</v>
      </c>
      <c r="AH1340" t="s">
        <v>175</v>
      </c>
      <c r="AI1340" t="s">
        <v>175</v>
      </c>
      <c r="AJ1340" t="s">
        <v>175</v>
      </c>
      <c r="AK1340" t="s">
        <v>175</v>
      </c>
      <c r="AL1340" t="s">
        <v>42</v>
      </c>
      <c r="AM1340" t="s">
        <v>202</v>
      </c>
      <c r="AN1340" t="s">
        <v>201</v>
      </c>
      <c r="AO1340" t="s">
        <v>182</v>
      </c>
      <c r="AP1340" t="s">
        <v>204</v>
      </c>
      <c r="AQ1340" t="s">
        <v>185</v>
      </c>
      <c r="AR1340" t="s">
        <v>184</v>
      </c>
      <c r="AS1340" t="s">
        <v>203</v>
      </c>
      <c r="AT1340" t="s">
        <v>206</v>
      </c>
      <c r="AU1340" t="s">
        <v>205</v>
      </c>
      <c r="AV1340" t="s">
        <v>183</v>
      </c>
      <c r="AW1340" t="s">
        <v>4501</v>
      </c>
      <c r="AX1340" t="s">
        <v>186</v>
      </c>
      <c r="AY1340" t="s">
        <v>187</v>
      </c>
      <c r="AZ1340" t="s">
        <v>207</v>
      </c>
      <c r="BA1340" t="s">
        <v>188</v>
      </c>
      <c r="BF1340" t="s">
        <v>292</v>
      </c>
      <c r="BG1340" t="s">
        <v>49</v>
      </c>
      <c r="BH1340" t="s">
        <v>211</v>
      </c>
      <c r="BK1340" t="s">
        <v>191</v>
      </c>
      <c r="BL1340" t="s">
        <v>4502</v>
      </c>
      <c r="BM1340" t="s">
        <v>191</v>
      </c>
      <c r="BN1340" t="s">
        <v>3667</v>
      </c>
      <c r="BO1340" t="s">
        <v>191</v>
      </c>
      <c r="BP1340" t="s">
        <v>4503</v>
      </c>
      <c r="BQ1340" t="s">
        <v>4362</v>
      </c>
    </row>
    <row r="1341" spans="1:69" x14ac:dyDescent="0.25">
      <c r="A1341" s="1">
        <v>30462591</v>
      </c>
      <c r="B1341" t="s">
        <v>4504</v>
      </c>
      <c r="C1341" t="s">
        <v>39</v>
      </c>
      <c r="D1341" t="s">
        <v>3727</v>
      </c>
      <c r="E1341" t="s">
        <v>195</v>
      </c>
      <c r="L1341" t="s">
        <v>52</v>
      </c>
      <c r="M1341" s="1">
        <v>0</v>
      </c>
      <c r="N1341" s="1">
        <v>0</v>
      </c>
      <c r="O1341" t="s">
        <v>3728</v>
      </c>
      <c r="P1341" t="s">
        <v>176</v>
      </c>
      <c r="Q1341" t="s">
        <v>238</v>
      </c>
      <c r="S1341" t="s">
        <v>178</v>
      </c>
      <c r="T1341" t="s">
        <v>197</v>
      </c>
      <c r="X1341" t="s">
        <v>179</v>
      </c>
      <c r="AC1341" t="s">
        <v>199</v>
      </c>
      <c r="AD1341" t="s">
        <v>181</v>
      </c>
      <c r="AE1341" t="s">
        <v>181</v>
      </c>
      <c r="AF1341" t="s">
        <v>181</v>
      </c>
      <c r="AG1341" t="s">
        <v>230</v>
      </c>
      <c r="AH1341" t="s">
        <v>181</v>
      </c>
      <c r="AI1341" t="s">
        <v>181</v>
      </c>
      <c r="AJ1341" t="s">
        <v>181</v>
      </c>
      <c r="AK1341" t="s">
        <v>181</v>
      </c>
      <c r="AL1341" t="s">
        <v>42</v>
      </c>
      <c r="AM1341" t="s">
        <v>183</v>
      </c>
      <c r="AN1341" t="s">
        <v>202</v>
      </c>
      <c r="AO1341" t="s">
        <v>201</v>
      </c>
      <c r="AP1341" t="s">
        <v>206</v>
      </c>
      <c r="AQ1341" t="s">
        <v>184</v>
      </c>
      <c r="AR1341" t="s">
        <v>185</v>
      </c>
      <c r="AS1341" t="s">
        <v>182</v>
      </c>
      <c r="AT1341" t="s">
        <v>204</v>
      </c>
      <c r="AU1341" t="s">
        <v>203</v>
      </c>
      <c r="AV1341" t="s">
        <v>205</v>
      </c>
      <c r="AX1341" t="s">
        <v>186</v>
      </c>
      <c r="AY1341" t="s">
        <v>187</v>
      </c>
      <c r="BA1341" t="s">
        <v>188</v>
      </c>
      <c r="BC1341" t="s">
        <v>209</v>
      </c>
      <c r="BF1341" t="s">
        <v>189</v>
      </c>
      <c r="BG1341" s="1">
        <v>0</v>
      </c>
      <c r="BH1341" t="s">
        <v>211</v>
      </c>
      <c r="BK1341" t="s">
        <v>191</v>
      </c>
      <c r="BM1341" t="s">
        <v>191</v>
      </c>
      <c r="BO1341" t="s">
        <v>191</v>
      </c>
    </row>
    <row r="1342" spans="1:69" x14ac:dyDescent="0.25">
      <c r="A1342" s="1">
        <v>30462865</v>
      </c>
      <c r="B1342" t="s">
        <v>3009</v>
      </c>
      <c r="C1342" t="s">
        <v>39</v>
      </c>
      <c r="D1342" t="s">
        <v>2512</v>
      </c>
      <c r="E1342" t="s">
        <v>175</v>
      </c>
      <c r="L1342" t="s">
        <v>52</v>
      </c>
      <c r="M1342" s="1">
        <v>0</v>
      </c>
      <c r="N1342" s="1">
        <v>0</v>
      </c>
      <c r="O1342" t="s">
        <v>2512</v>
      </c>
      <c r="P1342" t="s">
        <v>216</v>
      </c>
      <c r="Q1342" t="s">
        <v>322</v>
      </c>
      <c r="S1342" s="1">
        <v>0</v>
      </c>
      <c r="T1342" t="s">
        <v>175</v>
      </c>
      <c r="Y1342" t="s">
        <v>224</v>
      </c>
      <c r="AC1342" t="s">
        <v>199</v>
      </c>
      <c r="AD1342" t="s">
        <v>299</v>
      </c>
      <c r="AE1342" t="s">
        <v>230</v>
      </c>
      <c r="AF1342" t="s">
        <v>230</v>
      </c>
      <c r="AG1342" t="s">
        <v>299</v>
      </c>
      <c r="AH1342" t="s">
        <v>299</v>
      </c>
      <c r="AI1342" t="s">
        <v>299</v>
      </c>
      <c r="AJ1342" t="s">
        <v>299</v>
      </c>
      <c r="AK1342" t="s">
        <v>299</v>
      </c>
      <c r="AL1342" t="s">
        <v>52</v>
      </c>
      <c r="AM1342" s="1">
        <v>0</v>
      </c>
      <c r="AN1342" s="1">
        <v>0</v>
      </c>
      <c r="AO1342" t="s">
        <v>185</v>
      </c>
      <c r="AP1342" s="1">
        <v>0</v>
      </c>
      <c r="AQ1342" s="1">
        <v>0</v>
      </c>
      <c r="AR1342" s="1">
        <v>0</v>
      </c>
      <c r="AS1342" s="1">
        <v>0</v>
      </c>
      <c r="AT1342" s="1">
        <v>0</v>
      </c>
      <c r="AU1342" s="1">
        <v>0</v>
      </c>
      <c r="AV1342" s="1">
        <v>0</v>
      </c>
      <c r="AZ1342" t="s">
        <v>207</v>
      </c>
      <c r="BA1342" t="s">
        <v>188</v>
      </c>
      <c r="BB1342" t="s">
        <v>208</v>
      </c>
      <c r="BF1342" t="s">
        <v>210</v>
      </c>
      <c r="BG1342" s="1">
        <v>0</v>
      </c>
      <c r="BH1342" t="s">
        <v>247</v>
      </c>
      <c r="BK1342" t="s">
        <v>191</v>
      </c>
      <c r="BL1342" t="s">
        <v>3010</v>
      </c>
      <c r="BM1342" t="s">
        <v>191</v>
      </c>
      <c r="BN1342" t="s">
        <v>3011</v>
      </c>
      <c r="BO1342" t="s">
        <v>191</v>
      </c>
      <c r="BP1342" t="s">
        <v>3012</v>
      </c>
    </row>
    <row r="1343" spans="1:69" x14ac:dyDescent="0.25">
      <c r="A1343" s="1">
        <v>30463192</v>
      </c>
      <c r="B1343" t="s">
        <v>4505</v>
      </c>
      <c r="C1343" t="s">
        <v>39</v>
      </c>
      <c r="D1343" t="s">
        <v>3727</v>
      </c>
      <c r="E1343" t="s">
        <v>175</v>
      </c>
      <c r="L1343" t="s">
        <v>52</v>
      </c>
      <c r="M1343" s="1">
        <v>0</v>
      </c>
      <c r="N1343" s="1">
        <v>0</v>
      </c>
      <c r="O1343" t="s">
        <v>3728</v>
      </c>
      <c r="P1343" t="s">
        <v>216</v>
      </c>
      <c r="Q1343" t="s">
        <v>196</v>
      </c>
      <c r="S1343" s="1">
        <v>0</v>
      </c>
      <c r="T1343" t="s">
        <v>175</v>
      </c>
      <c r="Y1343" t="s">
        <v>224</v>
      </c>
      <c r="AC1343" t="s">
        <v>180</v>
      </c>
      <c r="AD1343" t="s">
        <v>175</v>
      </c>
      <c r="AE1343" t="s">
        <v>175</v>
      </c>
      <c r="AF1343" t="s">
        <v>175</v>
      </c>
      <c r="AG1343" t="s">
        <v>175</v>
      </c>
      <c r="AH1343" t="s">
        <v>175</v>
      </c>
      <c r="AI1343" t="s">
        <v>175</v>
      </c>
      <c r="AJ1343" t="s">
        <v>175</v>
      </c>
      <c r="AK1343" t="s">
        <v>175</v>
      </c>
      <c r="AL1343" t="s">
        <v>42</v>
      </c>
      <c r="AM1343" s="1">
        <v>0</v>
      </c>
      <c r="AN1343" s="1">
        <v>0</v>
      </c>
      <c r="AO1343" s="1">
        <v>0</v>
      </c>
      <c r="AP1343" s="1">
        <v>0</v>
      </c>
      <c r="AQ1343" s="1">
        <v>0</v>
      </c>
      <c r="AR1343" s="1">
        <v>0</v>
      </c>
      <c r="AS1343" s="1">
        <v>0</v>
      </c>
      <c r="AT1343" s="1">
        <v>0</v>
      </c>
      <c r="AU1343" s="1">
        <v>0</v>
      </c>
      <c r="AV1343" s="1">
        <v>0</v>
      </c>
      <c r="BF1343" s="1">
        <v>0</v>
      </c>
      <c r="BG1343" s="1">
        <v>0</v>
      </c>
      <c r="BH1343" s="1">
        <v>0</v>
      </c>
      <c r="BK1343" s="1">
        <v>0</v>
      </c>
      <c r="BM1343" s="1">
        <v>0</v>
      </c>
      <c r="BO1343" s="1">
        <v>0</v>
      </c>
    </row>
    <row r="1344" spans="1:69" x14ac:dyDescent="0.25">
      <c r="A1344" s="1">
        <v>30463253</v>
      </c>
      <c r="B1344" t="s">
        <v>1503</v>
      </c>
      <c r="C1344" t="s">
        <v>39</v>
      </c>
      <c r="D1344" t="s">
        <v>942</v>
      </c>
      <c r="E1344" t="s">
        <v>216</v>
      </c>
      <c r="L1344" t="s">
        <v>52</v>
      </c>
      <c r="M1344" s="1">
        <v>0</v>
      </c>
      <c r="N1344" s="1">
        <v>0</v>
      </c>
      <c r="O1344" t="s">
        <v>942</v>
      </c>
      <c r="P1344" t="s">
        <v>216</v>
      </c>
      <c r="Q1344" t="s">
        <v>238</v>
      </c>
      <c r="S1344" s="1">
        <v>0</v>
      </c>
      <c r="T1344" t="s">
        <v>197</v>
      </c>
      <c r="U1344" t="s">
        <v>1504</v>
      </c>
      <c r="W1344" t="s">
        <v>262</v>
      </c>
      <c r="X1344" t="s">
        <v>179</v>
      </c>
      <c r="Y1344" t="s">
        <v>224</v>
      </c>
      <c r="Z1344" t="s">
        <v>244</v>
      </c>
      <c r="AA1344" t="s">
        <v>273</v>
      </c>
      <c r="AB1344" t="s">
        <v>1505</v>
      </c>
      <c r="AC1344" t="s">
        <v>180</v>
      </c>
      <c r="AD1344" t="s">
        <v>175</v>
      </c>
      <c r="AE1344" t="s">
        <v>175</v>
      </c>
      <c r="AF1344" t="s">
        <v>175</v>
      </c>
      <c r="AG1344" s="1">
        <v>0</v>
      </c>
      <c r="AH1344" t="s">
        <v>175</v>
      </c>
      <c r="AI1344" t="s">
        <v>175</v>
      </c>
      <c r="AJ1344" t="s">
        <v>175</v>
      </c>
      <c r="AK1344" t="s">
        <v>175</v>
      </c>
      <c r="AL1344" t="s">
        <v>42</v>
      </c>
      <c r="AM1344" t="s">
        <v>182</v>
      </c>
      <c r="AN1344" t="s">
        <v>183</v>
      </c>
      <c r="AO1344" t="s">
        <v>185</v>
      </c>
      <c r="AP1344" t="s">
        <v>201</v>
      </c>
      <c r="AQ1344" t="s">
        <v>204</v>
      </c>
      <c r="AR1344" t="s">
        <v>202</v>
      </c>
      <c r="AS1344" t="s">
        <v>203</v>
      </c>
      <c r="AT1344" t="s">
        <v>184</v>
      </c>
      <c r="AU1344" t="s">
        <v>205</v>
      </c>
      <c r="AV1344" t="s">
        <v>206</v>
      </c>
      <c r="AW1344" t="s">
        <v>225</v>
      </c>
      <c r="AY1344" t="s">
        <v>187</v>
      </c>
      <c r="BA1344" t="s">
        <v>188</v>
      </c>
      <c r="BB1344" t="s">
        <v>208</v>
      </c>
      <c r="BF1344" t="s">
        <v>292</v>
      </c>
      <c r="BG1344" t="s">
        <v>301</v>
      </c>
      <c r="BH1344" t="s">
        <v>247</v>
      </c>
      <c r="BK1344" t="s">
        <v>218</v>
      </c>
      <c r="BL1344" t="s">
        <v>1506</v>
      </c>
      <c r="BM1344" t="s">
        <v>191</v>
      </c>
      <c r="BN1344" t="s">
        <v>1507</v>
      </c>
      <c r="BO1344" t="s">
        <v>191</v>
      </c>
      <c r="BP1344" t="s">
        <v>1508</v>
      </c>
      <c r="BQ1344" t="s">
        <v>225</v>
      </c>
    </row>
    <row r="1345" spans="1:69" x14ac:dyDescent="0.25">
      <c r="A1345" s="1">
        <v>30463532</v>
      </c>
      <c r="B1345" t="s">
        <v>1509</v>
      </c>
      <c r="C1345" t="s">
        <v>39</v>
      </c>
      <c r="D1345" t="s">
        <v>942</v>
      </c>
      <c r="E1345" t="s">
        <v>216</v>
      </c>
      <c r="L1345" t="s">
        <v>52</v>
      </c>
      <c r="M1345" s="1">
        <v>0</v>
      </c>
      <c r="N1345" s="1">
        <v>0</v>
      </c>
      <c r="O1345" t="s">
        <v>942</v>
      </c>
      <c r="P1345" t="s">
        <v>216</v>
      </c>
      <c r="Q1345" t="s">
        <v>258</v>
      </c>
      <c r="S1345" s="1">
        <v>0</v>
      </c>
      <c r="T1345" t="s">
        <v>197</v>
      </c>
      <c r="Y1345" t="s">
        <v>224</v>
      </c>
      <c r="AC1345" t="s">
        <v>266</v>
      </c>
      <c r="AD1345" s="1">
        <v>0</v>
      </c>
      <c r="AE1345" s="1">
        <v>0</v>
      </c>
      <c r="AF1345" s="1">
        <v>0</v>
      </c>
      <c r="AG1345" s="1">
        <v>0</v>
      </c>
      <c r="AH1345" s="1">
        <v>0</v>
      </c>
      <c r="AI1345" s="1">
        <v>0</v>
      </c>
      <c r="AJ1345" s="1">
        <v>0</v>
      </c>
      <c r="AK1345" s="1">
        <v>0</v>
      </c>
      <c r="AL1345" t="s">
        <v>42</v>
      </c>
      <c r="AM1345" s="1">
        <v>0</v>
      </c>
      <c r="AN1345" s="1">
        <v>0</v>
      </c>
      <c r="AO1345" s="1">
        <v>0</v>
      </c>
      <c r="AP1345" s="1">
        <v>0</v>
      </c>
      <c r="AQ1345" s="1">
        <v>0</v>
      </c>
      <c r="AR1345" s="1">
        <v>0</v>
      </c>
      <c r="AS1345" s="1">
        <v>0</v>
      </c>
      <c r="AT1345" s="1">
        <v>0</v>
      </c>
      <c r="AU1345" s="1">
        <v>0</v>
      </c>
      <c r="AV1345" s="1">
        <v>0</v>
      </c>
      <c r="BF1345" s="1">
        <v>0</v>
      </c>
      <c r="BG1345" s="1">
        <v>0</v>
      </c>
      <c r="BH1345" s="1">
        <v>0</v>
      </c>
      <c r="BK1345" s="1">
        <v>0</v>
      </c>
      <c r="BM1345" s="1">
        <v>0</v>
      </c>
      <c r="BO1345" s="1">
        <v>0</v>
      </c>
    </row>
    <row r="1346" spans="1:69" x14ac:dyDescent="0.25">
      <c r="A1346" s="1">
        <v>30463658</v>
      </c>
      <c r="B1346" t="s">
        <v>3013</v>
      </c>
      <c r="C1346" t="s">
        <v>39</v>
      </c>
      <c r="D1346" t="s">
        <v>2512</v>
      </c>
      <c r="E1346" t="s">
        <v>216</v>
      </c>
      <c r="L1346" t="s">
        <v>52</v>
      </c>
      <c r="M1346" s="1">
        <v>0</v>
      </c>
      <c r="N1346" s="1">
        <v>0</v>
      </c>
      <c r="O1346" t="s">
        <v>2512</v>
      </c>
      <c r="P1346" t="s">
        <v>216</v>
      </c>
      <c r="Q1346" t="s">
        <v>328</v>
      </c>
      <c r="S1346" s="1">
        <v>0</v>
      </c>
      <c r="T1346" t="s">
        <v>197</v>
      </c>
      <c r="Z1346" t="s">
        <v>244</v>
      </c>
      <c r="AC1346" t="s">
        <v>199</v>
      </c>
      <c r="AD1346" t="s">
        <v>230</v>
      </c>
      <c r="AE1346" t="s">
        <v>175</v>
      </c>
      <c r="AF1346" t="s">
        <v>175</v>
      </c>
      <c r="AG1346" t="s">
        <v>181</v>
      </c>
      <c r="AH1346" t="s">
        <v>181</v>
      </c>
      <c r="AI1346" t="s">
        <v>175</v>
      </c>
      <c r="AJ1346" t="s">
        <v>230</v>
      </c>
      <c r="AK1346" t="s">
        <v>175</v>
      </c>
      <c r="AL1346" t="s">
        <v>42</v>
      </c>
      <c r="AM1346" t="s">
        <v>184</v>
      </c>
      <c r="AN1346" t="s">
        <v>182</v>
      </c>
      <c r="AO1346" t="s">
        <v>206</v>
      </c>
      <c r="AP1346" t="s">
        <v>204</v>
      </c>
      <c r="AQ1346" t="s">
        <v>185</v>
      </c>
      <c r="AR1346" t="s">
        <v>202</v>
      </c>
      <c r="AS1346" t="s">
        <v>203</v>
      </c>
      <c r="AT1346" t="s">
        <v>183</v>
      </c>
      <c r="AU1346" t="s">
        <v>201</v>
      </c>
      <c r="AV1346" t="s">
        <v>205</v>
      </c>
      <c r="AX1346" t="s">
        <v>186</v>
      </c>
      <c r="BF1346" t="s">
        <v>292</v>
      </c>
      <c r="BG1346" t="s">
        <v>301</v>
      </c>
      <c r="BH1346" t="s">
        <v>211</v>
      </c>
      <c r="BK1346" t="s">
        <v>191</v>
      </c>
      <c r="BL1346" t="s">
        <v>3014</v>
      </c>
      <c r="BM1346" t="s">
        <v>218</v>
      </c>
      <c r="BN1346" t="s">
        <v>601</v>
      </c>
      <c r="BO1346" t="s">
        <v>218</v>
      </c>
      <c r="BP1346" t="s">
        <v>3015</v>
      </c>
    </row>
    <row r="1347" spans="1:69" x14ac:dyDescent="0.25">
      <c r="A1347" s="1">
        <v>30463671</v>
      </c>
      <c r="B1347" t="s">
        <v>3631</v>
      </c>
      <c r="C1347" t="s">
        <v>39</v>
      </c>
      <c r="D1347" t="s">
        <v>3138</v>
      </c>
      <c r="E1347" t="s">
        <v>195</v>
      </c>
      <c r="L1347" t="s">
        <v>52</v>
      </c>
      <c r="M1347" s="1">
        <v>0</v>
      </c>
      <c r="N1347" s="1">
        <v>0</v>
      </c>
      <c r="O1347" t="s">
        <v>3139</v>
      </c>
      <c r="P1347" t="s">
        <v>176</v>
      </c>
      <c r="Q1347" s="1">
        <v>0</v>
      </c>
      <c r="S1347" s="1">
        <v>0</v>
      </c>
      <c r="T1347" s="1">
        <v>0</v>
      </c>
      <c r="AC1347" s="1">
        <v>0</v>
      </c>
      <c r="AD1347" s="1">
        <v>0</v>
      </c>
      <c r="AE1347" s="1">
        <v>0</v>
      </c>
      <c r="AF1347" s="1">
        <v>0</v>
      </c>
      <c r="AG1347" s="1">
        <v>0</v>
      </c>
      <c r="AH1347" s="1">
        <v>0</v>
      </c>
      <c r="AI1347" s="1">
        <v>0</v>
      </c>
      <c r="AJ1347" s="1">
        <v>0</v>
      </c>
      <c r="AK1347" s="1">
        <v>0</v>
      </c>
      <c r="AL1347" s="1">
        <v>0</v>
      </c>
      <c r="AM1347" s="1">
        <v>0</v>
      </c>
      <c r="AN1347" s="1">
        <v>0</v>
      </c>
      <c r="AO1347" s="1">
        <v>0</v>
      </c>
      <c r="AP1347" s="1">
        <v>0</v>
      </c>
      <c r="AQ1347" s="1">
        <v>0</v>
      </c>
      <c r="AR1347" s="1">
        <v>0</v>
      </c>
      <c r="AS1347" s="1">
        <v>0</v>
      </c>
      <c r="AT1347" s="1">
        <v>0</v>
      </c>
      <c r="AU1347" s="1">
        <v>0</v>
      </c>
      <c r="AV1347" s="1">
        <v>0</v>
      </c>
      <c r="BF1347" s="1">
        <v>0</v>
      </c>
      <c r="BG1347" s="1">
        <v>0</v>
      </c>
      <c r="BH1347" s="1">
        <v>0</v>
      </c>
      <c r="BK1347" s="1">
        <v>0</v>
      </c>
      <c r="BM1347" s="1">
        <v>0</v>
      </c>
      <c r="BO1347" s="1">
        <v>0</v>
      </c>
    </row>
    <row r="1348" spans="1:69" x14ac:dyDescent="0.25">
      <c r="A1348" s="1">
        <v>30463866</v>
      </c>
      <c r="B1348" t="s">
        <v>2380</v>
      </c>
      <c r="C1348" t="s">
        <v>39</v>
      </c>
      <c r="D1348" t="s">
        <v>1616</v>
      </c>
      <c r="L1348" t="s">
        <v>52</v>
      </c>
      <c r="M1348" s="1">
        <v>0</v>
      </c>
      <c r="N1348" s="1">
        <v>0</v>
      </c>
      <c r="O1348" t="s">
        <v>1616</v>
      </c>
      <c r="P1348" s="1">
        <v>0</v>
      </c>
      <c r="Q1348" s="1">
        <v>0</v>
      </c>
      <c r="S1348" s="1">
        <v>0</v>
      </c>
      <c r="T1348" s="1">
        <v>0</v>
      </c>
      <c r="AC1348" s="1">
        <v>0</v>
      </c>
      <c r="AD1348" s="1">
        <v>0</v>
      </c>
      <c r="AE1348" s="1">
        <v>0</v>
      </c>
      <c r="AF1348" s="1">
        <v>0</v>
      </c>
      <c r="AG1348" s="1">
        <v>0</v>
      </c>
      <c r="AH1348" s="1">
        <v>0</v>
      </c>
      <c r="AI1348" s="1">
        <v>0</v>
      </c>
      <c r="AJ1348" s="1">
        <v>0</v>
      </c>
      <c r="AK1348" s="1">
        <v>0</v>
      </c>
      <c r="AL1348" s="1">
        <v>0</v>
      </c>
      <c r="AM1348" s="1">
        <v>0</v>
      </c>
      <c r="AN1348" s="1">
        <v>0</v>
      </c>
      <c r="AO1348" s="1">
        <v>0</v>
      </c>
      <c r="AP1348" s="1">
        <v>0</v>
      </c>
      <c r="AQ1348" s="1">
        <v>0</v>
      </c>
      <c r="AR1348" s="1">
        <v>0</v>
      </c>
      <c r="AS1348" s="1">
        <v>0</v>
      </c>
      <c r="AT1348" s="1">
        <v>0</v>
      </c>
      <c r="AU1348" s="1">
        <v>0</v>
      </c>
      <c r="AV1348" s="1">
        <v>0</v>
      </c>
      <c r="BF1348" s="1">
        <v>0</v>
      </c>
      <c r="BG1348" s="1">
        <v>0</v>
      </c>
      <c r="BH1348" s="1">
        <v>0</v>
      </c>
      <c r="BK1348" s="1">
        <v>0</v>
      </c>
      <c r="BM1348" s="1">
        <v>0</v>
      </c>
      <c r="BO1348" s="1">
        <v>0</v>
      </c>
    </row>
    <row r="1349" spans="1:69" x14ac:dyDescent="0.25">
      <c r="A1349" s="1">
        <v>30463992</v>
      </c>
      <c r="B1349" t="s">
        <v>812</v>
      </c>
      <c r="C1349" t="s">
        <v>39</v>
      </c>
      <c r="D1349" t="s">
        <v>174</v>
      </c>
      <c r="E1349" t="s">
        <v>216</v>
      </c>
      <c r="L1349" t="s">
        <v>52</v>
      </c>
      <c r="M1349" s="1">
        <v>0</v>
      </c>
      <c r="N1349" s="1">
        <v>0</v>
      </c>
      <c r="O1349" t="s">
        <v>174</v>
      </c>
      <c r="P1349" t="s">
        <v>216</v>
      </c>
      <c r="Q1349" t="s">
        <v>238</v>
      </c>
      <c r="S1349" s="1">
        <v>0</v>
      </c>
      <c r="T1349" t="s">
        <v>197</v>
      </c>
      <c r="X1349" t="s">
        <v>179</v>
      </c>
      <c r="AC1349" t="s">
        <v>266</v>
      </c>
      <c r="AD1349" t="s">
        <v>181</v>
      </c>
      <c r="AE1349" t="s">
        <v>230</v>
      </c>
      <c r="AF1349" t="s">
        <v>230</v>
      </c>
      <c r="AG1349" t="s">
        <v>181</v>
      </c>
      <c r="AH1349" t="s">
        <v>181</v>
      </c>
      <c r="AI1349" t="s">
        <v>181</v>
      </c>
      <c r="AJ1349" t="s">
        <v>181</v>
      </c>
      <c r="AK1349" t="s">
        <v>181</v>
      </c>
      <c r="AL1349" t="s">
        <v>42</v>
      </c>
      <c r="AM1349" s="1">
        <v>0</v>
      </c>
      <c r="AN1349" s="1">
        <v>0</v>
      </c>
      <c r="AO1349" s="1">
        <v>0</v>
      </c>
      <c r="AP1349" s="1">
        <v>0</v>
      </c>
      <c r="AQ1349" s="1">
        <v>0</v>
      </c>
      <c r="AR1349" s="1">
        <v>0</v>
      </c>
      <c r="AS1349" s="1">
        <v>0</v>
      </c>
      <c r="AT1349" s="1">
        <v>0</v>
      </c>
      <c r="AU1349" s="1">
        <v>0</v>
      </c>
      <c r="AV1349" s="1">
        <v>0</v>
      </c>
      <c r="BF1349" s="1">
        <v>0</v>
      </c>
      <c r="BG1349" s="1">
        <v>0</v>
      </c>
      <c r="BH1349" s="1">
        <v>0</v>
      </c>
      <c r="BK1349" s="1">
        <v>0</v>
      </c>
      <c r="BM1349" s="1">
        <v>0</v>
      </c>
      <c r="BO1349" s="1">
        <v>0</v>
      </c>
    </row>
    <row r="1350" spans="1:69" x14ac:dyDescent="0.25">
      <c r="A1350" s="1">
        <v>30464095</v>
      </c>
      <c r="B1350" t="s">
        <v>813</v>
      </c>
      <c r="C1350" t="s">
        <v>39</v>
      </c>
      <c r="D1350" t="s">
        <v>174</v>
      </c>
      <c r="E1350" t="s">
        <v>195</v>
      </c>
      <c r="L1350" t="s">
        <v>52</v>
      </c>
      <c r="M1350" s="1">
        <v>0</v>
      </c>
      <c r="N1350" s="1">
        <v>0</v>
      </c>
      <c r="O1350" t="s">
        <v>174</v>
      </c>
      <c r="P1350" t="s">
        <v>176</v>
      </c>
      <c r="Q1350" t="s">
        <v>273</v>
      </c>
      <c r="R1350" t="s">
        <v>814</v>
      </c>
      <c r="S1350" t="s">
        <v>315</v>
      </c>
      <c r="T1350" t="s">
        <v>49</v>
      </c>
      <c r="Y1350" t="s">
        <v>224</v>
      </c>
      <c r="AC1350" t="s">
        <v>180</v>
      </c>
      <c r="AD1350" t="s">
        <v>230</v>
      </c>
      <c r="AE1350" t="s">
        <v>230</v>
      </c>
      <c r="AF1350" t="s">
        <v>181</v>
      </c>
      <c r="AG1350" t="s">
        <v>230</v>
      </c>
      <c r="AH1350" t="s">
        <v>181</v>
      </c>
      <c r="AI1350" t="s">
        <v>230</v>
      </c>
      <c r="AJ1350" s="1">
        <v>0</v>
      </c>
      <c r="AK1350" t="s">
        <v>230</v>
      </c>
      <c r="AL1350" t="s">
        <v>42</v>
      </c>
      <c r="AM1350" s="1">
        <v>0</v>
      </c>
      <c r="AN1350" t="s">
        <v>184</v>
      </c>
      <c r="AO1350" s="1">
        <v>0</v>
      </c>
      <c r="AP1350" t="s">
        <v>185</v>
      </c>
      <c r="AQ1350" s="1">
        <v>0</v>
      </c>
      <c r="AR1350" s="1">
        <v>0</v>
      </c>
      <c r="AS1350" t="s">
        <v>182</v>
      </c>
      <c r="AT1350" s="1">
        <v>0</v>
      </c>
      <c r="AU1350" s="1">
        <v>0</v>
      </c>
      <c r="AV1350" s="1">
        <v>0</v>
      </c>
      <c r="AZ1350" t="s">
        <v>207</v>
      </c>
      <c r="BA1350" t="s">
        <v>188</v>
      </c>
      <c r="BF1350" t="s">
        <v>292</v>
      </c>
      <c r="BG1350" t="s">
        <v>233</v>
      </c>
      <c r="BH1350" t="s">
        <v>211</v>
      </c>
      <c r="BK1350" t="s">
        <v>191</v>
      </c>
      <c r="BM1350" t="s">
        <v>218</v>
      </c>
      <c r="BO1350" t="s">
        <v>218</v>
      </c>
    </row>
    <row r="1351" spans="1:69" x14ac:dyDescent="0.25">
      <c r="A1351" s="1">
        <v>30464122</v>
      </c>
      <c r="B1351" t="s">
        <v>3016</v>
      </c>
      <c r="C1351" t="s">
        <v>39</v>
      </c>
      <c r="D1351" t="s">
        <v>2512</v>
      </c>
      <c r="E1351" t="s">
        <v>216</v>
      </c>
      <c r="L1351" t="s">
        <v>52</v>
      </c>
      <c r="M1351" s="1">
        <v>0</v>
      </c>
      <c r="N1351" s="1">
        <v>0</v>
      </c>
      <c r="O1351" t="s">
        <v>2512</v>
      </c>
      <c r="P1351" t="s">
        <v>216</v>
      </c>
      <c r="Q1351" t="s">
        <v>328</v>
      </c>
      <c r="S1351" s="1">
        <v>0</v>
      </c>
      <c r="T1351" t="s">
        <v>197</v>
      </c>
      <c r="U1351" t="s">
        <v>3017</v>
      </c>
      <c r="W1351" t="s">
        <v>262</v>
      </c>
      <c r="Y1351" t="s">
        <v>224</v>
      </c>
      <c r="Z1351" t="s">
        <v>244</v>
      </c>
      <c r="AC1351" t="s">
        <v>180</v>
      </c>
      <c r="AD1351" t="s">
        <v>175</v>
      </c>
      <c r="AE1351" t="s">
        <v>175</v>
      </c>
      <c r="AF1351" t="s">
        <v>175</v>
      </c>
      <c r="AG1351" t="s">
        <v>175</v>
      </c>
      <c r="AH1351" t="s">
        <v>175</v>
      </c>
      <c r="AI1351" t="s">
        <v>175</v>
      </c>
      <c r="AJ1351" t="s">
        <v>175</v>
      </c>
      <c r="AK1351" t="s">
        <v>175</v>
      </c>
      <c r="AL1351" t="s">
        <v>42</v>
      </c>
      <c r="AM1351" t="s">
        <v>206</v>
      </c>
      <c r="AN1351" t="s">
        <v>205</v>
      </c>
      <c r="AO1351" t="s">
        <v>183</v>
      </c>
      <c r="AP1351" t="s">
        <v>202</v>
      </c>
      <c r="AQ1351" t="s">
        <v>185</v>
      </c>
      <c r="AR1351" t="s">
        <v>184</v>
      </c>
      <c r="AS1351" t="s">
        <v>203</v>
      </c>
      <c r="AT1351" t="s">
        <v>182</v>
      </c>
      <c r="AU1351" t="s">
        <v>204</v>
      </c>
      <c r="AV1351" t="s">
        <v>201</v>
      </c>
      <c r="AY1351" t="s">
        <v>187</v>
      </c>
      <c r="AZ1351" t="s">
        <v>207</v>
      </c>
      <c r="BA1351" t="s">
        <v>188</v>
      </c>
      <c r="BB1351" t="s">
        <v>208</v>
      </c>
      <c r="BC1351" t="s">
        <v>209</v>
      </c>
      <c r="BF1351" t="s">
        <v>49</v>
      </c>
      <c r="BG1351" s="1">
        <v>0</v>
      </c>
      <c r="BH1351" t="s">
        <v>211</v>
      </c>
      <c r="BK1351" t="s">
        <v>191</v>
      </c>
      <c r="BL1351" t="s">
        <v>3018</v>
      </c>
      <c r="BM1351" t="s">
        <v>191</v>
      </c>
      <c r="BN1351" t="s">
        <v>3019</v>
      </c>
      <c r="BO1351" t="s">
        <v>218</v>
      </c>
      <c r="BP1351" t="s">
        <v>3020</v>
      </c>
    </row>
    <row r="1352" spans="1:69" x14ac:dyDescent="0.25">
      <c r="A1352" s="1">
        <v>30464305</v>
      </c>
      <c r="B1352" t="s">
        <v>2381</v>
      </c>
      <c r="C1352" t="s">
        <v>39</v>
      </c>
      <c r="D1352" t="s">
        <v>1616</v>
      </c>
      <c r="E1352" t="s">
        <v>175</v>
      </c>
      <c r="L1352" t="s">
        <v>52</v>
      </c>
      <c r="M1352" s="1">
        <v>0</v>
      </c>
      <c r="N1352" s="1">
        <v>0</v>
      </c>
      <c r="O1352" t="s">
        <v>1616</v>
      </c>
      <c r="P1352" t="s">
        <v>176</v>
      </c>
      <c r="Q1352" t="s">
        <v>238</v>
      </c>
      <c r="S1352" t="s">
        <v>178</v>
      </c>
      <c r="T1352" t="s">
        <v>175</v>
      </c>
      <c r="W1352" t="s">
        <v>262</v>
      </c>
      <c r="X1352" t="s">
        <v>179</v>
      </c>
      <c r="Z1352" t="s">
        <v>244</v>
      </c>
      <c r="AC1352" t="s">
        <v>180</v>
      </c>
      <c r="AD1352" t="s">
        <v>175</v>
      </c>
      <c r="AE1352" t="s">
        <v>175</v>
      </c>
      <c r="AF1352" t="s">
        <v>175</v>
      </c>
      <c r="AG1352" t="s">
        <v>175</v>
      </c>
      <c r="AH1352" t="s">
        <v>175</v>
      </c>
      <c r="AI1352" t="s">
        <v>175</v>
      </c>
      <c r="AJ1352" t="s">
        <v>175</v>
      </c>
      <c r="AK1352" t="s">
        <v>175</v>
      </c>
      <c r="AL1352" t="s">
        <v>52</v>
      </c>
      <c r="AM1352" t="s">
        <v>204</v>
      </c>
      <c r="AN1352" t="s">
        <v>182</v>
      </c>
      <c r="AO1352" t="s">
        <v>203</v>
      </c>
      <c r="AP1352" t="s">
        <v>183</v>
      </c>
      <c r="AQ1352" t="s">
        <v>201</v>
      </c>
      <c r="AR1352" t="s">
        <v>206</v>
      </c>
      <c r="AS1352" t="s">
        <v>205</v>
      </c>
      <c r="AT1352" t="s">
        <v>185</v>
      </c>
      <c r="AU1352" t="s">
        <v>184</v>
      </c>
      <c r="AV1352" t="s">
        <v>202</v>
      </c>
      <c r="AX1352" t="s">
        <v>186</v>
      </c>
      <c r="AY1352" t="s">
        <v>187</v>
      </c>
      <c r="BA1352" t="s">
        <v>188</v>
      </c>
      <c r="BC1352" t="s">
        <v>209</v>
      </c>
      <c r="BF1352" t="s">
        <v>49</v>
      </c>
      <c r="BG1352" s="1">
        <v>0</v>
      </c>
      <c r="BH1352" t="s">
        <v>247</v>
      </c>
      <c r="BK1352" t="s">
        <v>191</v>
      </c>
      <c r="BL1352" t="s">
        <v>2382</v>
      </c>
      <c r="BM1352" t="s">
        <v>191</v>
      </c>
      <c r="BN1352" t="s">
        <v>2383</v>
      </c>
      <c r="BO1352" t="s">
        <v>191</v>
      </c>
      <c r="BP1352" t="s">
        <v>2384</v>
      </c>
    </row>
    <row r="1353" spans="1:69" x14ac:dyDescent="0.25">
      <c r="A1353" s="1">
        <v>30464701</v>
      </c>
      <c r="B1353" t="s">
        <v>4506</v>
      </c>
      <c r="C1353" t="s">
        <v>39</v>
      </c>
      <c r="D1353" t="s">
        <v>3727</v>
      </c>
      <c r="E1353" t="s">
        <v>200</v>
      </c>
      <c r="L1353" t="s">
        <v>52</v>
      </c>
      <c r="M1353" s="1">
        <v>0</v>
      </c>
      <c r="N1353" s="1">
        <v>0</v>
      </c>
      <c r="O1353" t="s">
        <v>3728</v>
      </c>
      <c r="P1353" t="s">
        <v>176</v>
      </c>
      <c r="Q1353" t="s">
        <v>196</v>
      </c>
      <c r="S1353" t="s">
        <v>256</v>
      </c>
      <c r="T1353" t="s">
        <v>200</v>
      </c>
      <c r="Y1353" t="s">
        <v>224</v>
      </c>
      <c r="AC1353" t="s">
        <v>180</v>
      </c>
      <c r="AD1353" t="s">
        <v>175</v>
      </c>
      <c r="AE1353" t="s">
        <v>175</v>
      </c>
      <c r="AF1353" t="s">
        <v>175</v>
      </c>
      <c r="AG1353" t="s">
        <v>175</v>
      </c>
      <c r="AH1353" t="s">
        <v>175</v>
      </c>
      <c r="AI1353" t="s">
        <v>175</v>
      </c>
      <c r="AJ1353" t="s">
        <v>175</v>
      </c>
      <c r="AK1353" t="s">
        <v>175</v>
      </c>
      <c r="AL1353" t="s">
        <v>42</v>
      </c>
      <c r="AM1353" s="1">
        <v>0</v>
      </c>
      <c r="AN1353" t="s">
        <v>185</v>
      </c>
      <c r="AO1353" t="s">
        <v>182</v>
      </c>
      <c r="AP1353" t="s">
        <v>184</v>
      </c>
      <c r="AQ1353" s="1">
        <v>0</v>
      </c>
      <c r="AR1353" s="1">
        <v>0</v>
      </c>
      <c r="AS1353" s="1">
        <v>0</v>
      </c>
      <c r="AT1353" s="1">
        <v>0</v>
      </c>
      <c r="AU1353" s="1">
        <v>0</v>
      </c>
      <c r="AV1353" t="s">
        <v>183</v>
      </c>
      <c r="AX1353" t="s">
        <v>186</v>
      </c>
      <c r="BA1353" t="s">
        <v>188</v>
      </c>
      <c r="BC1353" t="s">
        <v>209</v>
      </c>
      <c r="BF1353" t="s">
        <v>292</v>
      </c>
      <c r="BG1353" t="s">
        <v>233</v>
      </c>
      <c r="BH1353" t="s">
        <v>211</v>
      </c>
      <c r="BK1353" t="s">
        <v>191</v>
      </c>
      <c r="BM1353" t="s">
        <v>218</v>
      </c>
      <c r="BO1353" t="s">
        <v>191</v>
      </c>
    </row>
    <row r="1354" spans="1:69" x14ac:dyDescent="0.25">
      <c r="A1354" s="1">
        <v>30464802</v>
      </c>
      <c r="B1354" t="s">
        <v>4507</v>
      </c>
      <c r="C1354" t="s">
        <v>39</v>
      </c>
      <c r="D1354" t="s">
        <v>3727</v>
      </c>
      <c r="E1354" t="s">
        <v>195</v>
      </c>
      <c r="L1354" t="s">
        <v>52</v>
      </c>
      <c r="M1354" s="1">
        <v>0</v>
      </c>
      <c r="N1354" s="1">
        <v>0</v>
      </c>
      <c r="O1354" t="s">
        <v>3728</v>
      </c>
      <c r="P1354" t="s">
        <v>176</v>
      </c>
      <c r="Q1354" t="s">
        <v>273</v>
      </c>
      <c r="S1354" t="s">
        <v>178</v>
      </c>
      <c r="T1354" t="s">
        <v>197</v>
      </c>
      <c r="AC1354" t="s">
        <v>180</v>
      </c>
      <c r="AD1354" t="s">
        <v>175</v>
      </c>
      <c r="AE1354" t="s">
        <v>175</v>
      </c>
      <c r="AF1354" t="s">
        <v>181</v>
      </c>
      <c r="AG1354" t="s">
        <v>175</v>
      </c>
      <c r="AH1354" t="s">
        <v>175</v>
      </c>
      <c r="AI1354" t="s">
        <v>175</v>
      </c>
      <c r="AJ1354" t="s">
        <v>181</v>
      </c>
      <c r="AK1354" t="s">
        <v>181</v>
      </c>
      <c r="AL1354" s="1">
        <v>0</v>
      </c>
      <c r="AM1354" t="s">
        <v>183</v>
      </c>
      <c r="AN1354" s="1">
        <v>0</v>
      </c>
      <c r="AO1354" t="s">
        <v>185</v>
      </c>
      <c r="AP1354" t="s">
        <v>182</v>
      </c>
      <c r="AQ1354" t="s">
        <v>184</v>
      </c>
      <c r="AR1354" s="1">
        <v>0</v>
      </c>
      <c r="AS1354" s="1">
        <v>0</v>
      </c>
      <c r="AT1354" s="1">
        <v>0</v>
      </c>
      <c r="AU1354" s="1">
        <v>0</v>
      </c>
      <c r="AV1354" s="1">
        <v>0</v>
      </c>
      <c r="AW1354" t="s">
        <v>4508</v>
      </c>
      <c r="AX1354" t="s">
        <v>186</v>
      </c>
      <c r="AZ1354" t="s">
        <v>207</v>
      </c>
      <c r="BA1354" t="s">
        <v>188</v>
      </c>
      <c r="BF1354" t="s">
        <v>49</v>
      </c>
      <c r="BG1354" s="1">
        <v>0</v>
      </c>
      <c r="BH1354" t="s">
        <v>247</v>
      </c>
      <c r="BK1354" t="s">
        <v>191</v>
      </c>
      <c r="BM1354" s="1">
        <v>0</v>
      </c>
      <c r="BO1354" s="1">
        <v>0</v>
      </c>
      <c r="BQ1354" t="s">
        <v>4509</v>
      </c>
    </row>
    <row r="1355" spans="1:69" x14ac:dyDescent="0.25">
      <c r="A1355" s="1">
        <v>30465128</v>
      </c>
      <c r="B1355" t="s">
        <v>815</v>
      </c>
      <c r="C1355" t="s">
        <v>39</v>
      </c>
      <c r="D1355" t="s">
        <v>174</v>
      </c>
      <c r="E1355" t="s">
        <v>175</v>
      </c>
      <c r="L1355" t="s">
        <v>52</v>
      </c>
      <c r="M1355" s="1">
        <v>0</v>
      </c>
      <c r="N1355" s="1">
        <v>0</v>
      </c>
      <c r="O1355" t="s">
        <v>174</v>
      </c>
      <c r="P1355" t="s">
        <v>176</v>
      </c>
      <c r="Q1355" t="s">
        <v>177</v>
      </c>
      <c r="S1355" t="s">
        <v>178</v>
      </c>
      <c r="T1355" t="s">
        <v>175</v>
      </c>
      <c r="Y1355" t="s">
        <v>224</v>
      </c>
      <c r="AC1355" t="s">
        <v>199</v>
      </c>
      <c r="AD1355" t="s">
        <v>230</v>
      </c>
      <c r="AE1355" t="s">
        <v>181</v>
      </c>
      <c r="AF1355" t="s">
        <v>181</v>
      </c>
      <c r="AG1355" t="s">
        <v>181</v>
      </c>
      <c r="AH1355" t="s">
        <v>200</v>
      </c>
      <c r="AI1355" t="s">
        <v>200</v>
      </c>
      <c r="AJ1355" t="s">
        <v>200</v>
      </c>
      <c r="AK1355" t="s">
        <v>230</v>
      </c>
      <c r="AL1355" t="s">
        <v>52</v>
      </c>
      <c r="AM1355" t="s">
        <v>202</v>
      </c>
      <c r="AN1355" t="s">
        <v>183</v>
      </c>
      <c r="AO1355" t="s">
        <v>185</v>
      </c>
      <c r="AP1355" t="s">
        <v>203</v>
      </c>
      <c r="AQ1355" t="s">
        <v>206</v>
      </c>
      <c r="AR1355" t="s">
        <v>205</v>
      </c>
      <c r="AS1355" t="s">
        <v>201</v>
      </c>
      <c r="AT1355" t="s">
        <v>184</v>
      </c>
      <c r="AU1355" t="s">
        <v>182</v>
      </c>
      <c r="AV1355" t="s">
        <v>204</v>
      </c>
      <c r="AX1355" t="s">
        <v>186</v>
      </c>
      <c r="AY1355" t="s">
        <v>187</v>
      </c>
      <c r="AZ1355" t="s">
        <v>207</v>
      </c>
      <c r="BA1355" t="s">
        <v>188</v>
      </c>
      <c r="BF1355" t="s">
        <v>189</v>
      </c>
      <c r="BG1355" s="1">
        <v>0</v>
      </c>
      <c r="BH1355" t="s">
        <v>211</v>
      </c>
      <c r="BK1355" t="s">
        <v>191</v>
      </c>
      <c r="BL1355" t="s">
        <v>816</v>
      </c>
      <c r="BM1355" t="s">
        <v>218</v>
      </c>
      <c r="BN1355" t="s">
        <v>817</v>
      </c>
      <c r="BO1355" t="s">
        <v>191</v>
      </c>
      <c r="BP1355" t="s">
        <v>818</v>
      </c>
      <c r="BQ1355" t="s">
        <v>819</v>
      </c>
    </row>
    <row r="1356" spans="1:69" x14ac:dyDescent="0.25">
      <c r="A1356" s="1">
        <v>30465172</v>
      </c>
      <c r="B1356" t="s">
        <v>4510</v>
      </c>
      <c r="C1356" t="s">
        <v>39</v>
      </c>
      <c r="D1356" t="s">
        <v>3727</v>
      </c>
      <c r="E1356" t="s">
        <v>175</v>
      </c>
      <c r="L1356" t="s">
        <v>52</v>
      </c>
      <c r="M1356" s="1">
        <v>0</v>
      </c>
      <c r="N1356" s="1">
        <v>0</v>
      </c>
      <c r="O1356" t="s">
        <v>3728</v>
      </c>
      <c r="P1356" t="s">
        <v>176</v>
      </c>
      <c r="Q1356" t="s">
        <v>196</v>
      </c>
      <c r="S1356" t="s">
        <v>349</v>
      </c>
      <c r="T1356" t="s">
        <v>175</v>
      </c>
      <c r="Y1356" t="s">
        <v>224</v>
      </c>
      <c r="AC1356" t="s">
        <v>180</v>
      </c>
      <c r="AD1356" t="s">
        <v>175</v>
      </c>
      <c r="AE1356" t="s">
        <v>175</v>
      </c>
      <c r="AF1356" t="s">
        <v>175</v>
      </c>
      <c r="AG1356" t="s">
        <v>181</v>
      </c>
      <c r="AH1356" t="s">
        <v>200</v>
      </c>
      <c r="AI1356" t="s">
        <v>175</v>
      </c>
      <c r="AJ1356" t="s">
        <v>181</v>
      </c>
      <c r="AK1356" t="s">
        <v>175</v>
      </c>
      <c r="AL1356" t="s">
        <v>42</v>
      </c>
      <c r="AM1356" t="s">
        <v>201</v>
      </c>
      <c r="AN1356" t="s">
        <v>182</v>
      </c>
      <c r="AO1356" t="s">
        <v>184</v>
      </c>
      <c r="AP1356" t="s">
        <v>204</v>
      </c>
      <c r="AQ1356" t="s">
        <v>185</v>
      </c>
      <c r="AR1356" t="s">
        <v>202</v>
      </c>
      <c r="AS1356" t="s">
        <v>203</v>
      </c>
      <c r="AT1356" t="s">
        <v>206</v>
      </c>
      <c r="AU1356" t="s">
        <v>205</v>
      </c>
      <c r="AV1356" t="s">
        <v>183</v>
      </c>
      <c r="AY1356" t="s">
        <v>187</v>
      </c>
      <c r="AZ1356" t="s">
        <v>207</v>
      </c>
      <c r="BF1356" t="s">
        <v>232</v>
      </c>
      <c r="BG1356" t="s">
        <v>276</v>
      </c>
      <c r="BH1356" t="s">
        <v>247</v>
      </c>
      <c r="BK1356" t="s">
        <v>191</v>
      </c>
      <c r="BL1356" t="s">
        <v>4511</v>
      </c>
      <c r="BM1356" t="s">
        <v>191</v>
      </c>
      <c r="BN1356" t="s">
        <v>4512</v>
      </c>
      <c r="BO1356" t="s">
        <v>191</v>
      </c>
      <c r="BP1356" t="s">
        <v>4513</v>
      </c>
    </row>
    <row r="1357" spans="1:69" x14ac:dyDescent="0.25">
      <c r="A1357" s="1">
        <v>30465317</v>
      </c>
      <c r="B1357" t="s">
        <v>1510</v>
      </c>
      <c r="C1357" t="s">
        <v>39</v>
      </c>
      <c r="D1357" t="s">
        <v>942</v>
      </c>
      <c r="E1357" t="s">
        <v>200</v>
      </c>
      <c r="L1357" t="s">
        <v>52</v>
      </c>
      <c r="M1357" s="1">
        <v>0</v>
      </c>
      <c r="N1357" s="1">
        <v>0</v>
      </c>
      <c r="O1357" t="s">
        <v>942</v>
      </c>
      <c r="P1357" t="s">
        <v>216</v>
      </c>
      <c r="Q1357" t="s">
        <v>196</v>
      </c>
      <c r="S1357" s="1">
        <v>0</v>
      </c>
      <c r="T1357" t="s">
        <v>200</v>
      </c>
      <c r="AC1357" t="s">
        <v>180</v>
      </c>
      <c r="AD1357" t="s">
        <v>200</v>
      </c>
      <c r="AE1357" t="s">
        <v>200</v>
      </c>
      <c r="AF1357" t="s">
        <v>200</v>
      </c>
      <c r="AG1357" t="s">
        <v>200</v>
      </c>
      <c r="AH1357" t="s">
        <v>200</v>
      </c>
      <c r="AI1357" t="s">
        <v>200</v>
      </c>
      <c r="AJ1357" t="s">
        <v>200</v>
      </c>
      <c r="AK1357" t="s">
        <v>200</v>
      </c>
      <c r="AL1357" t="s">
        <v>42</v>
      </c>
      <c r="AM1357" t="s">
        <v>182</v>
      </c>
      <c r="AN1357" t="s">
        <v>203</v>
      </c>
      <c r="AO1357" t="s">
        <v>184</v>
      </c>
      <c r="AP1357" t="s">
        <v>185</v>
      </c>
      <c r="AQ1357" t="s">
        <v>201</v>
      </c>
      <c r="AR1357" t="s">
        <v>206</v>
      </c>
      <c r="AS1357" t="s">
        <v>205</v>
      </c>
      <c r="AT1357" t="s">
        <v>204</v>
      </c>
      <c r="AU1357" t="s">
        <v>202</v>
      </c>
      <c r="AV1357" t="s">
        <v>183</v>
      </c>
      <c r="AW1357" t="s">
        <v>1511</v>
      </c>
      <c r="AX1357" t="s">
        <v>186</v>
      </c>
      <c r="AY1357" t="s">
        <v>187</v>
      </c>
      <c r="AZ1357" t="s">
        <v>207</v>
      </c>
      <c r="BA1357" t="s">
        <v>188</v>
      </c>
      <c r="BF1357" t="s">
        <v>210</v>
      </c>
      <c r="BG1357" s="1">
        <v>0</v>
      </c>
      <c r="BH1357" t="s">
        <v>464</v>
      </c>
      <c r="BK1357" t="s">
        <v>191</v>
      </c>
      <c r="BL1357" t="s">
        <v>1512</v>
      </c>
      <c r="BM1357" t="s">
        <v>191</v>
      </c>
      <c r="BN1357" t="s">
        <v>1513</v>
      </c>
      <c r="BO1357" t="s">
        <v>218</v>
      </c>
      <c r="BP1357" t="s">
        <v>1514</v>
      </c>
    </row>
    <row r="1358" spans="1:69" x14ac:dyDescent="0.25">
      <c r="A1358" s="1">
        <v>30465389</v>
      </c>
      <c r="B1358" t="s">
        <v>2385</v>
      </c>
      <c r="C1358" t="s">
        <v>39</v>
      </c>
      <c r="D1358" t="s">
        <v>1616</v>
      </c>
      <c r="L1358" t="s">
        <v>52</v>
      </c>
      <c r="M1358" s="1">
        <v>0</v>
      </c>
      <c r="N1358" s="1">
        <v>0</v>
      </c>
      <c r="O1358" t="s">
        <v>1616</v>
      </c>
      <c r="P1358" s="1">
        <v>0</v>
      </c>
      <c r="Q1358" s="1">
        <v>0</v>
      </c>
      <c r="S1358" s="1">
        <v>0</v>
      </c>
      <c r="T1358" s="1">
        <v>0</v>
      </c>
      <c r="AC1358" t="s">
        <v>180</v>
      </c>
      <c r="AD1358" t="s">
        <v>200</v>
      </c>
      <c r="AE1358" t="s">
        <v>200</v>
      </c>
      <c r="AF1358" t="s">
        <v>200</v>
      </c>
      <c r="AG1358" t="s">
        <v>200</v>
      </c>
      <c r="AH1358" t="s">
        <v>200</v>
      </c>
      <c r="AI1358" t="s">
        <v>200</v>
      </c>
      <c r="AJ1358" t="s">
        <v>200</v>
      </c>
      <c r="AK1358" t="s">
        <v>200</v>
      </c>
      <c r="AL1358" t="s">
        <v>42</v>
      </c>
      <c r="AM1358" s="1">
        <v>0</v>
      </c>
      <c r="AN1358" s="1">
        <v>0</v>
      </c>
      <c r="AO1358" s="1">
        <v>0</v>
      </c>
      <c r="AP1358" s="1">
        <v>0</v>
      </c>
      <c r="AQ1358" s="1">
        <v>0</v>
      </c>
      <c r="AR1358" s="1">
        <v>0</v>
      </c>
      <c r="AS1358" s="1">
        <v>0</v>
      </c>
      <c r="AT1358" s="1">
        <v>0</v>
      </c>
      <c r="AU1358" s="1">
        <v>0</v>
      </c>
      <c r="AV1358" s="1">
        <v>0</v>
      </c>
      <c r="BF1358" s="1">
        <v>0</v>
      </c>
      <c r="BG1358" s="1">
        <v>0</v>
      </c>
      <c r="BH1358" s="1">
        <v>0</v>
      </c>
      <c r="BK1358" s="1">
        <v>0</v>
      </c>
      <c r="BM1358" s="1">
        <v>0</v>
      </c>
      <c r="BO1358" s="1">
        <v>0</v>
      </c>
    </row>
    <row r="1359" spans="1:69" x14ac:dyDescent="0.25">
      <c r="A1359" s="1">
        <v>30465688</v>
      </c>
      <c r="B1359" t="s">
        <v>1515</v>
      </c>
      <c r="C1359" t="s">
        <v>39</v>
      </c>
      <c r="D1359" t="s">
        <v>942</v>
      </c>
      <c r="E1359" t="s">
        <v>175</v>
      </c>
      <c r="L1359" t="s">
        <v>52</v>
      </c>
      <c r="M1359" s="1">
        <v>0</v>
      </c>
      <c r="N1359" s="1">
        <v>0</v>
      </c>
      <c r="O1359" t="s">
        <v>942</v>
      </c>
      <c r="P1359" t="s">
        <v>176</v>
      </c>
      <c r="Q1359" t="s">
        <v>238</v>
      </c>
      <c r="S1359" t="s">
        <v>178</v>
      </c>
      <c r="T1359" t="s">
        <v>175</v>
      </c>
      <c r="X1359" t="s">
        <v>179</v>
      </c>
      <c r="AC1359" t="s">
        <v>199</v>
      </c>
      <c r="AD1359" t="s">
        <v>175</v>
      </c>
      <c r="AE1359" t="s">
        <v>175</v>
      </c>
      <c r="AF1359" t="s">
        <v>175</v>
      </c>
      <c r="AG1359" t="s">
        <v>200</v>
      </c>
      <c r="AH1359" t="s">
        <v>200</v>
      </c>
      <c r="AI1359" t="s">
        <v>200</v>
      </c>
      <c r="AJ1359" t="s">
        <v>200</v>
      </c>
      <c r="AK1359" t="s">
        <v>200</v>
      </c>
      <c r="AL1359" t="s">
        <v>42</v>
      </c>
      <c r="AM1359" s="1">
        <v>0</v>
      </c>
      <c r="AN1359" s="1">
        <v>0</v>
      </c>
      <c r="AO1359" s="1">
        <v>0</v>
      </c>
      <c r="AP1359" s="1">
        <v>0</v>
      </c>
      <c r="AQ1359" s="1">
        <v>0</v>
      </c>
      <c r="AR1359" s="1">
        <v>0</v>
      </c>
      <c r="AS1359" s="1">
        <v>0</v>
      </c>
      <c r="AT1359" s="1">
        <v>0</v>
      </c>
      <c r="AU1359" s="1">
        <v>0</v>
      </c>
      <c r="AV1359" s="1">
        <v>0</v>
      </c>
      <c r="BF1359" s="1">
        <v>0</v>
      </c>
      <c r="BG1359" s="1">
        <v>0</v>
      </c>
      <c r="BH1359" s="1">
        <v>0</v>
      </c>
      <c r="BK1359" s="1">
        <v>0</v>
      </c>
      <c r="BM1359" s="1">
        <v>0</v>
      </c>
      <c r="BO1359" s="1">
        <v>0</v>
      </c>
    </row>
    <row r="1360" spans="1:69" x14ac:dyDescent="0.25">
      <c r="A1360" s="1">
        <v>30465895</v>
      </c>
      <c r="B1360" t="s">
        <v>2386</v>
      </c>
      <c r="C1360" t="s">
        <v>39</v>
      </c>
      <c r="D1360" t="s">
        <v>1616</v>
      </c>
      <c r="E1360" t="s">
        <v>175</v>
      </c>
      <c r="L1360" t="s">
        <v>52</v>
      </c>
      <c r="M1360" s="1">
        <v>0</v>
      </c>
      <c r="N1360" s="1">
        <v>0</v>
      </c>
      <c r="O1360" t="s">
        <v>1616</v>
      </c>
      <c r="P1360" t="s">
        <v>176</v>
      </c>
      <c r="Q1360" t="s">
        <v>238</v>
      </c>
      <c r="S1360" t="s">
        <v>178</v>
      </c>
      <c r="T1360" t="s">
        <v>175</v>
      </c>
      <c r="Z1360" t="s">
        <v>244</v>
      </c>
      <c r="AC1360" t="s">
        <v>266</v>
      </c>
      <c r="AD1360" t="s">
        <v>175</v>
      </c>
      <c r="AE1360" t="s">
        <v>175</v>
      </c>
      <c r="AF1360" t="s">
        <v>175</v>
      </c>
      <c r="AG1360" t="s">
        <v>175</v>
      </c>
      <c r="AH1360" t="s">
        <v>175</v>
      </c>
      <c r="AI1360" t="s">
        <v>175</v>
      </c>
      <c r="AJ1360" t="s">
        <v>175</v>
      </c>
      <c r="AK1360" t="s">
        <v>175</v>
      </c>
      <c r="AL1360" t="s">
        <v>49</v>
      </c>
      <c r="AM1360" t="s">
        <v>185</v>
      </c>
      <c r="AN1360" t="s">
        <v>201</v>
      </c>
      <c r="AO1360" t="s">
        <v>206</v>
      </c>
      <c r="AP1360" t="s">
        <v>184</v>
      </c>
      <c r="AQ1360" t="s">
        <v>203</v>
      </c>
      <c r="AR1360" t="s">
        <v>202</v>
      </c>
      <c r="AS1360" t="s">
        <v>182</v>
      </c>
      <c r="AT1360" t="s">
        <v>183</v>
      </c>
      <c r="AU1360" t="s">
        <v>205</v>
      </c>
      <c r="AV1360" t="s">
        <v>204</v>
      </c>
      <c r="AW1360" t="s">
        <v>225</v>
      </c>
      <c r="AX1360" t="s">
        <v>186</v>
      </c>
      <c r="AY1360" t="s">
        <v>187</v>
      </c>
      <c r="AZ1360" t="s">
        <v>207</v>
      </c>
      <c r="BA1360" t="s">
        <v>188</v>
      </c>
      <c r="BB1360" t="s">
        <v>208</v>
      </c>
      <c r="BC1360" t="s">
        <v>209</v>
      </c>
      <c r="BF1360" t="s">
        <v>232</v>
      </c>
      <c r="BG1360" t="s">
        <v>301</v>
      </c>
      <c r="BH1360" t="s">
        <v>211</v>
      </c>
      <c r="BK1360" t="s">
        <v>191</v>
      </c>
      <c r="BL1360" t="s">
        <v>2387</v>
      </c>
      <c r="BM1360" t="s">
        <v>191</v>
      </c>
      <c r="BN1360" t="s">
        <v>2388</v>
      </c>
      <c r="BO1360" t="s">
        <v>191</v>
      </c>
      <c r="BP1360" t="s">
        <v>2389</v>
      </c>
      <c r="BQ1360" t="s">
        <v>1122</v>
      </c>
    </row>
    <row r="1361" spans="1:69" x14ac:dyDescent="0.25">
      <c r="A1361" s="1">
        <v>30465975</v>
      </c>
      <c r="B1361" t="s">
        <v>2390</v>
      </c>
      <c r="C1361" t="s">
        <v>39</v>
      </c>
      <c r="D1361" t="s">
        <v>1616</v>
      </c>
      <c r="E1361" t="s">
        <v>195</v>
      </c>
      <c r="L1361" t="s">
        <v>52</v>
      </c>
      <c r="M1361" s="1">
        <v>0</v>
      </c>
      <c r="N1361" s="1">
        <v>0</v>
      </c>
      <c r="O1361" t="s">
        <v>1616</v>
      </c>
      <c r="P1361" t="s">
        <v>176</v>
      </c>
      <c r="Q1361" t="s">
        <v>238</v>
      </c>
      <c r="S1361" t="s">
        <v>178</v>
      </c>
      <c r="T1361" t="s">
        <v>197</v>
      </c>
      <c r="W1361" t="s">
        <v>262</v>
      </c>
      <c r="Y1361" t="s">
        <v>224</v>
      </c>
      <c r="Z1361" t="s">
        <v>244</v>
      </c>
      <c r="AC1361" t="s">
        <v>180</v>
      </c>
      <c r="AD1361" t="s">
        <v>181</v>
      </c>
      <c r="AE1361" t="s">
        <v>181</v>
      </c>
      <c r="AF1361" t="s">
        <v>181</v>
      </c>
      <c r="AG1361" t="s">
        <v>200</v>
      </c>
      <c r="AH1361" t="s">
        <v>200</v>
      </c>
      <c r="AI1361" t="s">
        <v>181</v>
      </c>
      <c r="AJ1361" t="s">
        <v>175</v>
      </c>
      <c r="AK1361" t="s">
        <v>181</v>
      </c>
      <c r="AL1361" t="s">
        <v>52</v>
      </c>
      <c r="AM1361" t="s">
        <v>184</v>
      </c>
      <c r="AN1361" t="s">
        <v>183</v>
      </c>
      <c r="AO1361" t="s">
        <v>205</v>
      </c>
      <c r="AP1361" t="s">
        <v>182</v>
      </c>
      <c r="AQ1361" t="s">
        <v>202</v>
      </c>
      <c r="AR1361" t="s">
        <v>203</v>
      </c>
      <c r="AS1361" t="s">
        <v>185</v>
      </c>
      <c r="AT1361" t="s">
        <v>206</v>
      </c>
      <c r="AU1361" t="s">
        <v>201</v>
      </c>
      <c r="AV1361" t="s">
        <v>204</v>
      </c>
      <c r="AX1361" t="s">
        <v>186</v>
      </c>
      <c r="AY1361" t="s">
        <v>187</v>
      </c>
      <c r="BA1361" t="s">
        <v>188</v>
      </c>
      <c r="BB1361" t="s">
        <v>208</v>
      </c>
      <c r="BC1361" t="s">
        <v>209</v>
      </c>
      <c r="BF1361" t="s">
        <v>232</v>
      </c>
      <c r="BG1361" t="s">
        <v>276</v>
      </c>
      <c r="BH1361" t="s">
        <v>211</v>
      </c>
      <c r="BK1361" t="s">
        <v>191</v>
      </c>
      <c r="BL1361" t="s">
        <v>2391</v>
      </c>
      <c r="BM1361" t="s">
        <v>191</v>
      </c>
      <c r="BN1361" t="s">
        <v>960</v>
      </c>
      <c r="BO1361" t="s">
        <v>191</v>
      </c>
      <c r="BP1361" t="s">
        <v>2392</v>
      </c>
      <c r="BQ1361" t="s">
        <v>2393</v>
      </c>
    </row>
    <row r="1362" spans="1:69" x14ac:dyDescent="0.25">
      <c r="A1362" s="1">
        <v>30466004</v>
      </c>
      <c r="B1362" t="s">
        <v>3021</v>
      </c>
      <c r="C1362" t="s">
        <v>39</v>
      </c>
      <c r="D1362" t="s">
        <v>2512</v>
      </c>
      <c r="E1362" t="s">
        <v>200</v>
      </c>
      <c r="L1362" t="s">
        <v>52</v>
      </c>
      <c r="M1362" s="1">
        <v>0</v>
      </c>
      <c r="N1362" s="1">
        <v>0</v>
      </c>
      <c r="O1362" t="s">
        <v>2512</v>
      </c>
      <c r="P1362" t="s">
        <v>176</v>
      </c>
      <c r="Q1362" t="s">
        <v>238</v>
      </c>
      <c r="S1362" t="s">
        <v>178</v>
      </c>
      <c r="T1362" t="s">
        <v>200</v>
      </c>
      <c r="X1362" t="s">
        <v>179</v>
      </c>
      <c r="AC1362" t="s">
        <v>199</v>
      </c>
      <c r="AD1362" t="s">
        <v>181</v>
      </c>
      <c r="AE1362" t="s">
        <v>175</v>
      </c>
      <c r="AF1362" t="s">
        <v>181</v>
      </c>
      <c r="AG1362" t="s">
        <v>181</v>
      </c>
      <c r="AH1362" t="s">
        <v>175</v>
      </c>
      <c r="AI1362" t="s">
        <v>175</v>
      </c>
      <c r="AJ1362" t="s">
        <v>175</v>
      </c>
      <c r="AK1362" t="s">
        <v>181</v>
      </c>
      <c r="AL1362" t="s">
        <v>42</v>
      </c>
      <c r="AM1362" t="s">
        <v>183</v>
      </c>
      <c r="AN1362" t="s">
        <v>204</v>
      </c>
      <c r="AO1362" t="s">
        <v>184</v>
      </c>
      <c r="AP1362" t="s">
        <v>185</v>
      </c>
      <c r="AQ1362" t="s">
        <v>205</v>
      </c>
      <c r="AR1362" t="s">
        <v>206</v>
      </c>
      <c r="AS1362" t="s">
        <v>201</v>
      </c>
      <c r="AT1362" t="s">
        <v>202</v>
      </c>
      <c r="AU1362" t="s">
        <v>203</v>
      </c>
      <c r="AV1362" t="s">
        <v>182</v>
      </c>
      <c r="AY1362" t="s">
        <v>187</v>
      </c>
      <c r="AZ1362" t="s">
        <v>207</v>
      </c>
      <c r="BF1362" t="s">
        <v>49</v>
      </c>
      <c r="BG1362" s="1">
        <v>0</v>
      </c>
      <c r="BH1362" s="1">
        <v>0</v>
      </c>
      <c r="BK1362" s="1">
        <v>0</v>
      </c>
      <c r="BM1362" s="1">
        <v>0</v>
      </c>
      <c r="BO1362" s="1">
        <v>0</v>
      </c>
    </row>
    <row r="1363" spans="1:69" x14ac:dyDescent="0.25">
      <c r="A1363" s="1">
        <v>30466080</v>
      </c>
      <c r="B1363" t="s">
        <v>1516</v>
      </c>
      <c r="C1363" t="s">
        <v>39</v>
      </c>
      <c r="D1363" t="s">
        <v>942</v>
      </c>
      <c r="E1363" t="s">
        <v>175</v>
      </c>
      <c r="L1363" t="s">
        <v>52</v>
      </c>
      <c r="M1363" s="1">
        <v>0</v>
      </c>
      <c r="N1363" s="1">
        <v>0</v>
      </c>
      <c r="O1363" t="s">
        <v>942</v>
      </c>
      <c r="P1363" t="s">
        <v>216</v>
      </c>
      <c r="Q1363" t="s">
        <v>322</v>
      </c>
      <c r="S1363" s="1">
        <v>0</v>
      </c>
      <c r="T1363" t="s">
        <v>175</v>
      </c>
      <c r="X1363" t="s">
        <v>179</v>
      </c>
      <c r="AC1363" t="s">
        <v>180</v>
      </c>
      <c r="AD1363" t="s">
        <v>175</v>
      </c>
      <c r="AE1363" t="s">
        <v>175</v>
      </c>
      <c r="AF1363" t="s">
        <v>175</v>
      </c>
      <c r="AG1363" t="s">
        <v>175</v>
      </c>
      <c r="AH1363" t="s">
        <v>175</v>
      </c>
      <c r="AI1363" t="s">
        <v>175</v>
      </c>
      <c r="AJ1363" t="s">
        <v>175</v>
      </c>
      <c r="AK1363" t="s">
        <v>175</v>
      </c>
      <c r="AL1363" t="s">
        <v>42</v>
      </c>
      <c r="AM1363" t="s">
        <v>201</v>
      </c>
      <c r="AN1363" t="s">
        <v>206</v>
      </c>
      <c r="AO1363" t="s">
        <v>182</v>
      </c>
      <c r="AP1363" t="s">
        <v>184</v>
      </c>
      <c r="AQ1363" t="s">
        <v>185</v>
      </c>
      <c r="AR1363" t="s">
        <v>202</v>
      </c>
      <c r="AS1363" t="s">
        <v>183</v>
      </c>
      <c r="AT1363" t="s">
        <v>205</v>
      </c>
      <c r="AU1363" t="s">
        <v>204</v>
      </c>
      <c r="AV1363" t="s">
        <v>203</v>
      </c>
      <c r="AX1363" t="s">
        <v>186</v>
      </c>
      <c r="AY1363" t="s">
        <v>187</v>
      </c>
      <c r="AZ1363" t="s">
        <v>207</v>
      </c>
      <c r="BA1363" t="s">
        <v>188</v>
      </c>
      <c r="BC1363" t="s">
        <v>209</v>
      </c>
      <c r="BF1363" t="s">
        <v>189</v>
      </c>
      <c r="BG1363" s="1">
        <v>0</v>
      </c>
      <c r="BH1363" t="s">
        <v>211</v>
      </c>
      <c r="BK1363" t="s">
        <v>191</v>
      </c>
      <c r="BM1363" t="s">
        <v>191</v>
      </c>
      <c r="BO1363" t="s">
        <v>191</v>
      </c>
    </row>
    <row r="1364" spans="1:69" x14ac:dyDescent="0.25">
      <c r="A1364" s="1">
        <v>30466129</v>
      </c>
      <c r="B1364" t="s">
        <v>147</v>
      </c>
      <c r="C1364" t="s">
        <v>39</v>
      </c>
      <c r="L1364" s="1">
        <v>0</v>
      </c>
      <c r="M1364" s="1">
        <v>0</v>
      </c>
      <c r="N1364" s="1">
        <v>0</v>
      </c>
      <c r="O1364" s="1">
        <v>0</v>
      </c>
      <c r="P1364" s="1">
        <v>0</v>
      </c>
      <c r="Q1364" s="1">
        <v>0</v>
      </c>
      <c r="S1364" s="1">
        <v>0</v>
      </c>
      <c r="T1364" s="1">
        <v>0</v>
      </c>
      <c r="AC1364" s="1">
        <v>0</v>
      </c>
      <c r="AD1364" s="1">
        <v>0</v>
      </c>
      <c r="AE1364" s="1">
        <v>0</v>
      </c>
      <c r="AF1364" s="1">
        <v>0</v>
      </c>
      <c r="AG1364" s="1">
        <v>0</v>
      </c>
      <c r="AH1364" s="1">
        <v>0</v>
      </c>
      <c r="AI1364" s="1">
        <v>0</v>
      </c>
      <c r="AJ1364" s="1">
        <v>0</v>
      </c>
      <c r="AK1364" s="1">
        <v>0</v>
      </c>
      <c r="AL1364" s="1">
        <v>0</v>
      </c>
      <c r="AM1364" s="1">
        <v>0</v>
      </c>
      <c r="AN1364" s="1">
        <v>0</v>
      </c>
      <c r="AO1364" s="1">
        <v>0</v>
      </c>
      <c r="AP1364" s="1">
        <v>0</v>
      </c>
      <c r="AQ1364" s="1">
        <v>0</v>
      </c>
      <c r="AR1364" s="1">
        <v>0</v>
      </c>
      <c r="AS1364" s="1">
        <v>0</v>
      </c>
      <c r="AT1364" s="1">
        <v>0</v>
      </c>
      <c r="AU1364" s="1">
        <v>0</v>
      </c>
      <c r="AV1364" s="1">
        <v>0</v>
      </c>
      <c r="BF1364" s="1">
        <v>0</v>
      </c>
      <c r="BG1364" s="1">
        <v>0</v>
      </c>
      <c r="BH1364" s="1">
        <v>0</v>
      </c>
      <c r="BK1364" s="1">
        <v>0</v>
      </c>
      <c r="BM1364" s="1">
        <v>0</v>
      </c>
      <c r="BO1364" s="1">
        <v>0</v>
      </c>
    </row>
    <row r="1365" spans="1:69" x14ac:dyDescent="0.25">
      <c r="A1365" s="1">
        <v>30466329</v>
      </c>
      <c r="B1365" t="s">
        <v>3022</v>
      </c>
      <c r="C1365" t="s">
        <v>39</v>
      </c>
      <c r="D1365" t="s">
        <v>2512</v>
      </c>
      <c r="E1365" t="s">
        <v>175</v>
      </c>
      <c r="L1365" t="s">
        <v>52</v>
      </c>
      <c r="M1365" s="1">
        <v>0</v>
      </c>
      <c r="N1365" s="1">
        <v>0</v>
      </c>
      <c r="O1365" t="s">
        <v>2512</v>
      </c>
      <c r="P1365" t="s">
        <v>176</v>
      </c>
      <c r="Q1365" t="s">
        <v>273</v>
      </c>
      <c r="S1365" t="s">
        <v>178</v>
      </c>
      <c r="T1365" t="s">
        <v>175</v>
      </c>
      <c r="Y1365" t="s">
        <v>224</v>
      </c>
      <c r="AC1365" t="s">
        <v>180</v>
      </c>
      <c r="AD1365" t="s">
        <v>181</v>
      </c>
      <c r="AE1365" t="s">
        <v>181</v>
      </c>
      <c r="AF1365" t="s">
        <v>181</v>
      </c>
      <c r="AG1365" t="s">
        <v>181</v>
      </c>
      <c r="AH1365" t="s">
        <v>175</v>
      </c>
      <c r="AI1365" t="s">
        <v>175</v>
      </c>
      <c r="AJ1365" t="s">
        <v>230</v>
      </c>
      <c r="AK1365" t="s">
        <v>181</v>
      </c>
      <c r="AL1365" t="s">
        <v>52</v>
      </c>
      <c r="AM1365" t="s">
        <v>204</v>
      </c>
      <c r="AN1365" t="s">
        <v>183</v>
      </c>
      <c r="AO1365" t="s">
        <v>185</v>
      </c>
      <c r="AP1365" t="s">
        <v>205</v>
      </c>
      <c r="AQ1365" t="s">
        <v>184</v>
      </c>
      <c r="AR1365" t="s">
        <v>182</v>
      </c>
      <c r="AS1365" t="s">
        <v>202</v>
      </c>
      <c r="AT1365" t="s">
        <v>201</v>
      </c>
      <c r="AU1365" t="s">
        <v>206</v>
      </c>
      <c r="AV1365" t="s">
        <v>203</v>
      </c>
      <c r="BA1365" t="s">
        <v>188</v>
      </c>
      <c r="BC1365" t="s">
        <v>209</v>
      </c>
      <c r="BF1365" t="s">
        <v>210</v>
      </c>
      <c r="BG1365" s="1">
        <v>0</v>
      </c>
      <c r="BH1365" t="s">
        <v>247</v>
      </c>
      <c r="BK1365" t="s">
        <v>191</v>
      </c>
      <c r="BM1365" t="s">
        <v>191</v>
      </c>
      <c r="BO1365" t="s">
        <v>191</v>
      </c>
    </row>
    <row r="1366" spans="1:69" x14ac:dyDescent="0.25">
      <c r="A1366" s="1">
        <v>30466437</v>
      </c>
      <c r="B1366" t="s">
        <v>2394</v>
      </c>
      <c r="C1366" t="s">
        <v>39</v>
      </c>
      <c r="D1366" t="s">
        <v>1616</v>
      </c>
      <c r="E1366" t="s">
        <v>195</v>
      </c>
      <c r="L1366" t="s">
        <v>52</v>
      </c>
      <c r="M1366" s="1">
        <v>0</v>
      </c>
      <c r="N1366" s="1">
        <v>0</v>
      </c>
      <c r="O1366" t="s">
        <v>1616</v>
      </c>
      <c r="P1366" t="s">
        <v>176</v>
      </c>
      <c r="Q1366" t="s">
        <v>196</v>
      </c>
      <c r="S1366" t="s">
        <v>349</v>
      </c>
      <c r="T1366" t="s">
        <v>197</v>
      </c>
      <c r="U1366" t="s">
        <v>2395</v>
      </c>
      <c r="Y1366" t="s">
        <v>224</v>
      </c>
      <c r="AC1366" t="s">
        <v>225</v>
      </c>
      <c r="AD1366" t="s">
        <v>230</v>
      </c>
      <c r="AE1366" t="s">
        <v>181</v>
      </c>
      <c r="AF1366" t="s">
        <v>230</v>
      </c>
      <c r="AG1366" t="s">
        <v>230</v>
      </c>
      <c r="AH1366" t="s">
        <v>175</v>
      </c>
      <c r="AI1366" t="s">
        <v>175</v>
      </c>
      <c r="AJ1366" t="s">
        <v>181</v>
      </c>
      <c r="AK1366" t="s">
        <v>181</v>
      </c>
      <c r="AL1366" t="s">
        <v>42</v>
      </c>
      <c r="AM1366" t="s">
        <v>206</v>
      </c>
      <c r="AN1366" t="s">
        <v>201</v>
      </c>
      <c r="AO1366" t="s">
        <v>182</v>
      </c>
      <c r="AP1366" t="s">
        <v>184</v>
      </c>
      <c r="AQ1366" t="s">
        <v>203</v>
      </c>
      <c r="AR1366" t="s">
        <v>202</v>
      </c>
      <c r="AS1366" t="s">
        <v>204</v>
      </c>
      <c r="AT1366" t="s">
        <v>183</v>
      </c>
      <c r="AU1366" t="s">
        <v>205</v>
      </c>
      <c r="AV1366" t="s">
        <v>185</v>
      </c>
      <c r="AW1366" t="s">
        <v>2396</v>
      </c>
      <c r="AX1366" t="s">
        <v>186</v>
      </c>
      <c r="BA1366" t="s">
        <v>188</v>
      </c>
      <c r="BF1366" t="s">
        <v>232</v>
      </c>
      <c r="BG1366" t="s">
        <v>276</v>
      </c>
      <c r="BH1366" t="s">
        <v>190</v>
      </c>
      <c r="BK1366" t="s">
        <v>191</v>
      </c>
      <c r="BL1366" t="s">
        <v>518</v>
      </c>
      <c r="BM1366" t="s">
        <v>191</v>
      </c>
      <c r="BN1366" t="s">
        <v>2397</v>
      </c>
      <c r="BO1366" t="s">
        <v>191</v>
      </c>
      <c r="BP1366" t="s">
        <v>687</v>
      </c>
    </row>
    <row r="1367" spans="1:69" x14ac:dyDescent="0.25">
      <c r="A1367" s="1">
        <v>30466651</v>
      </c>
      <c r="B1367" t="s">
        <v>2398</v>
      </c>
      <c r="C1367" t="s">
        <v>39</v>
      </c>
      <c r="D1367" t="s">
        <v>1616</v>
      </c>
      <c r="E1367" t="s">
        <v>195</v>
      </c>
      <c r="L1367" t="s">
        <v>52</v>
      </c>
      <c r="M1367" s="1">
        <v>0</v>
      </c>
      <c r="N1367" s="1">
        <v>0</v>
      </c>
      <c r="O1367" t="s">
        <v>1616</v>
      </c>
      <c r="P1367" t="s">
        <v>176</v>
      </c>
      <c r="Q1367" t="s">
        <v>177</v>
      </c>
      <c r="S1367" t="s">
        <v>256</v>
      </c>
      <c r="T1367" t="s">
        <v>49</v>
      </c>
      <c r="X1367" t="s">
        <v>179</v>
      </c>
      <c r="Y1367" t="s">
        <v>224</v>
      </c>
      <c r="AC1367" t="s">
        <v>225</v>
      </c>
      <c r="AD1367" t="s">
        <v>181</v>
      </c>
      <c r="AE1367" t="s">
        <v>181</v>
      </c>
      <c r="AF1367" t="s">
        <v>181</v>
      </c>
      <c r="AG1367" t="s">
        <v>181</v>
      </c>
      <c r="AH1367" t="s">
        <v>181</v>
      </c>
      <c r="AI1367" t="s">
        <v>181</v>
      </c>
      <c r="AJ1367" t="s">
        <v>181</v>
      </c>
      <c r="AK1367" t="s">
        <v>181</v>
      </c>
      <c r="AL1367" t="s">
        <v>42</v>
      </c>
      <c r="AM1367" t="s">
        <v>184</v>
      </c>
      <c r="AN1367" t="s">
        <v>185</v>
      </c>
      <c r="AO1367" t="s">
        <v>182</v>
      </c>
      <c r="AP1367" t="s">
        <v>183</v>
      </c>
      <c r="AQ1367" t="s">
        <v>204</v>
      </c>
      <c r="AR1367" t="s">
        <v>202</v>
      </c>
      <c r="AS1367" t="s">
        <v>203</v>
      </c>
      <c r="AT1367" t="s">
        <v>206</v>
      </c>
      <c r="AU1367" t="s">
        <v>201</v>
      </c>
      <c r="AV1367" t="s">
        <v>205</v>
      </c>
      <c r="AX1367" t="s">
        <v>186</v>
      </c>
      <c r="AY1367" t="s">
        <v>187</v>
      </c>
      <c r="AZ1367" t="s">
        <v>207</v>
      </c>
      <c r="BF1367" t="s">
        <v>292</v>
      </c>
      <c r="BG1367" t="s">
        <v>233</v>
      </c>
      <c r="BH1367" t="s">
        <v>211</v>
      </c>
      <c r="BK1367" s="1">
        <v>0</v>
      </c>
      <c r="BL1367" t="s">
        <v>2399</v>
      </c>
      <c r="BM1367" t="s">
        <v>191</v>
      </c>
      <c r="BN1367" t="s">
        <v>2400</v>
      </c>
      <c r="BO1367" t="s">
        <v>191</v>
      </c>
      <c r="BP1367" t="s">
        <v>2401</v>
      </c>
    </row>
    <row r="1368" spans="1:69" x14ac:dyDescent="0.25">
      <c r="A1368" s="1">
        <v>30467037</v>
      </c>
      <c r="B1368" t="s">
        <v>4514</v>
      </c>
      <c r="C1368" t="s">
        <v>39</v>
      </c>
      <c r="D1368" t="s">
        <v>3727</v>
      </c>
      <c r="E1368" t="s">
        <v>195</v>
      </c>
      <c r="L1368" t="s">
        <v>52</v>
      </c>
      <c r="M1368" s="1">
        <v>0</v>
      </c>
      <c r="N1368" s="1">
        <v>0</v>
      </c>
      <c r="O1368" t="s">
        <v>3728</v>
      </c>
      <c r="P1368" t="s">
        <v>176</v>
      </c>
      <c r="Q1368" t="s">
        <v>238</v>
      </c>
      <c r="S1368" t="s">
        <v>178</v>
      </c>
      <c r="T1368" t="s">
        <v>197</v>
      </c>
      <c r="U1368" t="s">
        <v>4515</v>
      </c>
      <c r="X1368" t="s">
        <v>179</v>
      </c>
      <c r="Y1368" t="s">
        <v>224</v>
      </c>
      <c r="AC1368" t="s">
        <v>180</v>
      </c>
      <c r="AD1368" t="s">
        <v>175</v>
      </c>
      <c r="AE1368" t="s">
        <v>175</v>
      </c>
      <c r="AF1368" t="s">
        <v>175</v>
      </c>
      <c r="AG1368" t="s">
        <v>175</v>
      </c>
      <c r="AH1368" t="s">
        <v>175</v>
      </c>
      <c r="AI1368" t="s">
        <v>175</v>
      </c>
      <c r="AJ1368" t="s">
        <v>175</v>
      </c>
      <c r="AK1368" t="s">
        <v>175</v>
      </c>
      <c r="AL1368" t="s">
        <v>42</v>
      </c>
      <c r="AM1368" t="s">
        <v>182</v>
      </c>
      <c r="AN1368" t="s">
        <v>184</v>
      </c>
      <c r="AO1368" t="s">
        <v>206</v>
      </c>
      <c r="AP1368" t="s">
        <v>185</v>
      </c>
      <c r="AQ1368" t="s">
        <v>201</v>
      </c>
      <c r="AR1368" t="s">
        <v>183</v>
      </c>
      <c r="AS1368" t="s">
        <v>202</v>
      </c>
      <c r="AT1368" t="s">
        <v>205</v>
      </c>
      <c r="AU1368" t="s">
        <v>204</v>
      </c>
      <c r="AV1368" t="s">
        <v>203</v>
      </c>
      <c r="AW1368" t="s">
        <v>4516</v>
      </c>
      <c r="AX1368" t="s">
        <v>186</v>
      </c>
      <c r="AY1368" t="s">
        <v>187</v>
      </c>
      <c r="AZ1368" t="s">
        <v>207</v>
      </c>
      <c r="BF1368" t="s">
        <v>49</v>
      </c>
      <c r="BG1368" s="1">
        <v>0</v>
      </c>
      <c r="BH1368" t="s">
        <v>211</v>
      </c>
      <c r="BK1368" t="s">
        <v>191</v>
      </c>
      <c r="BL1368" t="s">
        <v>479</v>
      </c>
      <c r="BM1368" t="s">
        <v>191</v>
      </c>
      <c r="BN1368" t="s">
        <v>2599</v>
      </c>
      <c r="BO1368" t="s">
        <v>191</v>
      </c>
      <c r="BP1368" t="s">
        <v>575</v>
      </c>
    </row>
    <row r="1369" spans="1:69" x14ac:dyDescent="0.25">
      <c r="A1369" s="1">
        <v>30467061</v>
      </c>
      <c r="B1369" t="s">
        <v>3023</v>
      </c>
      <c r="C1369" t="s">
        <v>39</v>
      </c>
      <c r="D1369" t="s">
        <v>2512</v>
      </c>
      <c r="E1369" t="s">
        <v>200</v>
      </c>
      <c r="L1369" t="s">
        <v>52</v>
      </c>
      <c r="M1369" s="1">
        <v>0</v>
      </c>
      <c r="N1369" s="1">
        <v>0</v>
      </c>
      <c r="O1369" t="s">
        <v>2512</v>
      </c>
      <c r="P1369" t="s">
        <v>216</v>
      </c>
      <c r="Q1369" t="s">
        <v>322</v>
      </c>
      <c r="S1369" s="1">
        <v>0</v>
      </c>
      <c r="T1369" t="s">
        <v>200</v>
      </c>
      <c r="X1369" t="s">
        <v>179</v>
      </c>
      <c r="AC1369" t="s">
        <v>266</v>
      </c>
      <c r="AD1369" t="s">
        <v>200</v>
      </c>
      <c r="AE1369" t="s">
        <v>175</v>
      </c>
      <c r="AF1369" t="s">
        <v>299</v>
      </c>
      <c r="AG1369" t="s">
        <v>175</v>
      </c>
      <c r="AH1369" t="s">
        <v>200</v>
      </c>
      <c r="AI1369" t="s">
        <v>200</v>
      </c>
      <c r="AJ1369" t="s">
        <v>200</v>
      </c>
      <c r="AK1369" t="s">
        <v>200</v>
      </c>
      <c r="AL1369" t="s">
        <v>42</v>
      </c>
      <c r="AM1369" t="s">
        <v>184</v>
      </c>
      <c r="AN1369" t="s">
        <v>182</v>
      </c>
      <c r="AO1369" t="s">
        <v>185</v>
      </c>
      <c r="AP1369" t="s">
        <v>201</v>
      </c>
      <c r="AQ1369" t="s">
        <v>204</v>
      </c>
      <c r="AR1369" t="s">
        <v>202</v>
      </c>
      <c r="AS1369" t="s">
        <v>206</v>
      </c>
      <c r="AT1369" t="s">
        <v>205</v>
      </c>
      <c r="AU1369" t="s">
        <v>183</v>
      </c>
      <c r="AV1369" t="s">
        <v>203</v>
      </c>
      <c r="AW1369" t="s">
        <v>3024</v>
      </c>
      <c r="AX1369" t="s">
        <v>186</v>
      </c>
      <c r="AZ1369" t="s">
        <v>207</v>
      </c>
      <c r="BA1369" t="s">
        <v>188</v>
      </c>
      <c r="BF1369" t="s">
        <v>210</v>
      </c>
      <c r="BG1369" s="1">
        <v>0</v>
      </c>
      <c r="BH1369" t="s">
        <v>211</v>
      </c>
      <c r="BK1369" t="s">
        <v>191</v>
      </c>
      <c r="BL1369" t="s">
        <v>3025</v>
      </c>
      <c r="BM1369" t="s">
        <v>191</v>
      </c>
      <c r="BN1369" t="s">
        <v>3026</v>
      </c>
      <c r="BO1369" t="s">
        <v>191</v>
      </c>
      <c r="BP1369" t="s">
        <v>3027</v>
      </c>
    </row>
    <row r="1370" spans="1:69" x14ac:dyDescent="0.25">
      <c r="A1370" s="1">
        <v>30467081</v>
      </c>
      <c r="B1370" t="s">
        <v>2402</v>
      </c>
      <c r="C1370" t="s">
        <v>39</v>
      </c>
      <c r="D1370" t="s">
        <v>1616</v>
      </c>
      <c r="E1370" t="s">
        <v>200</v>
      </c>
      <c r="L1370" t="s">
        <v>52</v>
      </c>
      <c r="M1370" s="1">
        <v>0</v>
      </c>
      <c r="N1370" s="1">
        <v>0</v>
      </c>
      <c r="O1370" t="s">
        <v>1616</v>
      </c>
      <c r="P1370" t="s">
        <v>176</v>
      </c>
      <c r="Q1370" t="s">
        <v>177</v>
      </c>
      <c r="S1370" t="s">
        <v>178</v>
      </c>
      <c r="T1370" t="s">
        <v>200</v>
      </c>
      <c r="Y1370" t="s">
        <v>224</v>
      </c>
      <c r="AC1370" t="s">
        <v>180</v>
      </c>
      <c r="AD1370" t="s">
        <v>175</v>
      </c>
      <c r="AE1370" t="s">
        <v>175</v>
      </c>
      <c r="AF1370" t="s">
        <v>175</v>
      </c>
      <c r="AG1370" t="s">
        <v>175</v>
      </c>
      <c r="AH1370" t="s">
        <v>175</v>
      </c>
      <c r="AI1370" t="s">
        <v>175</v>
      </c>
      <c r="AJ1370" t="s">
        <v>175</v>
      </c>
      <c r="AK1370" t="s">
        <v>175</v>
      </c>
      <c r="AL1370" t="s">
        <v>42</v>
      </c>
      <c r="AM1370" t="s">
        <v>184</v>
      </c>
      <c r="AN1370" t="s">
        <v>206</v>
      </c>
      <c r="AO1370" t="s">
        <v>182</v>
      </c>
      <c r="AP1370" t="s">
        <v>185</v>
      </c>
      <c r="AQ1370" t="s">
        <v>183</v>
      </c>
      <c r="AR1370" t="s">
        <v>201</v>
      </c>
      <c r="AS1370" t="s">
        <v>202</v>
      </c>
      <c r="AT1370" t="s">
        <v>205</v>
      </c>
      <c r="AU1370" t="s">
        <v>204</v>
      </c>
      <c r="AV1370" t="s">
        <v>203</v>
      </c>
      <c r="AX1370" t="s">
        <v>186</v>
      </c>
      <c r="AY1370" t="s">
        <v>187</v>
      </c>
      <c r="AZ1370" t="s">
        <v>207</v>
      </c>
      <c r="BC1370" t="s">
        <v>209</v>
      </c>
      <c r="BF1370" t="s">
        <v>210</v>
      </c>
      <c r="BG1370" s="1">
        <v>0</v>
      </c>
      <c r="BH1370" t="s">
        <v>247</v>
      </c>
      <c r="BK1370" t="s">
        <v>191</v>
      </c>
      <c r="BL1370" t="s">
        <v>317</v>
      </c>
      <c r="BM1370" t="s">
        <v>191</v>
      </c>
      <c r="BN1370" t="s">
        <v>2403</v>
      </c>
      <c r="BO1370" t="s">
        <v>218</v>
      </c>
      <c r="BP1370" t="s">
        <v>2404</v>
      </c>
    </row>
    <row r="1371" spans="1:69" x14ac:dyDescent="0.25">
      <c r="A1371" s="1">
        <v>30467157</v>
      </c>
      <c r="B1371" t="s">
        <v>2405</v>
      </c>
      <c r="C1371" t="s">
        <v>39</v>
      </c>
      <c r="D1371" t="s">
        <v>1616</v>
      </c>
      <c r="E1371" t="s">
        <v>216</v>
      </c>
      <c r="L1371" t="s">
        <v>52</v>
      </c>
      <c r="M1371" s="1">
        <v>0</v>
      </c>
      <c r="N1371" s="1">
        <v>0</v>
      </c>
      <c r="O1371" t="s">
        <v>1616</v>
      </c>
      <c r="P1371" t="s">
        <v>216</v>
      </c>
      <c r="Q1371" t="s">
        <v>177</v>
      </c>
      <c r="S1371" s="1">
        <v>0</v>
      </c>
      <c r="T1371" t="s">
        <v>197</v>
      </c>
      <c r="Y1371" t="s">
        <v>224</v>
      </c>
      <c r="AC1371" t="s">
        <v>49</v>
      </c>
      <c r="AD1371" t="s">
        <v>181</v>
      </c>
      <c r="AE1371" t="s">
        <v>181</v>
      </c>
      <c r="AF1371" t="s">
        <v>181</v>
      </c>
      <c r="AG1371" t="s">
        <v>175</v>
      </c>
      <c r="AH1371" t="s">
        <v>299</v>
      </c>
      <c r="AI1371" t="s">
        <v>175</v>
      </c>
      <c r="AJ1371" t="s">
        <v>181</v>
      </c>
      <c r="AK1371" t="s">
        <v>181</v>
      </c>
      <c r="AL1371" t="s">
        <v>42</v>
      </c>
      <c r="AM1371" t="s">
        <v>185</v>
      </c>
      <c r="AN1371" s="1">
        <v>0</v>
      </c>
      <c r="AO1371" s="1">
        <v>0</v>
      </c>
      <c r="AP1371" t="s">
        <v>183</v>
      </c>
      <c r="AQ1371" t="s">
        <v>182</v>
      </c>
      <c r="AR1371" t="s">
        <v>184</v>
      </c>
      <c r="AS1371" s="1">
        <v>0</v>
      </c>
      <c r="AT1371" s="1">
        <v>0</v>
      </c>
      <c r="AU1371" s="1">
        <v>0</v>
      </c>
      <c r="AV1371" s="1">
        <v>0</v>
      </c>
      <c r="BF1371" s="1">
        <v>0</v>
      </c>
      <c r="BG1371" s="1">
        <v>0</v>
      </c>
      <c r="BH1371" s="1">
        <v>0</v>
      </c>
      <c r="BK1371" s="1">
        <v>0</v>
      </c>
      <c r="BM1371" s="1">
        <v>0</v>
      </c>
      <c r="BO1371" s="1">
        <v>0</v>
      </c>
    </row>
    <row r="1372" spans="1:69" x14ac:dyDescent="0.25">
      <c r="A1372" s="1">
        <v>30467519</v>
      </c>
      <c r="B1372" t="s">
        <v>1517</v>
      </c>
      <c r="C1372" t="s">
        <v>39</v>
      </c>
      <c r="D1372" t="s">
        <v>942</v>
      </c>
      <c r="E1372" t="s">
        <v>175</v>
      </c>
      <c r="L1372" t="s">
        <v>52</v>
      </c>
      <c r="M1372" s="1">
        <v>0</v>
      </c>
      <c r="N1372" s="1">
        <v>0</v>
      </c>
      <c r="O1372" t="s">
        <v>942</v>
      </c>
      <c r="P1372" t="s">
        <v>216</v>
      </c>
      <c r="Q1372" t="s">
        <v>177</v>
      </c>
      <c r="S1372" s="1">
        <v>0</v>
      </c>
      <c r="T1372" t="s">
        <v>175</v>
      </c>
      <c r="W1372" t="s">
        <v>262</v>
      </c>
      <c r="AC1372" t="s">
        <v>180</v>
      </c>
      <c r="AD1372" t="s">
        <v>175</v>
      </c>
      <c r="AE1372" t="s">
        <v>175</v>
      </c>
      <c r="AF1372" t="s">
        <v>175</v>
      </c>
      <c r="AG1372" t="s">
        <v>175</v>
      </c>
      <c r="AH1372" t="s">
        <v>175</v>
      </c>
      <c r="AI1372" t="s">
        <v>175</v>
      </c>
      <c r="AJ1372" t="s">
        <v>175</v>
      </c>
      <c r="AK1372" t="s">
        <v>175</v>
      </c>
      <c r="AL1372" s="1">
        <v>0</v>
      </c>
      <c r="AM1372" s="1">
        <v>0</v>
      </c>
      <c r="AN1372" s="1">
        <v>0</v>
      </c>
      <c r="AO1372" s="1">
        <v>0</v>
      </c>
      <c r="AP1372" s="1">
        <v>0</v>
      </c>
      <c r="AQ1372" s="1">
        <v>0</v>
      </c>
      <c r="AR1372" s="1">
        <v>0</v>
      </c>
      <c r="AS1372" s="1">
        <v>0</v>
      </c>
      <c r="AT1372" s="1">
        <v>0</v>
      </c>
      <c r="AU1372" s="1">
        <v>0</v>
      </c>
      <c r="AV1372" s="1">
        <v>0</v>
      </c>
      <c r="BF1372" s="1">
        <v>0</v>
      </c>
      <c r="BG1372" s="1">
        <v>0</v>
      </c>
      <c r="BH1372" s="1">
        <v>0</v>
      </c>
      <c r="BK1372" s="1">
        <v>0</v>
      </c>
      <c r="BM1372" s="1">
        <v>0</v>
      </c>
      <c r="BO1372" s="1">
        <v>0</v>
      </c>
    </row>
    <row r="1373" spans="1:69" x14ac:dyDescent="0.25">
      <c r="A1373" s="1">
        <v>30467587</v>
      </c>
      <c r="B1373" t="s">
        <v>4517</v>
      </c>
      <c r="C1373" t="s">
        <v>39</v>
      </c>
      <c r="D1373" t="s">
        <v>3727</v>
      </c>
      <c r="E1373" t="s">
        <v>175</v>
      </c>
      <c r="L1373" t="s">
        <v>52</v>
      </c>
      <c r="M1373" s="1">
        <v>0</v>
      </c>
      <c r="N1373" s="1">
        <v>0</v>
      </c>
      <c r="O1373" t="s">
        <v>3728</v>
      </c>
      <c r="P1373" t="s">
        <v>176</v>
      </c>
      <c r="Q1373" t="s">
        <v>258</v>
      </c>
      <c r="S1373" t="s">
        <v>178</v>
      </c>
      <c r="T1373" t="s">
        <v>175</v>
      </c>
      <c r="Y1373" t="s">
        <v>224</v>
      </c>
      <c r="AC1373" t="s">
        <v>199</v>
      </c>
      <c r="AD1373" s="1">
        <v>0</v>
      </c>
      <c r="AE1373" s="1">
        <v>0</v>
      </c>
      <c r="AF1373" s="1">
        <v>0</v>
      </c>
      <c r="AG1373" s="1">
        <v>0</v>
      </c>
      <c r="AH1373" s="1">
        <v>0</v>
      </c>
      <c r="AI1373" s="1">
        <v>0</v>
      </c>
      <c r="AJ1373" s="1">
        <v>0</v>
      </c>
      <c r="AK1373" s="1">
        <v>0</v>
      </c>
      <c r="AL1373" s="1">
        <v>0</v>
      </c>
      <c r="AM1373" s="1">
        <v>0</v>
      </c>
      <c r="AN1373" s="1">
        <v>0</v>
      </c>
      <c r="AO1373" s="1">
        <v>0</v>
      </c>
      <c r="AP1373" s="1">
        <v>0</v>
      </c>
      <c r="AQ1373" s="1">
        <v>0</v>
      </c>
      <c r="AR1373" s="1">
        <v>0</v>
      </c>
      <c r="AS1373" s="1">
        <v>0</v>
      </c>
      <c r="AT1373" s="1">
        <v>0</v>
      </c>
      <c r="AU1373" s="1">
        <v>0</v>
      </c>
      <c r="AV1373" s="1">
        <v>0</v>
      </c>
      <c r="BF1373" s="1">
        <v>0</v>
      </c>
      <c r="BG1373" s="1">
        <v>0</v>
      </c>
      <c r="BH1373" s="1">
        <v>0</v>
      </c>
      <c r="BK1373" s="1">
        <v>0</v>
      </c>
      <c r="BM1373" s="1">
        <v>0</v>
      </c>
      <c r="BO1373" s="1">
        <v>0</v>
      </c>
    </row>
    <row r="1374" spans="1:69" x14ac:dyDescent="0.25">
      <c r="A1374" s="1">
        <v>30467604</v>
      </c>
      <c r="B1374" t="s">
        <v>2406</v>
      </c>
      <c r="C1374" t="s">
        <v>39</v>
      </c>
      <c r="D1374" t="s">
        <v>1616</v>
      </c>
      <c r="E1374" t="s">
        <v>195</v>
      </c>
      <c r="L1374" t="s">
        <v>52</v>
      </c>
      <c r="M1374" s="1">
        <v>0</v>
      </c>
      <c r="N1374" s="1">
        <v>0</v>
      </c>
      <c r="O1374" t="s">
        <v>1616</v>
      </c>
      <c r="P1374" t="s">
        <v>176</v>
      </c>
      <c r="Q1374" t="s">
        <v>196</v>
      </c>
      <c r="S1374" t="s">
        <v>178</v>
      </c>
      <c r="T1374" t="s">
        <v>197</v>
      </c>
      <c r="U1374" t="s">
        <v>2407</v>
      </c>
      <c r="AC1374" t="s">
        <v>180</v>
      </c>
      <c r="AD1374" t="s">
        <v>181</v>
      </c>
      <c r="AE1374" t="s">
        <v>181</v>
      </c>
      <c r="AF1374" t="s">
        <v>181</v>
      </c>
      <c r="AG1374" t="s">
        <v>181</v>
      </c>
      <c r="AH1374" t="s">
        <v>181</v>
      </c>
      <c r="AI1374" t="s">
        <v>181</v>
      </c>
      <c r="AJ1374" t="s">
        <v>181</v>
      </c>
      <c r="AK1374" t="s">
        <v>181</v>
      </c>
      <c r="AL1374" t="s">
        <v>42</v>
      </c>
      <c r="AM1374" s="1">
        <v>0</v>
      </c>
      <c r="AN1374" s="1">
        <v>0</v>
      </c>
      <c r="AO1374" s="1">
        <v>0</v>
      </c>
      <c r="AP1374" s="1">
        <v>0</v>
      </c>
      <c r="AQ1374" s="1">
        <v>0</v>
      </c>
      <c r="AR1374" s="1">
        <v>0</v>
      </c>
      <c r="AS1374" s="1">
        <v>0</v>
      </c>
      <c r="AT1374" s="1">
        <v>0</v>
      </c>
      <c r="AU1374" s="1">
        <v>0</v>
      </c>
      <c r="AV1374" s="1">
        <v>0</v>
      </c>
      <c r="AY1374" t="s">
        <v>187</v>
      </c>
      <c r="AZ1374" t="s">
        <v>207</v>
      </c>
      <c r="BA1374" t="s">
        <v>188</v>
      </c>
      <c r="BF1374" t="s">
        <v>210</v>
      </c>
      <c r="BG1374" s="1">
        <v>0</v>
      </c>
      <c r="BH1374" t="s">
        <v>211</v>
      </c>
      <c r="BK1374" t="s">
        <v>191</v>
      </c>
      <c r="BL1374" t="s">
        <v>1419</v>
      </c>
      <c r="BM1374" t="s">
        <v>191</v>
      </c>
      <c r="BN1374" t="s">
        <v>1419</v>
      </c>
      <c r="BO1374" t="s">
        <v>191</v>
      </c>
      <c r="BP1374" t="s">
        <v>2408</v>
      </c>
    </row>
    <row r="1375" spans="1:69" x14ac:dyDescent="0.25">
      <c r="A1375" s="1">
        <v>30467667</v>
      </c>
      <c r="B1375" t="s">
        <v>3028</v>
      </c>
      <c r="C1375" t="s">
        <v>39</v>
      </c>
      <c r="D1375" t="s">
        <v>2512</v>
      </c>
      <c r="E1375" t="s">
        <v>175</v>
      </c>
      <c r="L1375" t="s">
        <v>52</v>
      </c>
      <c r="M1375" s="1">
        <v>0</v>
      </c>
      <c r="N1375" s="1">
        <v>0</v>
      </c>
      <c r="O1375" t="s">
        <v>2512</v>
      </c>
      <c r="P1375" t="s">
        <v>216</v>
      </c>
      <c r="Q1375" t="s">
        <v>273</v>
      </c>
      <c r="R1375" t="s">
        <v>3029</v>
      </c>
      <c r="S1375" s="1">
        <v>0</v>
      </c>
      <c r="T1375" t="s">
        <v>175</v>
      </c>
      <c r="Y1375" t="s">
        <v>224</v>
      </c>
      <c r="AC1375" t="s">
        <v>266</v>
      </c>
      <c r="AD1375" t="s">
        <v>175</v>
      </c>
      <c r="AE1375" t="s">
        <v>175</v>
      </c>
      <c r="AF1375" t="s">
        <v>175</v>
      </c>
      <c r="AG1375" t="s">
        <v>181</v>
      </c>
      <c r="AH1375" t="s">
        <v>200</v>
      </c>
      <c r="AI1375" t="s">
        <v>175</v>
      </c>
      <c r="AJ1375" t="s">
        <v>200</v>
      </c>
      <c r="AK1375" t="s">
        <v>175</v>
      </c>
      <c r="AL1375" t="s">
        <v>42</v>
      </c>
      <c r="AM1375" t="s">
        <v>205</v>
      </c>
      <c r="AN1375" t="s">
        <v>185</v>
      </c>
      <c r="AO1375" t="s">
        <v>204</v>
      </c>
      <c r="AP1375" t="s">
        <v>202</v>
      </c>
      <c r="AQ1375" t="s">
        <v>184</v>
      </c>
      <c r="AR1375" t="s">
        <v>182</v>
      </c>
      <c r="AS1375" t="s">
        <v>203</v>
      </c>
      <c r="AT1375" t="s">
        <v>183</v>
      </c>
      <c r="AU1375" t="s">
        <v>201</v>
      </c>
      <c r="AV1375" t="s">
        <v>206</v>
      </c>
      <c r="AX1375" t="s">
        <v>186</v>
      </c>
      <c r="AY1375" t="s">
        <v>187</v>
      </c>
      <c r="AZ1375" t="s">
        <v>207</v>
      </c>
      <c r="BA1375" t="s">
        <v>188</v>
      </c>
      <c r="BB1375" t="s">
        <v>208</v>
      </c>
      <c r="BD1375" t="s">
        <v>273</v>
      </c>
      <c r="BE1375" t="s">
        <v>3030</v>
      </c>
      <c r="BF1375" t="s">
        <v>210</v>
      </c>
      <c r="BG1375" s="1">
        <v>0</v>
      </c>
      <c r="BH1375" t="s">
        <v>247</v>
      </c>
      <c r="BK1375" t="s">
        <v>191</v>
      </c>
      <c r="BL1375" t="s">
        <v>3031</v>
      </c>
      <c r="BM1375" t="s">
        <v>218</v>
      </c>
      <c r="BN1375" t="s">
        <v>3032</v>
      </c>
      <c r="BO1375" t="s">
        <v>191</v>
      </c>
      <c r="BP1375" t="s">
        <v>3033</v>
      </c>
      <c r="BQ1375" t="s">
        <v>3034</v>
      </c>
    </row>
    <row r="1376" spans="1:69" x14ac:dyDescent="0.25">
      <c r="A1376" s="1">
        <v>30467687</v>
      </c>
      <c r="B1376" t="s">
        <v>3035</v>
      </c>
      <c r="C1376" t="s">
        <v>39</v>
      </c>
      <c r="D1376" t="s">
        <v>2512</v>
      </c>
      <c r="E1376" t="s">
        <v>200</v>
      </c>
      <c r="L1376" t="s">
        <v>52</v>
      </c>
      <c r="M1376" s="1">
        <v>0</v>
      </c>
      <c r="N1376" s="1">
        <v>0</v>
      </c>
      <c r="O1376" t="s">
        <v>2512</v>
      </c>
      <c r="P1376" t="s">
        <v>176</v>
      </c>
      <c r="Q1376" t="s">
        <v>177</v>
      </c>
      <c r="S1376" t="s">
        <v>178</v>
      </c>
      <c r="T1376" t="s">
        <v>200</v>
      </c>
      <c r="AA1376" t="s">
        <v>273</v>
      </c>
      <c r="AB1376" t="s">
        <v>3036</v>
      </c>
      <c r="AC1376" t="s">
        <v>199</v>
      </c>
      <c r="AD1376" t="s">
        <v>175</v>
      </c>
      <c r="AE1376" t="s">
        <v>175</v>
      </c>
      <c r="AF1376" t="s">
        <v>175</v>
      </c>
      <c r="AG1376" t="s">
        <v>175</v>
      </c>
      <c r="AH1376" t="s">
        <v>181</v>
      </c>
      <c r="AI1376" t="s">
        <v>175</v>
      </c>
      <c r="AJ1376" t="s">
        <v>175</v>
      </c>
      <c r="AK1376" t="s">
        <v>175</v>
      </c>
      <c r="AL1376" t="s">
        <v>42</v>
      </c>
      <c r="AM1376" t="s">
        <v>183</v>
      </c>
      <c r="AN1376" t="s">
        <v>206</v>
      </c>
      <c r="AO1376" t="s">
        <v>185</v>
      </c>
      <c r="AP1376" t="s">
        <v>201</v>
      </c>
      <c r="AQ1376" t="s">
        <v>184</v>
      </c>
      <c r="AR1376" t="s">
        <v>182</v>
      </c>
      <c r="AS1376" t="s">
        <v>203</v>
      </c>
      <c r="AT1376" t="s">
        <v>205</v>
      </c>
      <c r="AU1376" t="s">
        <v>204</v>
      </c>
      <c r="AV1376" t="s">
        <v>202</v>
      </c>
      <c r="AW1376" t="s">
        <v>3037</v>
      </c>
      <c r="AX1376" t="s">
        <v>186</v>
      </c>
      <c r="AY1376" t="s">
        <v>187</v>
      </c>
      <c r="BA1376" t="s">
        <v>188</v>
      </c>
      <c r="BF1376" t="s">
        <v>210</v>
      </c>
      <c r="BG1376" s="1">
        <v>0</v>
      </c>
      <c r="BH1376" t="s">
        <v>211</v>
      </c>
      <c r="BK1376" t="s">
        <v>191</v>
      </c>
      <c r="BL1376" t="s">
        <v>3038</v>
      </c>
      <c r="BM1376" t="s">
        <v>191</v>
      </c>
      <c r="BN1376" t="s">
        <v>1007</v>
      </c>
      <c r="BO1376" t="s">
        <v>191</v>
      </c>
      <c r="BP1376" t="s">
        <v>3039</v>
      </c>
      <c r="BQ1376" t="s">
        <v>3040</v>
      </c>
    </row>
    <row r="1377" spans="1:69" x14ac:dyDescent="0.25">
      <c r="A1377" s="1">
        <v>30467864</v>
      </c>
      <c r="B1377" t="s">
        <v>2409</v>
      </c>
      <c r="C1377" t="s">
        <v>39</v>
      </c>
      <c r="D1377" t="s">
        <v>1616</v>
      </c>
      <c r="E1377" t="s">
        <v>200</v>
      </c>
      <c r="L1377" t="s">
        <v>52</v>
      </c>
      <c r="M1377" s="1">
        <v>0</v>
      </c>
      <c r="N1377" s="1">
        <v>0</v>
      </c>
      <c r="O1377" t="s">
        <v>1616</v>
      </c>
      <c r="P1377" t="s">
        <v>176</v>
      </c>
      <c r="Q1377" t="s">
        <v>177</v>
      </c>
      <c r="S1377" t="s">
        <v>178</v>
      </c>
      <c r="T1377" t="s">
        <v>200</v>
      </c>
      <c r="Y1377" t="s">
        <v>224</v>
      </c>
      <c r="AC1377" t="s">
        <v>180</v>
      </c>
      <c r="AD1377" t="s">
        <v>200</v>
      </c>
      <c r="AE1377" t="s">
        <v>200</v>
      </c>
      <c r="AF1377" t="s">
        <v>200</v>
      </c>
      <c r="AG1377" t="s">
        <v>175</v>
      </c>
      <c r="AH1377" t="s">
        <v>200</v>
      </c>
      <c r="AI1377" t="s">
        <v>200</v>
      </c>
      <c r="AJ1377" t="s">
        <v>175</v>
      </c>
      <c r="AK1377" t="s">
        <v>200</v>
      </c>
      <c r="AL1377" t="s">
        <v>42</v>
      </c>
      <c r="AM1377" t="s">
        <v>203</v>
      </c>
      <c r="AN1377" t="s">
        <v>184</v>
      </c>
      <c r="AO1377" t="s">
        <v>182</v>
      </c>
      <c r="AP1377" t="s">
        <v>204</v>
      </c>
      <c r="AQ1377" t="s">
        <v>206</v>
      </c>
      <c r="AR1377" t="s">
        <v>201</v>
      </c>
      <c r="AS1377" t="s">
        <v>205</v>
      </c>
      <c r="AT1377" t="s">
        <v>185</v>
      </c>
      <c r="AU1377" t="s">
        <v>183</v>
      </c>
      <c r="AV1377" t="s">
        <v>202</v>
      </c>
      <c r="BC1377" t="s">
        <v>209</v>
      </c>
      <c r="BF1377" t="s">
        <v>210</v>
      </c>
      <c r="BG1377" s="1">
        <v>0</v>
      </c>
      <c r="BH1377" t="s">
        <v>247</v>
      </c>
      <c r="BK1377" t="s">
        <v>191</v>
      </c>
      <c r="BL1377" t="s">
        <v>2410</v>
      </c>
      <c r="BM1377" t="s">
        <v>191</v>
      </c>
      <c r="BN1377" t="s">
        <v>2411</v>
      </c>
      <c r="BO1377" t="s">
        <v>191</v>
      </c>
    </row>
    <row r="1378" spans="1:69" x14ac:dyDescent="0.25">
      <c r="A1378" s="1">
        <v>30467904</v>
      </c>
      <c r="B1378" t="s">
        <v>820</v>
      </c>
      <c r="C1378" t="s">
        <v>39</v>
      </c>
      <c r="D1378" t="s">
        <v>174</v>
      </c>
      <c r="E1378" t="s">
        <v>216</v>
      </c>
      <c r="L1378" t="s">
        <v>52</v>
      </c>
      <c r="M1378" s="1">
        <v>0</v>
      </c>
      <c r="N1378" s="1">
        <v>0</v>
      </c>
      <c r="O1378" t="s">
        <v>174</v>
      </c>
      <c r="P1378" t="s">
        <v>216</v>
      </c>
      <c r="Q1378" t="s">
        <v>196</v>
      </c>
      <c r="S1378" s="1">
        <v>0</v>
      </c>
      <c r="T1378" t="s">
        <v>197</v>
      </c>
      <c r="U1378" t="s">
        <v>821</v>
      </c>
      <c r="Y1378" t="s">
        <v>224</v>
      </c>
      <c r="Z1378" t="s">
        <v>244</v>
      </c>
      <c r="AC1378" t="s">
        <v>180</v>
      </c>
      <c r="AD1378" s="1">
        <v>0</v>
      </c>
      <c r="AE1378" s="1">
        <v>0</v>
      </c>
      <c r="AF1378" s="1">
        <v>0</v>
      </c>
      <c r="AG1378" s="1">
        <v>0</v>
      </c>
      <c r="AH1378" s="1">
        <v>0</v>
      </c>
      <c r="AI1378" s="1">
        <v>0</v>
      </c>
      <c r="AJ1378" s="1">
        <v>0</v>
      </c>
      <c r="AK1378" s="1">
        <v>0</v>
      </c>
      <c r="AL1378" s="1">
        <v>0</v>
      </c>
      <c r="AM1378" s="1">
        <v>0</v>
      </c>
      <c r="AN1378" s="1">
        <v>0</v>
      </c>
      <c r="AO1378" s="1">
        <v>0</v>
      </c>
      <c r="AP1378" s="1">
        <v>0</v>
      </c>
      <c r="AQ1378" s="1">
        <v>0</v>
      </c>
      <c r="AR1378" s="1">
        <v>0</v>
      </c>
      <c r="AS1378" s="1">
        <v>0</v>
      </c>
      <c r="AT1378" s="1">
        <v>0</v>
      </c>
      <c r="AU1378" s="1">
        <v>0</v>
      </c>
      <c r="AV1378" s="1">
        <v>0</v>
      </c>
      <c r="BF1378" s="1">
        <v>0</v>
      </c>
      <c r="BG1378" s="1">
        <v>0</v>
      </c>
      <c r="BH1378" s="1">
        <v>0</v>
      </c>
      <c r="BK1378" s="1">
        <v>0</v>
      </c>
      <c r="BM1378" s="1">
        <v>0</v>
      </c>
      <c r="BO1378" s="1">
        <v>0</v>
      </c>
    </row>
    <row r="1379" spans="1:69" x14ac:dyDescent="0.25">
      <c r="A1379" s="1">
        <v>30468038</v>
      </c>
      <c r="B1379" t="s">
        <v>2412</v>
      </c>
      <c r="C1379" t="s">
        <v>39</v>
      </c>
      <c r="D1379" t="s">
        <v>1616</v>
      </c>
      <c r="E1379" t="s">
        <v>175</v>
      </c>
      <c r="L1379" t="s">
        <v>52</v>
      </c>
      <c r="M1379" s="1">
        <v>0</v>
      </c>
      <c r="N1379" s="1">
        <v>0</v>
      </c>
      <c r="O1379" t="s">
        <v>1616</v>
      </c>
      <c r="P1379" t="s">
        <v>176</v>
      </c>
      <c r="Q1379" t="s">
        <v>177</v>
      </c>
      <c r="S1379" t="s">
        <v>315</v>
      </c>
      <c r="T1379" t="s">
        <v>175</v>
      </c>
      <c r="X1379" t="s">
        <v>179</v>
      </c>
      <c r="Z1379" t="s">
        <v>244</v>
      </c>
      <c r="AC1379" t="s">
        <v>180</v>
      </c>
      <c r="AD1379" t="s">
        <v>175</v>
      </c>
      <c r="AE1379" t="s">
        <v>175</v>
      </c>
      <c r="AF1379" t="s">
        <v>175</v>
      </c>
      <c r="AG1379" t="s">
        <v>200</v>
      </c>
      <c r="AH1379" t="s">
        <v>200</v>
      </c>
      <c r="AI1379" t="s">
        <v>175</v>
      </c>
      <c r="AJ1379" t="s">
        <v>175</v>
      </c>
      <c r="AK1379" t="s">
        <v>175</v>
      </c>
      <c r="AL1379" t="s">
        <v>52</v>
      </c>
      <c r="AM1379" t="s">
        <v>182</v>
      </c>
      <c r="AN1379" t="s">
        <v>183</v>
      </c>
      <c r="AO1379" t="s">
        <v>204</v>
      </c>
      <c r="AP1379" t="s">
        <v>206</v>
      </c>
      <c r="AQ1379" t="s">
        <v>185</v>
      </c>
      <c r="AR1379" t="s">
        <v>203</v>
      </c>
      <c r="AS1379" t="s">
        <v>184</v>
      </c>
      <c r="AT1379" t="s">
        <v>201</v>
      </c>
      <c r="AU1379" t="s">
        <v>202</v>
      </c>
      <c r="AV1379" t="s">
        <v>205</v>
      </c>
      <c r="AX1379" t="s">
        <v>186</v>
      </c>
      <c r="AY1379" t="s">
        <v>187</v>
      </c>
      <c r="BC1379" t="s">
        <v>209</v>
      </c>
      <c r="BF1379" t="s">
        <v>292</v>
      </c>
      <c r="BG1379" t="s">
        <v>276</v>
      </c>
      <c r="BH1379" t="s">
        <v>211</v>
      </c>
      <c r="BK1379" t="s">
        <v>191</v>
      </c>
      <c r="BL1379" t="s">
        <v>2413</v>
      </c>
      <c r="BM1379" t="s">
        <v>191</v>
      </c>
      <c r="BN1379" t="s">
        <v>2414</v>
      </c>
      <c r="BO1379" t="s">
        <v>191</v>
      </c>
      <c r="BP1379" t="s">
        <v>2415</v>
      </c>
    </row>
    <row r="1380" spans="1:69" x14ac:dyDescent="0.25">
      <c r="A1380" s="1">
        <v>30468217</v>
      </c>
      <c r="B1380" t="s">
        <v>2416</v>
      </c>
      <c r="C1380" t="s">
        <v>39</v>
      </c>
      <c r="D1380" t="s">
        <v>1616</v>
      </c>
      <c r="E1380" t="s">
        <v>175</v>
      </c>
      <c r="L1380" t="s">
        <v>52</v>
      </c>
      <c r="M1380" s="1">
        <v>0</v>
      </c>
      <c r="N1380" s="1">
        <v>0</v>
      </c>
      <c r="O1380" t="s">
        <v>1616</v>
      </c>
      <c r="P1380" t="s">
        <v>176</v>
      </c>
      <c r="Q1380" t="s">
        <v>196</v>
      </c>
      <c r="S1380" t="s">
        <v>222</v>
      </c>
      <c r="T1380" t="s">
        <v>175</v>
      </c>
      <c r="AA1380" t="s">
        <v>273</v>
      </c>
      <c r="AB1380" t="s">
        <v>2417</v>
      </c>
      <c r="AC1380" t="s">
        <v>180</v>
      </c>
      <c r="AD1380" s="1">
        <v>0</v>
      </c>
      <c r="AE1380" s="1">
        <v>0</v>
      </c>
      <c r="AF1380" s="1">
        <v>0</v>
      </c>
      <c r="AG1380" s="1">
        <v>0</v>
      </c>
      <c r="AH1380" s="1">
        <v>0</v>
      </c>
      <c r="AI1380" s="1">
        <v>0</v>
      </c>
      <c r="AJ1380" s="1">
        <v>0</v>
      </c>
      <c r="AK1380" s="1">
        <v>0</v>
      </c>
      <c r="AL1380" s="1">
        <v>0</v>
      </c>
      <c r="AM1380" s="1">
        <v>0</v>
      </c>
      <c r="AN1380" s="1">
        <v>0</v>
      </c>
      <c r="AO1380" s="1">
        <v>0</v>
      </c>
      <c r="AP1380" s="1">
        <v>0</v>
      </c>
      <c r="AQ1380" s="1">
        <v>0</v>
      </c>
      <c r="AR1380" s="1">
        <v>0</v>
      </c>
      <c r="AS1380" s="1">
        <v>0</v>
      </c>
      <c r="AT1380" s="1">
        <v>0</v>
      </c>
      <c r="AU1380" s="1">
        <v>0</v>
      </c>
      <c r="AV1380" s="1">
        <v>0</v>
      </c>
      <c r="BF1380" s="1">
        <v>0</v>
      </c>
      <c r="BG1380" s="1">
        <v>0</v>
      </c>
      <c r="BH1380" s="1">
        <v>0</v>
      </c>
      <c r="BK1380" s="1">
        <v>0</v>
      </c>
      <c r="BM1380" s="1">
        <v>0</v>
      </c>
      <c r="BO1380" s="1">
        <v>0</v>
      </c>
    </row>
    <row r="1381" spans="1:69" x14ac:dyDescent="0.25">
      <c r="A1381" s="1">
        <v>30468262</v>
      </c>
      <c r="B1381" t="s">
        <v>3632</v>
      </c>
      <c r="C1381" t="s">
        <v>39</v>
      </c>
      <c r="D1381" t="s">
        <v>3138</v>
      </c>
      <c r="E1381" t="s">
        <v>200</v>
      </c>
      <c r="L1381" t="s">
        <v>52</v>
      </c>
      <c r="M1381" s="1">
        <v>0</v>
      </c>
      <c r="N1381" s="1">
        <v>0</v>
      </c>
      <c r="O1381" t="s">
        <v>3139</v>
      </c>
      <c r="P1381" t="s">
        <v>216</v>
      </c>
      <c r="Q1381" t="s">
        <v>322</v>
      </c>
      <c r="S1381" s="1">
        <v>0</v>
      </c>
      <c r="T1381" t="s">
        <v>200</v>
      </c>
      <c r="Y1381" t="s">
        <v>224</v>
      </c>
      <c r="AC1381" t="s">
        <v>199</v>
      </c>
      <c r="AD1381" t="s">
        <v>200</v>
      </c>
      <c r="AE1381" t="s">
        <v>200</v>
      </c>
      <c r="AF1381" t="s">
        <v>200</v>
      </c>
      <c r="AG1381" t="s">
        <v>200</v>
      </c>
      <c r="AH1381" t="s">
        <v>200</v>
      </c>
      <c r="AI1381" t="s">
        <v>200</v>
      </c>
      <c r="AJ1381" t="s">
        <v>200</v>
      </c>
      <c r="AK1381" t="s">
        <v>200</v>
      </c>
      <c r="AL1381" t="s">
        <v>42</v>
      </c>
      <c r="AM1381" t="s">
        <v>184</v>
      </c>
      <c r="AN1381" t="s">
        <v>205</v>
      </c>
      <c r="AO1381" t="s">
        <v>185</v>
      </c>
      <c r="AP1381" t="s">
        <v>201</v>
      </c>
      <c r="AQ1381" t="s">
        <v>182</v>
      </c>
      <c r="AR1381" t="s">
        <v>206</v>
      </c>
      <c r="AS1381" t="s">
        <v>203</v>
      </c>
      <c r="AT1381" t="s">
        <v>202</v>
      </c>
      <c r="AU1381" t="s">
        <v>183</v>
      </c>
      <c r="AV1381" t="s">
        <v>204</v>
      </c>
      <c r="AX1381" t="s">
        <v>186</v>
      </c>
      <c r="AY1381" t="s">
        <v>187</v>
      </c>
      <c r="AZ1381" t="s">
        <v>207</v>
      </c>
      <c r="BF1381" t="s">
        <v>210</v>
      </c>
      <c r="BG1381" s="1">
        <v>0</v>
      </c>
      <c r="BH1381" t="s">
        <v>211</v>
      </c>
      <c r="BK1381" t="s">
        <v>191</v>
      </c>
      <c r="BL1381" t="s">
        <v>3633</v>
      </c>
      <c r="BM1381" t="s">
        <v>191</v>
      </c>
      <c r="BN1381" t="s">
        <v>1129</v>
      </c>
      <c r="BO1381" t="s">
        <v>218</v>
      </c>
      <c r="BP1381" t="s">
        <v>3634</v>
      </c>
      <c r="BQ1381" t="s">
        <v>3635</v>
      </c>
    </row>
    <row r="1382" spans="1:69" x14ac:dyDescent="0.25">
      <c r="A1382" s="1">
        <v>30468282</v>
      </c>
      <c r="B1382" t="s">
        <v>3636</v>
      </c>
      <c r="C1382" t="s">
        <v>39</v>
      </c>
      <c r="D1382" t="s">
        <v>3138</v>
      </c>
      <c r="E1382" t="s">
        <v>216</v>
      </c>
      <c r="L1382" t="s">
        <v>52</v>
      </c>
      <c r="M1382" s="1">
        <v>0</v>
      </c>
      <c r="N1382" s="1">
        <v>0</v>
      </c>
      <c r="O1382" t="s">
        <v>3139</v>
      </c>
      <c r="P1382" t="s">
        <v>216</v>
      </c>
      <c r="Q1382" t="s">
        <v>196</v>
      </c>
      <c r="S1382" s="1">
        <v>0</v>
      </c>
      <c r="T1382" t="s">
        <v>197</v>
      </c>
      <c r="U1382" t="s">
        <v>3637</v>
      </c>
      <c r="X1382" t="s">
        <v>179</v>
      </c>
      <c r="AA1382" t="s">
        <v>273</v>
      </c>
      <c r="AB1382" t="s">
        <v>3638</v>
      </c>
      <c r="AC1382" t="s">
        <v>180</v>
      </c>
      <c r="AD1382" t="s">
        <v>230</v>
      </c>
      <c r="AE1382" t="s">
        <v>230</v>
      </c>
      <c r="AF1382" t="s">
        <v>230</v>
      </c>
      <c r="AG1382" t="s">
        <v>230</v>
      </c>
      <c r="AH1382" t="s">
        <v>175</v>
      </c>
      <c r="AI1382" t="s">
        <v>230</v>
      </c>
      <c r="AJ1382" t="s">
        <v>230</v>
      </c>
      <c r="AK1382" t="s">
        <v>299</v>
      </c>
      <c r="AL1382" t="s">
        <v>52</v>
      </c>
      <c r="AM1382" t="s">
        <v>184</v>
      </c>
      <c r="AN1382" t="s">
        <v>201</v>
      </c>
      <c r="AO1382" t="s">
        <v>183</v>
      </c>
      <c r="AP1382" t="s">
        <v>185</v>
      </c>
      <c r="AQ1382" t="s">
        <v>204</v>
      </c>
      <c r="AR1382" t="s">
        <v>202</v>
      </c>
      <c r="AS1382" t="s">
        <v>182</v>
      </c>
      <c r="AT1382" t="s">
        <v>206</v>
      </c>
      <c r="AU1382" t="s">
        <v>205</v>
      </c>
      <c r="AV1382" t="s">
        <v>203</v>
      </c>
      <c r="AW1382" t="s">
        <v>3639</v>
      </c>
      <c r="AX1382" t="s">
        <v>186</v>
      </c>
      <c r="AY1382" t="s">
        <v>187</v>
      </c>
      <c r="AZ1382" t="s">
        <v>207</v>
      </c>
      <c r="BA1382" t="s">
        <v>188</v>
      </c>
      <c r="BC1382" t="s">
        <v>209</v>
      </c>
      <c r="BF1382" t="s">
        <v>292</v>
      </c>
      <c r="BG1382" t="s">
        <v>315</v>
      </c>
      <c r="BH1382" t="s">
        <v>211</v>
      </c>
      <c r="BK1382" t="s">
        <v>191</v>
      </c>
      <c r="BL1382" t="s">
        <v>3640</v>
      </c>
      <c r="BM1382" t="s">
        <v>191</v>
      </c>
      <c r="BN1382" t="s">
        <v>3641</v>
      </c>
      <c r="BO1382" t="s">
        <v>191</v>
      </c>
      <c r="BP1382" t="s">
        <v>3642</v>
      </c>
      <c r="BQ1382" t="s">
        <v>3643</v>
      </c>
    </row>
    <row r="1383" spans="1:69" x14ac:dyDescent="0.25">
      <c r="A1383" s="1">
        <v>30468316</v>
      </c>
      <c r="B1383" t="s">
        <v>148</v>
      </c>
      <c r="C1383" t="s">
        <v>39</v>
      </c>
      <c r="L1383" s="1">
        <v>0</v>
      </c>
      <c r="M1383" s="1">
        <v>0</v>
      </c>
      <c r="N1383" s="1">
        <v>0</v>
      </c>
      <c r="O1383" s="1">
        <v>0</v>
      </c>
      <c r="P1383" s="1">
        <v>0</v>
      </c>
      <c r="Q1383" s="1">
        <v>0</v>
      </c>
      <c r="S1383" s="1">
        <v>0</v>
      </c>
      <c r="T1383" s="1">
        <v>0</v>
      </c>
      <c r="AC1383" s="1">
        <v>0</v>
      </c>
      <c r="AD1383" s="1">
        <v>0</v>
      </c>
      <c r="AE1383" s="1">
        <v>0</v>
      </c>
      <c r="AF1383" s="1">
        <v>0</v>
      </c>
      <c r="AG1383" s="1">
        <v>0</v>
      </c>
      <c r="AH1383" s="1">
        <v>0</v>
      </c>
      <c r="AI1383" s="1">
        <v>0</v>
      </c>
      <c r="AJ1383" s="1">
        <v>0</v>
      </c>
      <c r="AK1383" s="1">
        <v>0</v>
      </c>
      <c r="AL1383" s="1">
        <v>0</v>
      </c>
      <c r="AM1383" s="1">
        <v>0</v>
      </c>
      <c r="AN1383" s="1">
        <v>0</v>
      </c>
      <c r="AO1383" s="1">
        <v>0</v>
      </c>
      <c r="AP1383" s="1">
        <v>0</v>
      </c>
      <c r="AQ1383" s="1">
        <v>0</v>
      </c>
      <c r="AR1383" s="1">
        <v>0</v>
      </c>
      <c r="AS1383" s="1">
        <v>0</v>
      </c>
      <c r="AT1383" s="1">
        <v>0</v>
      </c>
      <c r="AU1383" s="1">
        <v>0</v>
      </c>
      <c r="AV1383" s="1">
        <v>0</v>
      </c>
      <c r="BF1383" s="1">
        <v>0</v>
      </c>
      <c r="BG1383" s="1">
        <v>0</v>
      </c>
      <c r="BH1383" s="1">
        <v>0</v>
      </c>
      <c r="BK1383" s="1">
        <v>0</v>
      </c>
      <c r="BM1383" s="1">
        <v>0</v>
      </c>
      <c r="BO1383" s="1">
        <v>0</v>
      </c>
    </row>
    <row r="1384" spans="1:69" x14ac:dyDescent="0.25">
      <c r="A1384" s="1">
        <v>30468383</v>
      </c>
      <c r="B1384" t="s">
        <v>3644</v>
      </c>
      <c r="C1384" t="s">
        <v>39</v>
      </c>
      <c r="D1384" t="s">
        <v>3138</v>
      </c>
      <c r="E1384" t="s">
        <v>175</v>
      </c>
      <c r="L1384" t="s">
        <v>52</v>
      </c>
      <c r="M1384" s="1">
        <v>0</v>
      </c>
      <c r="N1384" s="1">
        <v>0</v>
      </c>
      <c r="O1384" t="s">
        <v>3139</v>
      </c>
      <c r="P1384" t="s">
        <v>176</v>
      </c>
      <c r="Q1384" t="s">
        <v>196</v>
      </c>
      <c r="S1384" t="s">
        <v>178</v>
      </c>
      <c r="T1384" t="s">
        <v>175</v>
      </c>
      <c r="X1384" t="s">
        <v>179</v>
      </c>
      <c r="AC1384" t="s">
        <v>180</v>
      </c>
      <c r="AD1384" t="s">
        <v>175</v>
      </c>
      <c r="AE1384" t="s">
        <v>175</v>
      </c>
      <c r="AF1384" t="s">
        <v>175</v>
      </c>
      <c r="AG1384" t="s">
        <v>175</v>
      </c>
      <c r="AH1384" t="s">
        <v>175</v>
      </c>
      <c r="AI1384" t="s">
        <v>175</v>
      </c>
      <c r="AJ1384" t="s">
        <v>175</v>
      </c>
      <c r="AK1384" t="s">
        <v>175</v>
      </c>
      <c r="AL1384" t="s">
        <v>42</v>
      </c>
      <c r="AM1384" s="1">
        <v>0</v>
      </c>
      <c r="AN1384" t="s">
        <v>182</v>
      </c>
      <c r="AO1384" t="s">
        <v>185</v>
      </c>
      <c r="AP1384" s="1">
        <v>0</v>
      </c>
      <c r="AQ1384" s="1">
        <v>0</v>
      </c>
      <c r="AR1384" s="1">
        <v>0</v>
      </c>
      <c r="AS1384" s="1">
        <v>0</v>
      </c>
      <c r="AT1384" t="s">
        <v>184</v>
      </c>
      <c r="AU1384" s="1">
        <v>0</v>
      </c>
      <c r="AV1384" s="1">
        <v>0</v>
      </c>
      <c r="AX1384" t="s">
        <v>186</v>
      </c>
      <c r="AY1384" t="s">
        <v>187</v>
      </c>
      <c r="AZ1384" t="s">
        <v>207</v>
      </c>
      <c r="BB1384" t="s">
        <v>208</v>
      </c>
      <c r="BF1384" t="s">
        <v>210</v>
      </c>
      <c r="BG1384" s="1">
        <v>0</v>
      </c>
      <c r="BH1384" t="s">
        <v>211</v>
      </c>
      <c r="BK1384" t="s">
        <v>191</v>
      </c>
      <c r="BM1384" t="s">
        <v>191</v>
      </c>
      <c r="BO1384" t="s">
        <v>191</v>
      </c>
    </row>
    <row r="1385" spans="1:69" x14ac:dyDescent="0.25">
      <c r="A1385" s="1">
        <v>30468419</v>
      </c>
      <c r="B1385" t="s">
        <v>2418</v>
      </c>
      <c r="C1385" t="s">
        <v>39</v>
      </c>
      <c r="D1385" t="s">
        <v>1616</v>
      </c>
      <c r="E1385" t="s">
        <v>175</v>
      </c>
      <c r="L1385" t="s">
        <v>52</v>
      </c>
      <c r="M1385" s="1">
        <v>0</v>
      </c>
      <c r="N1385" s="1">
        <v>0</v>
      </c>
      <c r="O1385" t="s">
        <v>1616</v>
      </c>
      <c r="P1385" t="s">
        <v>216</v>
      </c>
      <c r="Q1385" t="s">
        <v>196</v>
      </c>
      <c r="S1385" s="1">
        <v>0</v>
      </c>
      <c r="T1385" t="s">
        <v>175</v>
      </c>
      <c r="Y1385" t="s">
        <v>224</v>
      </c>
      <c r="AC1385" t="s">
        <v>180</v>
      </c>
      <c r="AD1385" t="s">
        <v>175</v>
      </c>
      <c r="AE1385" t="s">
        <v>175</v>
      </c>
      <c r="AF1385" t="s">
        <v>175</v>
      </c>
      <c r="AG1385" t="s">
        <v>175</v>
      </c>
      <c r="AH1385" t="s">
        <v>175</v>
      </c>
      <c r="AI1385" t="s">
        <v>175</v>
      </c>
      <c r="AJ1385" t="s">
        <v>175</v>
      </c>
      <c r="AK1385" t="s">
        <v>175</v>
      </c>
      <c r="AL1385" t="s">
        <v>42</v>
      </c>
      <c r="AM1385" t="s">
        <v>182</v>
      </c>
      <c r="AN1385" s="1">
        <v>0</v>
      </c>
      <c r="AO1385" t="s">
        <v>184</v>
      </c>
      <c r="AP1385" s="1">
        <v>0</v>
      </c>
      <c r="AQ1385" s="1">
        <v>0</v>
      </c>
      <c r="AR1385" s="1">
        <v>0</v>
      </c>
      <c r="AS1385" t="s">
        <v>183</v>
      </c>
      <c r="AT1385" t="s">
        <v>185</v>
      </c>
      <c r="AU1385" s="1">
        <v>0</v>
      </c>
      <c r="AV1385" s="1">
        <v>0</v>
      </c>
      <c r="AX1385" t="s">
        <v>186</v>
      </c>
      <c r="AY1385" t="s">
        <v>187</v>
      </c>
      <c r="AZ1385" t="s">
        <v>207</v>
      </c>
      <c r="BA1385" t="s">
        <v>188</v>
      </c>
      <c r="BB1385" t="s">
        <v>208</v>
      </c>
      <c r="BC1385" t="s">
        <v>209</v>
      </c>
      <c r="BF1385" t="s">
        <v>232</v>
      </c>
      <c r="BG1385" t="s">
        <v>301</v>
      </c>
      <c r="BH1385" t="s">
        <v>211</v>
      </c>
      <c r="BK1385" t="s">
        <v>191</v>
      </c>
      <c r="BL1385" t="s">
        <v>2419</v>
      </c>
      <c r="BM1385" t="s">
        <v>218</v>
      </c>
      <c r="BN1385" t="s">
        <v>2420</v>
      </c>
      <c r="BO1385" t="s">
        <v>218</v>
      </c>
      <c r="BP1385" t="s">
        <v>2421</v>
      </c>
      <c r="BQ1385" t="s">
        <v>2422</v>
      </c>
    </row>
    <row r="1386" spans="1:69" x14ac:dyDescent="0.25">
      <c r="A1386" s="1">
        <v>30468638</v>
      </c>
      <c r="B1386" t="s">
        <v>4518</v>
      </c>
      <c r="C1386" t="s">
        <v>39</v>
      </c>
      <c r="D1386" t="s">
        <v>3727</v>
      </c>
      <c r="E1386" t="s">
        <v>200</v>
      </c>
      <c r="L1386" t="s">
        <v>52</v>
      </c>
      <c r="M1386" s="1">
        <v>0</v>
      </c>
      <c r="N1386" s="1">
        <v>0</v>
      </c>
      <c r="O1386" t="s">
        <v>3728</v>
      </c>
      <c r="P1386" t="s">
        <v>176</v>
      </c>
      <c r="Q1386" t="s">
        <v>238</v>
      </c>
      <c r="S1386" t="s">
        <v>178</v>
      </c>
      <c r="T1386" t="s">
        <v>200</v>
      </c>
      <c r="X1386" t="s">
        <v>179</v>
      </c>
      <c r="AC1386" t="s">
        <v>199</v>
      </c>
      <c r="AD1386" t="s">
        <v>175</v>
      </c>
      <c r="AE1386" t="s">
        <v>175</v>
      </c>
      <c r="AF1386" t="s">
        <v>175</v>
      </c>
      <c r="AG1386" t="s">
        <v>175</v>
      </c>
      <c r="AH1386" t="s">
        <v>175</v>
      </c>
      <c r="AI1386" t="s">
        <v>175</v>
      </c>
      <c r="AJ1386" t="s">
        <v>181</v>
      </c>
      <c r="AK1386" t="s">
        <v>181</v>
      </c>
      <c r="AL1386" t="s">
        <v>42</v>
      </c>
      <c r="AM1386" t="s">
        <v>182</v>
      </c>
      <c r="AN1386" t="s">
        <v>183</v>
      </c>
      <c r="AO1386" t="s">
        <v>184</v>
      </c>
      <c r="AP1386" s="1">
        <v>0</v>
      </c>
      <c r="AQ1386" s="1">
        <v>0</v>
      </c>
      <c r="AR1386" s="1">
        <v>0</v>
      </c>
      <c r="AS1386" s="1">
        <v>0</v>
      </c>
      <c r="AT1386" s="1">
        <v>0</v>
      </c>
      <c r="AU1386" s="1">
        <v>0</v>
      </c>
      <c r="AV1386" t="s">
        <v>185</v>
      </c>
      <c r="BF1386" s="1">
        <v>0</v>
      </c>
      <c r="BG1386" s="1">
        <v>0</v>
      </c>
      <c r="BH1386" s="1">
        <v>0</v>
      </c>
      <c r="BK1386" s="1">
        <v>0</v>
      </c>
      <c r="BM1386" s="1">
        <v>0</v>
      </c>
      <c r="BO1386" s="1">
        <v>0</v>
      </c>
    </row>
    <row r="1387" spans="1:69" x14ac:dyDescent="0.25">
      <c r="A1387" s="1">
        <v>30468648</v>
      </c>
      <c r="B1387" t="s">
        <v>1518</v>
      </c>
      <c r="C1387" t="s">
        <v>39</v>
      </c>
      <c r="D1387" t="s">
        <v>942</v>
      </c>
      <c r="E1387" t="s">
        <v>200</v>
      </c>
      <c r="L1387" t="s">
        <v>52</v>
      </c>
      <c r="M1387" s="1">
        <v>0</v>
      </c>
      <c r="N1387" s="1">
        <v>0</v>
      </c>
      <c r="O1387" t="s">
        <v>942</v>
      </c>
      <c r="P1387" t="s">
        <v>176</v>
      </c>
      <c r="Q1387" t="s">
        <v>177</v>
      </c>
      <c r="S1387" t="s">
        <v>178</v>
      </c>
      <c r="T1387" t="s">
        <v>200</v>
      </c>
      <c r="X1387" t="s">
        <v>179</v>
      </c>
      <c r="AC1387" t="s">
        <v>180</v>
      </c>
      <c r="AD1387" t="s">
        <v>200</v>
      </c>
      <c r="AE1387" t="s">
        <v>200</v>
      </c>
      <c r="AF1387" t="s">
        <v>299</v>
      </c>
      <c r="AG1387" t="s">
        <v>200</v>
      </c>
      <c r="AH1387" t="s">
        <v>200</v>
      </c>
      <c r="AI1387" t="s">
        <v>200</v>
      </c>
      <c r="AJ1387" t="s">
        <v>200</v>
      </c>
      <c r="AK1387" t="s">
        <v>200</v>
      </c>
      <c r="AL1387" t="s">
        <v>42</v>
      </c>
      <c r="AM1387" t="s">
        <v>184</v>
      </c>
      <c r="AN1387" t="s">
        <v>204</v>
      </c>
      <c r="AO1387" t="s">
        <v>183</v>
      </c>
      <c r="AP1387" t="s">
        <v>185</v>
      </c>
      <c r="AQ1387" t="s">
        <v>206</v>
      </c>
      <c r="AR1387" t="s">
        <v>201</v>
      </c>
      <c r="AS1387" t="s">
        <v>205</v>
      </c>
      <c r="AT1387" t="s">
        <v>203</v>
      </c>
      <c r="AU1387" t="s">
        <v>202</v>
      </c>
      <c r="AV1387" t="s">
        <v>182</v>
      </c>
      <c r="AW1387" t="s">
        <v>1519</v>
      </c>
      <c r="AZ1387" t="s">
        <v>207</v>
      </c>
      <c r="BA1387" t="s">
        <v>188</v>
      </c>
      <c r="BC1387" t="s">
        <v>209</v>
      </c>
      <c r="BF1387" t="s">
        <v>49</v>
      </c>
      <c r="BG1387" s="1">
        <v>0</v>
      </c>
      <c r="BH1387" t="s">
        <v>464</v>
      </c>
      <c r="BK1387" t="s">
        <v>191</v>
      </c>
      <c r="BL1387" t="s">
        <v>1520</v>
      </c>
      <c r="BM1387" t="s">
        <v>191</v>
      </c>
      <c r="BN1387" t="s">
        <v>1521</v>
      </c>
      <c r="BO1387" s="1">
        <v>0</v>
      </c>
      <c r="BP1387" t="s">
        <v>1522</v>
      </c>
      <c r="BQ1387" t="s">
        <v>1523</v>
      </c>
    </row>
    <row r="1388" spans="1:69" x14ac:dyDescent="0.25">
      <c r="A1388" s="1">
        <v>30468777</v>
      </c>
      <c r="B1388" t="s">
        <v>4519</v>
      </c>
      <c r="C1388" t="s">
        <v>39</v>
      </c>
      <c r="D1388" t="s">
        <v>3727</v>
      </c>
      <c r="E1388" t="s">
        <v>200</v>
      </c>
      <c r="L1388" t="s">
        <v>52</v>
      </c>
      <c r="M1388" s="1">
        <v>0</v>
      </c>
      <c r="N1388" s="1">
        <v>0</v>
      </c>
      <c r="O1388" t="s">
        <v>3728</v>
      </c>
      <c r="P1388" t="s">
        <v>176</v>
      </c>
      <c r="Q1388" t="s">
        <v>238</v>
      </c>
      <c r="S1388" t="s">
        <v>178</v>
      </c>
      <c r="T1388" t="s">
        <v>200</v>
      </c>
      <c r="AA1388" t="s">
        <v>273</v>
      </c>
      <c r="AB1388" t="s">
        <v>175</v>
      </c>
      <c r="AC1388" t="s">
        <v>199</v>
      </c>
      <c r="AD1388" t="s">
        <v>200</v>
      </c>
      <c r="AE1388" t="s">
        <v>200</v>
      </c>
      <c r="AF1388" t="s">
        <v>200</v>
      </c>
      <c r="AG1388" t="s">
        <v>200</v>
      </c>
      <c r="AH1388" t="s">
        <v>200</v>
      </c>
      <c r="AI1388" t="s">
        <v>200</v>
      </c>
      <c r="AJ1388" t="s">
        <v>200</v>
      </c>
      <c r="AK1388" t="s">
        <v>200</v>
      </c>
      <c r="AL1388" t="s">
        <v>42</v>
      </c>
      <c r="AM1388" t="s">
        <v>185</v>
      </c>
      <c r="AN1388" t="s">
        <v>201</v>
      </c>
      <c r="AO1388" t="s">
        <v>182</v>
      </c>
      <c r="AP1388" t="s">
        <v>184</v>
      </c>
      <c r="AQ1388" t="s">
        <v>202</v>
      </c>
      <c r="AR1388" t="s">
        <v>203</v>
      </c>
      <c r="AS1388" t="s">
        <v>205</v>
      </c>
      <c r="AT1388" t="s">
        <v>183</v>
      </c>
      <c r="AU1388" t="s">
        <v>206</v>
      </c>
      <c r="AV1388" t="s">
        <v>204</v>
      </c>
      <c r="AW1388" t="s">
        <v>4520</v>
      </c>
      <c r="AX1388" t="s">
        <v>186</v>
      </c>
      <c r="AY1388" t="s">
        <v>187</v>
      </c>
      <c r="BA1388" t="s">
        <v>188</v>
      </c>
      <c r="BB1388" t="s">
        <v>208</v>
      </c>
      <c r="BF1388" t="s">
        <v>210</v>
      </c>
      <c r="BG1388" s="1">
        <v>0</v>
      </c>
      <c r="BH1388" t="s">
        <v>211</v>
      </c>
      <c r="BK1388" t="s">
        <v>191</v>
      </c>
      <c r="BL1388" t="s">
        <v>4521</v>
      </c>
      <c r="BM1388" t="s">
        <v>218</v>
      </c>
      <c r="BN1388" t="s">
        <v>4522</v>
      </c>
      <c r="BO1388" t="s">
        <v>218</v>
      </c>
      <c r="BP1388" t="s">
        <v>4523</v>
      </c>
      <c r="BQ1388" t="s">
        <v>4524</v>
      </c>
    </row>
    <row r="1389" spans="1:69" x14ac:dyDescent="0.25">
      <c r="A1389" s="1">
        <v>30468824</v>
      </c>
      <c r="B1389" t="s">
        <v>4525</v>
      </c>
      <c r="C1389" t="s">
        <v>39</v>
      </c>
      <c r="D1389" t="s">
        <v>3727</v>
      </c>
      <c r="E1389" t="s">
        <v>195</v>
      </c>
      <c r="L1389" t="s">
        <v>52</v>
      </c>
      <c r="M1389" s="1">
        <v>0</v>
      </c>
      <c r="N1389" s="1">
        <v>0</v>
      </c>
      <c r="O1389" t="s">
        <v>3728</v>
      </c>
      <c r="P1389" t="s">
        <v>176</v>
      </c>
      <c r="Q1389" t="s">
        <v>196</v>
      </c>
      <c r="S1389" s="1">
        <v>0</v>
      </c>
      <c r="T1389" s="1">
        <v>0</v>
      </c>
      <c r="AC1389" s="1">
        <v>0</v>
      </c>
      <c r="AD1389" s="1">
        <v>0</v>
      </c>
      <c r="AE1389" s="1">
        <v>0</v>
      </c>
      <c r="AF1389" s="1">
        <v>0</v>
      </c>
      <c r="AG1389" s="1">
        <v>0</v>
      </c>
      <c r="AH1389" s="1">
        <v>0</v>
      </c>
      <c r="AI1389" s="1">
        <v>0</v>
      </c>
      <c r="AJ1389" s="1">
        <v>0</v>
      </c>
      <c r="AK1389" s="1">
        <v>0</v>
      </c>
      <c r="AL1389" s="1">
        <v>0</v>
      </c>
      <c r="AM1389" s="1">
        <v>0</v>
      </c>
      <c r="AN1389" s="1">
        <v>0</v>
      </c>
      <c r="AO1389" s="1">
        <v>0</v>
      </c>
      <c r="AP1389" s="1">
        <v>0</v>
      </c>
      <c r="AQ1389" s="1">
        <v>0</v>
      </c>
      <c r="AR1389" s="1">
        <v>0</v>
      </c>
      <c r="AS1389" s="1">
        <v>0</v>
      </c>
      <c r="AT1389" s="1">
        <v>0</v>
      </c>
      <c r="AU1389" s="1">
        <v>0</v>
      </c>
      <c r="AV1389" s="1">
        <v>0</v>
      </c>
      <c r="BF1389" s="1">
        <v>0</v>
      </c>
      <c r="BG1389" s="1">
        <v>0</v>
      </c>
      <c r="BH1389" s="1">
        <v>0</v>
      </c>
      <c r="BK1389" s="1">
        <v>0</v>
      </c>
      <c r="BM1389" s="1">
        <v>0</v>
      </c>
      <c r="BO1389" s="1">
        <v>0</v>
      </c>
    </row>
    <row r="1390" spans="1:69" x14ac:dyDescent="0.25">
      <c r="A1390" s="1">
        <v>30468834</v>
      </c>
      <c r="B1390" t="s">
        <v>149</v>
      </c>
      <c r="C1390" t="s">
        <v>39</v>
      </c>
      <c r="L1390" t="s">
        <v>42</v>
      </c>
      <c r="M1390" t="s">
        <v>42</v>
      </c>
      <c r="N1390" s="1">
        <v>0</v>
      </c>
      <c r="O1390" s="1">
        <v>0</v>
      </c>
      <c r="P1390" s="1">
        <v>0</v>
      </c>
      <c r="Q1390" s="1">
        <v>0</v>
      </c>
      <c r="S1390" s="1">
        <v>0</v>
      </c>
      <c r="T1390" s="1">
        <v>0</v>
      </c>
      <c r="AC1390" s="1">
        <v>0</v>
      </c>
      <c r="AD1390" s="1">
        <v>0</v>
      </c>
      <c r="AE1390" s="1">
        <v>0</v>
      </c>
      <c r="AF1390" s="1">
        <v>0</v>
      </c>
      <c r="AG1390" s="1">
        <v>0</v>
      </c>
      <c r="AH1390" s="1">
        <v>0</v>
      </c>
      <c r="AI1390" s="1">
        <v>0</v>
      </c>
      <c r="AJ1390" s="1">
        <v>0</v>
      </c>
      <c r="AK1390" s="1">
        <v>0</v>
      </c>
      <c r="AL1390" s="1">
        <v>0</v>
      </c>
      <c r="AM1390" s="1">
        <v>0</v>
      </c>
      <c r="AN1390" s="1">
        <v>0</v>
      </c>
      <c r="AO1390" s="1">
        <v>0</v>
      </c>
      <c r="AP1390" s="1">
        <v>0</v>
      </c>
      <c r="AQ1390" s="1">
        <v>0</v>
      </c>
      <c r="AR1390" s="1">
        <v>0</v>
      </c>
      <c r="AS1390" s="1">
        <v>0</v>
      </c>
      <c r="AT1390" s="1">
        <v>0</v>
      </c>
      <c r="AU1390" s="1">
        <v>0</v>
      </c>
      <c r="AV1390" s="1">
        <v>0</v>
      </c>
      <c r="BF1390" s="1">
        <v>0</v>
      </c>
      <c r="BG1390" s="1">
        <v>0</v>
      </c>
      <c r="BH1390" s="1">
        <v>0</v>
      </c>
      <c r="BK1390" s="1">
        <v>0</v>
      </c>
      <c r="BM1390" s="1">
        <v>0</v>
      </c>
      <c r="BO1390" s="1">
        <v>0</v>
      </c>
    </row>
    <row r="1391" spans="1:69" x14ac:dyDescent="0.25">
      <c r="A1391" s="1">
        <v>30468893</v>
      </c>
      <c r="B1391" t="s">
        <v>4526</v>
      </c>
      <c r="C1391" t="s">
        <v>39</v>
      </c>
      <c r="D1391" t="s">
        <v>3727</v>
      </c>
      <c r="E1391" t="s">
        <v>175</v>
      </c>
      <c r="L1391" t="s">
        <v>52</v>
      </c>
      <c r="M1391" s="1">
        <v>0</v>
      </c>
      <c r="N1391" s="1">
        <v>0</v>
      </c>
      <c r="O1391" t="s">
        <v>3728</v>
      </c>
      <c r="P1391" t="s">
        <v>176</v>
      </c>
      <c r="Q1391" t="s">
        <v>177</v>
      </c>
      <c r="S1391" t="s">
        <v>178</v>
      </c>
      <c r="T1391" t="s">
        <v>175</v>
      </c>
      <c r="X1391" t="s">
        <v>179</v>
      </c>
      <c r="AC1391" t="s">
        <v>266</v>
      </c>
      <c r="AD1391" t="s">
        <v>200</v>
      </c>
      <c r="AE1391" t="s">
        <v>200</v>
      </c>
      <c r="AF1391" t="s">
        <v>200</v>
      </c>
      <c r="AG1391" t="s">
        <v>200</v>
      </c>
      <c r="AH1391" t="s">
        <v>200</v>
      </c>
      <c r="AI1391" t="s">
        <v>200</v>
      </c>
      <c r="AJ1391" t="s">
        <v>181</v>
      </c>
      <c r="AK1391" t="s">
        <v>175</v>
      </c>
      <c r="AL1391" t="s">
        <v>42</v>
      </c>
      <c r="AM1391" t="s">
        <v>185</v>
      </c>
      <c r="AN1391" t="s">
        <v>204</v>
      </c>
      <c r="AO1391" t="s">
        <v>184</v>
      </c>
      <c r="AP1391" t="s">
        <v>182</v>
      </c>
      <c r="AQ1391" t="s">
        <v>205</v>
      </c>
      <c r="AR1391" t="s">
        <v>202</v>
      </c>
      <c r="AS1391" t="s">
        <v>203</v>
      </c>
      <c r="AT1391" t="s">
        <v>183</v>
      </c>
      <c r="AU1391" t="s">
        <v>201</v>
      </c>
      <c r="AV1391" t="s">
        <v>206</v>
      </c>
      <c r="BF1391" t="s">
        <v>210</v>
      </c>
      <c r="BG1391" s="1">
        <v>0</v>
      </c>
      <c r="BH1391" t="s">
        <v>247</v>
      </c>
      <c r="BK1391" t="s">
        <v>191</v>
      </c>
      <c r="BM1391" t="s">
        <v>191</v>
      </c>
      <c r="BO1391" t="s">
        <v>191</v>
      </c>
    </row>
    <row r="1392" spans="1:69" x14ac:dyDescent="0.25">
      <c r="A1392" s="1">
        <v>30468932</v>
      </c>
      <c r="B1392" t="s">
        <v>1524</v>
      </c>
      <c r="C1392" t="s">
        <v>39</v>
      </c>
      <c r="D1392" t="s">
        <v>942</v>
      </c>
      <c r="E1392" t="s">
        <v>216</v>
      </c>
      <c r="L1392" t="s">
        <v>52</v>
      </c>
      <c r="M1392" s="1">
        <v>0</v>
      </c>
      <c r="N1392" s="1">
        <v>0</v>
      </c>
      <c r="O1392" t="s">
        <v>942</v>
      </c>
      <c r="P1392" t="s">
        <v>216</v>
      </c>
      <c r="Q1392" t="s">
        <v>322</v>
      </c>
      <c r="S1392" s="1">
        <v>0</v>
      </c>
      <c r="T1392" t="s">
        <v>197</v>
      </c>
      <c r="U1392" t="s">
        <v>1525</v>
      </c>
      <c r="X1392" t="s">
        <v>179</v>
      </c>
      <c r="AC1392" t="s">
        <v>199</v>
      </c>
      <c r="AD1392" t="s">
        <v>181</v>
      </c>
      <c r="AE1392" t="s">
        <v>230</v>
      </c>
      <c r="AF1392" t="s">
        <v>230</v>
      </c>
      <c r="AG1392" t="s">
        <v>181</v>
      </c>
      <c r="AH1392" t="s">
        <v>175</v>
      </c>
      <c r="AI1392" t="s">
        <v>181</v>
      </c>
      <c r="AJ1392" t="s">
        <v>181</v>
      </c>
      <c r="AK1392" t="s">
        <v>181</v>
      </c>
      <c r="AL1392" t="s">
        <v>52</v>
      </c>
      <c r="AM1392" t="s">
        <v>183</v>
      </c>
      <c r="AN1392" t="s">
        <v>204</v>
      </c>
      <c r="AO1392" t="s">
        <v>201</v>
      </c>
      <c r="AP1392" t="s">
        <v>182</v>
      </c>
      <c r="AQ1392" t="s">
        <v>206</v>
      </c>
      <c r="AR1392" t="s">
        <v>205</v>
      </c>
      <c r="AS1392" t="s">
        <v>185</v>
      </c>
      <c r="AT1392" t="s">
        <v>203</v>
      </c>
      <c r="AU1392" t="s">
        <v>202</v>
      </c>
      <c r="AV1392" t="s">
        <v>184</v>
      </c>
      <c r="AW1392" t="s">
        <v>1526</v>
      </c>
      <c r="AY1392" t="s">
        <v>187</v>
      </c>
      <c r="AZ1392" t="s">
        <v>207</v>
      </c>
      <c r="BA1392" t="s">
        <v>188</v>
      </c>
      <c r="BF1392" t="s">
        <v>49</v>
      </c>
      <c r="BG1392" s="1">
        <v>0</v>
      </c>
      <c r="BH1392" t="s">
        <v>464</v>
      </c>
      <c r="BK1392" t="s">
        <v>191</v>
      </c>
      <c r="BL1392" t="s">
        <v>1527</v>
      </c>
      <c r="BM1392" t="s">
        <v>191</v>
      </c>
      <c r="BN1392" t="s">
        <v>1528</v>
      </c>
      <c r="BO1392" t="s">
        <v>191</v>
      </c>
      <c r="BP1392" t="s">
        <v>325</v>
      </c>
    </row>
    <row r="1393" spans="1:69" x14ac:dyDescent="0.25">
      <c r="A1393" s="1">
        <v>30469034</v>
      </c>
      <c r="B1393" t="s">
        <v>822</v>
      </c>
      <c r="C1393" t="s">
        <v>39</v>
      </c>
      <c r="D1393" t="s">
        <v>174</v>
      </c>
      <c r="E1393" t="s">
        <v>175</v>
      </c>
      <c r="L1393" t="s">
        <v>52</v>
      </c>
      <c r="M1393" s="1">
        <v>0</v>
      </c>
      <c r="N1393" s="1">
        <v>0</v>
      </c>
      <c r="O1393" t="s">
        <v>174</v>
      </c>
      <c r="P1393" t="s">
        <v>176</v>
      </c>
      <c r="Q1393" t="s">
        <v>238</v>
      </c>
      <c r="S1393" t="s">
        <v>178</v>
      </c>
      <c r="T1393" t="s">
        <v>175</v>
      </c>
      <c r="W1393" t="s">
        <v>262</v>
      </c>
      <c r="X1393" t="s">
        <v>179</v>
      </c>
      <c r="AC1393" t="s">
        <v>180</v>
      </c>
      <c r="AD1393" t="s">
        <v>175</v>
      </c>
      <c r="AE1393" t="s">
        <v>181</v>
      </c>
      <c r="AF1393" t="s">
        <v>230</v>
      </c>
      <c r="AG1393" t="s">
        <v>230</v>
      </c>
      <c r="AH1393" t="s">
        <v>175</v>
      </c>
      <c r="AI1393" t="s">
        <v>175</v>
      </c>
      <c r="AJ1393" t="s">
        <v>175</v>
      </c>
      <c r="AK1393" t="s">
        <v>175</v>
      </c>
      <c r="AL1393" t="s">
        <v>42</v>
      </c>
      <c r="AM1393" t="s">
        <v>205</v>
      </c>
      <c r="AN1393" t="s">
        <v>202</v>
      </c>
      <c r="AO1393" t="s">
        <v>201</v>
      </c>
      <c r="AP1393" t="s">
        <v>183</v>
      </c>
      <c r="AQ1393" t="s">
        <v>185</v>
      </c>
      <c r="AR1393" t="s">
        <v>182</v>
      </c>
      <c r="AS1393" t="s">
        <v>206</v>
      </c>
      <c r="AT1393" t="s">
        <v>204</v>
      </c>
      <c r="AU1393" t="s">
        <v>203</v>
      </c>
      <c r="AV1393" t="s">
        <v>184</v>
      </c>
      <c r="AX1393" t="s">
        <v>186</v>
      </c>
      <c r="AY1393" t="s">
        <v>187</v>
      </c>
      <c r="AZ1393" t="s">
        <v>207</v>
      </c>
      <c r="BA1393" t="s">
        <v>188</v>
      </c>
      <c r="BB1393" t="s">
        <v>208</v>
      </c>
      <c r="BC1393" t="s">
        <v>209</v>
      </c>
      <c r="BF1393" t="s">
        <v>189</v>
      </c>
      <c r="BG1393" s="1">
        <v>0</v>
      </c>
      <c r="BH1393" t="s">
        <v>247</v>
      </c>
      <c r="BK1393" t="s">
        <v>191</v>
      </c>
      <c r="BL1393" t="s">
        <v>823</v>
      </c>
      <c r="BM1393" t="s">
        <v>191</v>
      </c>
      <c r="BN1393" t="s">
        <v>824</v>
      </c>
      <c r="BO1393" t="s">
        <v>191</v>
      </c>
      <c r="BP1393" t="s">
        <v>825</v>
      </c>
    </row>
    <row r="1394" spans="1:69" x14ac:dyDescent="0.25">
      <c r="A1394" s="1">
        <v>30469072</v>
      </c>
      <c r="B1394" t="s">
        <v>4527</v>
      </c>
      <c r="C1394" t="s">
        <v>39</v>
      </c>
      <c r="D1394" t="s">
        <v>3727</v>
      </c>
      <c r="E1394" t="s">
        <v>195</v>
      </c>
      <c r="L1394" t="s">
        <v>52</v>
      </c>
      <c r="M1394" s="1">
        <v>0</v>
      </c>
      <c r="N1394" s="1">
        <v>0</v>
      </c>
      <c r="O1394" t="s">
        <v>3728</v>
      </c>
      <c r="P1394" t="s">
        <v>176</v>
      </c>
      <c r="Q1394" t="s">
        <v>196</v>
      </c>
      <c r="S1394" t="s">
        <v>222</v>
      </c>
      <c r="T1394" t="s">
        <v>197</v>
      </c>
      <c r="AC1394" s="1">
        <v>0</v>
      </c>
      <c r="AD1394" s="1">
        <v>0</v>
      </c>
      <c r="AE1394" s="1">
        <v>0</v>
      </c>
      <c r="AF1394" s="1">
        <v>0</v>
      </c>
      <c r="AG1394" s="1">
        <v>0</v>
      </c>
      <c r="AH1394" s="1">
        <v>0</v>
      </c>
      <c r="AI1394" s="1">
        <v>0</v>
      </c>
      <c r="AJ1394" s="1">
        <v>0</v>
      </c>
      <c r="AK1394" s="1">
        <v>0</v>
      </c>
      <c r="AL1394" s="1">
        <v>0</v>
      </c>
      <c r="AM1394" s="1">
        <v>0</v>
      </c>
      <c r="AN1394" s="1">
        <v>0</v>
      </c>
      <c r="AO1394" s="1">
        <v>0</v>
      </c>
      <c r="AP1394" s="1">
        <v>0</v>
      </c>
      <c r="AQ1394" s="1">
        <v>0</v>
      </c>
      <c r="AR1394" s="1">
        <v>0</v>
      </c>
      <c r="AS1394" s="1">
        <v>0</v>
      </c>
      <c r="AT1394" s="1">
        <v>0</v>
      </c>
      <c r="AU1394" s="1">
        <v>0</v>
      </c>
      <c r="AV1394" s="1">
        <v>0</v>
      </c>
      <c r="BF1394" s="1">
        <v>0</v>
      </c>
      <c r="BG1394" s="1">
        <v>0</v>
      </c>
      <c r="BH1394" s="1">
        <v>0</v>
      </c>
      <c r="BK1394" s="1">
        <v>0</v>
      </c>
      <c r="BM1394" s="1">
        <v>0</v>
      </c>
      <c r="BO1394" s="1">
        <v>0</v>
      </c>
    </row>
    <row r="1395" spans="1:69" x14ac:dyDescent="0.25">
      <c r="A1395" s="1">
        <v>30469195</v>
      </c>
      <c r="B1395" t="s">
        <v>1529</v>
      </c>
      <c r="C1395" t="s">
        <v>39</v>
      </c>
      <c r="D1395" t="s">
        <v>942</v>
      </c>
      <c r="E1395" t="s">
        <v>175</v>
      </c>
      <c r="L1395" t="s">
        <v>52</v>
      </c>
      <c r="M1395" s="1">
        <v>0</v>
      </c>
      <c r="N1395" s="1">
        <v>0</v>
      </c>
      <c r="O1395" t="s">
        <v>942</v>
      </c>
      <c r="P1395" t="s">
        <v>216</v>
      </c>
      <c r="Q1395" t="s">
        <v>196</v>
      </c>
      <c r="S1395" s="1">
        <v>0</v>
      </c>
      <c r="T1395" t="s">
        <v>175</v>
      </c>
      <c r="X1395" t="s">
        <v>179</v>
      </c>
      <c r="Y1395" t="s">
        <v>224</v>
      </c>
      <c r="AC1395" t="s">
        <v>180</v>
      </c>
      <c r="AD1395" t="s">
        <v>175</v>
      </c>
      <c r="AE1395" t="s">
        <v>175</v>
      </c>
      <c r="AF1395" t="s">
        <v>175</v>
      </c>
      <c r="AG1395" t="s">
        <v>175</v>
      </c>
      <c r="AH1395" t="s">
        <v>175</v>
      </c>
      <c r="AI1395" s="1">
        <v>0</v>
      </c>
      <c r="AJ1395" t="s">
        <v>181</v>
      </c>
      <c r="AK1395" t="s">
        <v>181</v>
      </c>
      <c r="AL1395" t="s">
        <v>42</v>
      </c>
      <c r="AM1395" t="s">
        <v>185</v>
      </c>
      <c r="AN1395" t="s">
        <v>183</v>
      </c>
      <c r="AO1395" t="s">
        <v>184</v>
      </c>
      <c r="AP1395" t="s">
        <v>182</v>
      </c>
      <c r="AQ1395" t="s">
        <v>202</v>
      </c>
      <c r="AR1395" t="s">
        <v>203</v>
      </c>
      <c r="AS1395" t="s">
        <v>204</v>
      </c>
      <c r="AT1395" t="s">
        <v>201</v>
      </c>
      <c r="AU1395" t="s">
        <v>206</v>
      </c>
      <c r="AV1395" t="s">
        <v>205</v>
      </c>
      <c r="AX1395" t="s">
        <v>186</v>
      </c>
      <c r="AZ1395" t="s">
        <v>207</v>
      </c>
      <c r="BA1395" t="s">
        <v>188</v>
      </c>
      <c r="BC1395" t="s">
        <v>209</v>
      </c>
      <c r="BF1395" t="s">
        <v>292</v>
      </c>
      <c r="BG1395" t="s">
        <v>233</v>
      </c>
      <c r="BH1395" t="s">
        <v>302</v>
      </c>
      <c r="BI1395" t="s">
        <v>1530</v>
      </c>
      <c r="BK1395" t="s">
        <v>191</v>
      </c>
      <c r="BL1395" t="s">
        <v>1531</v>
      </c>
      <c r="BM1395" t="s">
        <v>191</v>
      </c>
      <c r="BN1395" t="s">
        <v>1532</v>
      </c>
      <c r="BO1395" t="s">
        <v>191</v>
      </c>
      <c r="BP1395" t="s">
        <v>1533</v>
      </c>
    </row>
    <row r="1396" spans="1:69" x14ac:dyDescent="0.25">
      <c r="A1396" s="1">
        <v>30469237</v>
      </c>
      <c r="B1396" t="s">
        <v>2423</v>
      </c>
      <c r="C1396" t="s">
        <v>39</v>
      </c>
      <c r="D1396" t="s">
        <v>1616</v>
      </c>
      <c r="E1396" t="s">
        <v>175</v>
      </c>
      <c r="L1396" t="s">
        <v>52</v>
      </c>
      <c r="M1396" s="1">
        <v>0</v>
      </c>
      <c r="N1396" s="1">
        <v>0</v>
      </c>
      <c r="O1396" t="s">
        <v>1616</v>
      </c>
      <c r="P1396" t="s">
        <v>216</v>
      </c>
      <c r="Q1396" t="s">
        <v>196</v>
      </c>
      <c r="S1396" s="1">
        <v>0</v>
      </c>
      <c r="T1396" t="s">
        <v>175</v>
      </c>
      <c r="AA1396" t="s">
        <v>273</v>
      </c>
      <c r="AB1396" t="s">
        <v>2424</v>
      </c>
      <c r="AC1396" t="s">
        <v>180</v>
      </c>
      <c r="AD1396" t="s">
        <v>175</v>
      </c>
      <c r="AE1396" t="s">
        <v>175</v>
      </c>
      <c r="AF1396" t="s">
        <v>175</v>
      </c>
      <c r="AG1396" t="s">
        <v>175</v>
      </c>
      <c r="AH1396" t="s">
        <v>175</v>
      </c>
      <c r="AI1396" t="s">
        <v>175</v>
      </c>
      <c r="AJ1396" t="s">
        <v>175</v>
      </c>
      <c r="AK1396" t="s">
        <v>175</v>
      </c>
      <c r="AL1396" s="1">
        <v>0</v>
      </c>
      <c r="AM1396" t="s">
        <v>185</v>
      </c>
      <c r="AN1396" s="1">
        <v>0</v>
      </c>
      <c r="AO1396" t="s">
        <v>184</v>
      </c>
      <c r="AP1396" s="1">
        <v>0</v>
      </c>
      <c r="AQ1396" s="1">
        <v>0</v>
      </c>
      <c r="AR1396" s="1">
        <v>0</v>
      </c>
      <c r="AS1396" s="1">
        <v>0</v>
      </c>
      <c r="AT1396" s="1">
        <v>0</v>
      </c>
      <c r="AU1396" s="1">
        <v>0</v>
      </c>
      <c r="AV1396" t="s">
        <v>182</v>
      </c>
      <c r="AW1396" t="s">
        <v>2425</v>
      </c>
      <c r="AX1396" t="s">
        <v>186</v>
      </c>
      <c r="BA1396" t="s">
        <v>188</v>
      </c>
      <c r="BF1396" t="s">
        <v>210</v>
      </c>
      <c r="BG1396" s="1">
        <v>0</v>
      </c>
      <c r="BH1396" t="s">
        <v>211</v>
      </c>
      <c r="BK1396" t="s">
        <v>191</v>
      </c>
      <c r="BL1396" t="s">
        <v>325</v>
      </c>
      <c r="BM1396" t="s">
        <v>191</v>
      </c>
      <c r="BN1396" t="s">
        <v>325</v>
      </c>
      <c r="BO1396" t="s">
        <v>191</v>
      </c>
      <c r="BP1396" t="s">
        <v>2426</v>
      </c>
      <c r="BQ1396" t="s">
        <v>2427</v>
      </c>
    </row>
    <row r="1397" spans="1:69" x14ac:dyDescent="0.25">
      <c r="A1397" s="1">
        <v>30469264</v>
      </c>
      <c r="B1397" t="s">
        <v>2428</v>
      </c>
      <c r="C1397" t="s">
        <v>39</v>
      </c>
      <c r="D1397" t="s">
        <v>1616</v>
      </c>
      <c r="E1397" t="s">
        <v>200</v>
      </c>
      <c r="L1397" t="s">
        <v>52</v>
      </c>
      <c r="M1397" s="1">
        <v>0</v>
      </c>
      <c r="N1397" s="1">
        <v>0</v>
      </c>
      <c r="O1397" t="s">
        <v>1616</v>
      </c>
      <c r="P1397" t="s">
        <v>216</v>
      </c>
      <c r="Q1397" t="s">
        <v>238</v>
      </c>
      <c r="S1397" s="1">
        <v>0</v>
      </c>
      <c r="T1397" t="s">
        <v>200</v>
      </c>
      <c r="Z1397" t="s">
        <v>244</v>
      </c>
      <c r="AC1397" t="s">
        <v>180</v>
      </c>
      <c r="AD1397" t="s">
        <v>200</v>
      </c>
      <c r="AE1397" t="s">
        <v>200</v>
      </c>
      <c r="AF1397" t="s">
        <v>200</v>
      </c>
      <c r="AG1397" t="s">
        <v>200</v>
      </c>
      <c r="AH1397" t="s">
        <v>200</v>
      </c>
      <c r="AI1397" t="s">
        <v>200</v>
      </c>
      <c r="AJ1397" t="s">
        <v>175</v>
      </c>
      <c r="AK1397" t="s">
        <v>200</v>
      </c>
      <c r="AL1397" t="s">
        <v>42</v>
      </c>
      <c r="AM1397" t="s">
        <v>184</v>
      </c>
      <c r="AN1397" t="s">
        <v>182</v>
      </c>
      <c r="AO1397" t="s">
        <v>185</v>
      </c>
      <c r="AP1397" t="s">
        <v>202</v>
      </c>
      <c r="AQ1397" t="s">
        <v>205</v>
      </c>
      <c r="AR1397" t="s">
        <v>204</v>
      </c>
      <c r="AS1397" t="s">
        <v>203</v>
      </c>
      <c r="AT1397" t="s">
        <v>183</v>
      </c>
      <c r="AU1397" t="s">
        <v>201</v>
      </c>
      <c r="AV1397" t="s">
        <v>206</v>
      </c>
      <c r="AW1397" t="s">
        <v>2429</v>
      </c>
      <c r="AX1397" t="s">
        <v>186</v>
      </c>
      <c r="AZ1397" t="s">
        <v>207</v>
      </c>
      <c r="BF1397" t="s">
        <v>210</v>
      </c>
      <c r="BG1397" s="1">
        <v>0</v>
      </c>
      <c r="BH1397" t="s">
        <v>211</v>
      </c>
      <c r="BK1397" t="s">
        <v>191</v>
      </c>
      <c r="BL1397" t="s">
        <v>1619</v>
      </c>
      <c r="BM1397" t="s">
        <v>218</v>
      </c>
      <c r="BO1397" t="s">
        <v>218</v>
      </c>
      <c r="BP1397" t="s">
        <v>2430</v>
      </c>
      <c r="BQ1397" t="s">
        <v>2431</v>
      </c>
    </row>
    <row r="1398" spans="1:69" x14ac:dyDescent="0.25">
      <c r="A1398" s="1">
        <v>30469318</v>
      </c>
      <c r="B1398" t="s">
        <v>150</v>
      </c>
      <c r="C1398" t="s">
        <v>39</v>
      </c>
      <c r="L1398" s="1">
        <v>0</v>
      </c>
      <c r="M1398" s="1">
        <v>0</v>
      </c>
      <c r="N1398" s="1">
        <v>0</v>
      </c>
      <c r="O1398" s="1">
        <v>0</v>
      </c>
      <c r="P1398" s="1">
        <v>0</v>
      </c>
      <c r="Q1398" s="1">
        <v>0</v>
      </c>
      <c r="S1398" s="1">
        <v>0</v>
      </c>
      <c r="T1398" s="1">
        <v>0</v>
      </c>
      <c r="AC1398" s="1">
        <v>0</v>
      </c>
      <c r="AD1398" s="1">
        <v>0</v>
      </c>
      <c r="AE1398" s="1">
        <v>0</v>
      </c>
      <c r="AF1398" s="1">
        <v>0</v>
      </c>
      <c r="AG1398" s="1">
        <v>0</v>
      </c>
      <c r="AH1398" s="1">
        <v>0</v>
      </c>
      <c r="AI1398" s="1">
        <v>0</v>
      </c>
      <c r="AJ1398" s="1">
        <v>0</v>
      </c>
      <c r="AK1398" s="1">
        <v>0</v>
      </c>
      <c r="AL1398" s="1">
        <v>0</v>
      </c>
      <c r="AM1398" s="1">
        <v>0</v>
      </c>
      <c r="AN1398" s="1">
        <v>0</v>
      </c>
      <c r="AO1398" s="1">
        <v>0</v>
      </c>
      <c r="AP1398" s="1">
        <v>0</v>
      </c>
      <c r="AQ1398" s="1">
        <v>0</v>
      </c>
      <c r="AR1398" s="1">
        <v>0</v>
      </c>
      <c r="AS1398" s="1">
        <v>0</v>
      </c>
      <c r="AT1398" s="1">
        <v>0</v>
      </c>
      <c r="AU1398" s="1">
        <v>0</v>
      </c>
      <c r="AV1398" s="1">
        <v>0</v>
      </c>
      <c r="BF1398" s="1">
        <v>0</v>
      </c>
      <c r="BG1398" s="1">
        <v>0</v>
      </c>
      <c r="BH1398" s="1">
        <v>0</v>
      </c>
      <c r="BK1398" s="1">
        <v>0</v>
      </c>
      <c r="BM1398" s="1">
        <v>0</v>
      </c>
      <c r="BO1398" s="1">
        <v>0</v>
      </c>
    </row>
    <row r="1399" spans="1:69" x14ac:dyDescent="0.25">
      <c r="A1399" s="1">
        <v>30469569</v>
      </c>
      <c r="B1399" t="s">
        <v>3041</v>
      </c>
      <c r="C1399" t="s">
        <v>39</v>
      </c>
      <c r="D1399" t="s">
        <v>2512</v>
      </c>
      <c r="E1399" t="s">
        <v>175</v>
      </c>
      <c r="L1399" t="s">
        <v>52</v>
      </c>
      <c r="M1399" s="1">
        <v>0</v>
      </c>
      <c r="N1399" s="1">
        <v>0</v>
      </c>
      <c r="O1399" t="s">
        <v>2512</v>
      </c>
      <c r="P1399" t="s">
        <v>176</v>
      </c>
      <c r="Q1399" t="s">
        <v>196</v>
      </c>
      <c r="S1399" t="s">
        <v>349</v>
      </c>
      <c r="T1399" t="s">
        <v>175</v>
      </c>
      <c r="W1399" t="s">
        <v>262</v>
      </c>
      <c r="Y1399" t="s">
        <v>224</v>
      </c>
      <c r="Z1399" t="s">
        <v>244</v>
      </c>
      <c r="AC1399" t="s">
        <v>199</v>
      </c>
      <c r="AD1399" t="s">
        <v>175</v>
      </c>
      <c r="AE1399" t="s">
        <v>230</v>
      </c>
      <c r="AF1399" t="s">
        <v>175</v>
      </c>
      <c r="AG1399" t="s">
        <v>175</v>
      </c>
      <c r="AH1399" t="s">
        <v>175</v>
      </c>
      <c r="AI1399" t="s">
        <v>175</v>
      </c>
      <c r="AJ1399" t="s">
        <v>181</v>
      </c>
      <c r="AK1399" t="s">
        <v>175</v>
      </c>
      <c r="AL1399" t="s">
        <v>52</v>
      </c>
      <c r="AM1399" t="s">
        <v>185</v>
      </c>
      <c r="AN1399" t="s">
        <v>184</v>
      </c>
      <c r="AO1399" t="s">
        <v>201</v>
      </c>
      <c r="AP1399" t="s">
        <v>204</v>
      </c>
      <c r="AQ1399" t="s">
        <v>202</v>
      </c>
      <c r="AR1399" t="s">
        <v>203</v>
      </c>
      <c r="AS1399" t="s">
        <v>205</v>
      </c>
      <c r="AT1399" t="s">
        <v>183</v>
      </c>
      <c r="AU1399" t="s">
        <v>206</v>
      </c>
      <c r="AV1399" t="s">
        <v>182</v>
      </c>
      <c r="AX1399" t="s">
        <v>186</v>
      </c>
      <c r="AY1399" t="s">
        <v>187</v>
      </c>
      <c r="AZ1399" t="s">
        <v>207</v>
      </c>
      <c r="BA1399" t="s">
        <v>188</v>
      </c>
      <c r="BB1399" t="s">
        <v>208</v>
      </c>
      <c r="BC1399" t="s">
        <v>209</v>
      </c>
      <c r="BF1399" t="s">
        <v>232</v>
      </c>
      <c r="BG1399" t="s">
        <v>233</v>
      </c>
      <c r="BH1399" t="s">
        <v>211</v>
      </c>
      <c r="BK1399" t="s">
        <v>191</v>
      </c>
      <c r="BL1399" t="s">
        <v>1093</v>
      </c>
      <c r="BM1399" t="s">
        <v>191</v>
      </c>
      <c r="BN1399" t="s">
        <v>1093</v>
      </c>
      <c r="BO1399" t="s">
        <v>191</v>
      </c>
      <c r="BP1399" t="s">
        <v>3042</v>
      </c>
    </row>
    <row r="1400" spans="1:69" x14ac:dyDescent="0.25">
      <c r="A1400" s="1">
        <v>30469622</v>
      </c>
      <c r="B1400" t="s">
        <v>2432</v>
      </c>
      <c r="C1400" t="s">
        <v>39</v>
      </c>
      <c r="D1400" t="s">
        <v>1616</v>
      </c>
      <c r="E1400" t="s">
        <v>175</v>
      </c>
      <c r="L1400" t="s">
        <v>52</v>
      </c>
      <c r="M1400" s="1">
        <v>0</v>
      </c>
      <c r="N1400" s="1">
        <v>0</v>
      </c>
      <c r="O1400" t="s">
        <v>1616</v>
      </c>
      <c r="P1400" t="s">
        <v>216</v>
      </c>
      <c r="Q1400" t="s">
        <v>177</v>
      </c>
      <c r="S1400" s="1">
        <v>0</v>
      </c>
      <c r="T1400" t="s">
        <v>175</v>
      </c>
      <c r="Z1400" t="s">
        <v>244</v>
      </c>
      <c r="AC1400" t="s">
        <v>180</v>
      </c>
      <c r="AD1400" t="s">
        <v>175</v>
      </c>
      <c r="AE1400" t="s">
        <v>175</v>
      </c>
      <c r="AF1400" t="s">
        <v>181</v>
      </c>
      <c r="AG1400" t="s">
        <v>181</v>
      </c>
      <c r="AH1400" t="s">
        <v>175</v>
      </c>
      <c r="AI1400" t="s">
        <v>175</v>
      </c>
      <c r="AJ1400" t="s">
        <v>181</v>
      </c>
      <c r="AK1400" t="s">
        <v>181</v>
      </c>
      <c r="AL1400" t="s">
        <v>52</v>
      </c>
      <c r="AM1400" s="1">
        <v>0</v>
      </c>
      <c r="AN1400" s="1">
        <v>0</v>
      </c>
      <c r="AO1400" s="1">
        <v>0</v>
      </c>
      <c r="AP1400" s="1">
        <v>0</v>
      </c>
      <c r="AQ1400" s="1">
        <v>0</v>
      </c>
      <c r="AR1400" s="1">
        <v>0</v>
      </c>
      <c r="AS1400" s="1">
        <v>0</v>
      </c>
      <c r="AT1400" s="1">
        <v>0</v>
      </c>
      <c r="AU1400" s="1">
        <v>0</v>
      </c>
      <c r="AV1400" s="1">
        <v>0</v>
      </c>
      <c r="BF1400" s="1">
        <v>0</v>
      </c>
      <c r="BG1400" s="1">
        <v>0</v>
      </c>
      <c r="BH1400" s="1">
        <v>0</v>
      </c>
      <c r="BK1400" s="1">
        <v>0</v>
      </c>
      <c r="BM1400" s="1">
        <v>0</v>
      </c>
      <c r="BO1400" s="1">
        <v>0</v>
      </c>
    </row>
    <row r="1401" spans="1:69" x14ac:dyDescent="0.25">
      <c r="A1401" s="1">
        <v>30469655</v>
      </c>
      <c r="B1401" t="s">
        <v>2433</v>
      </c>
      <c r="C1401" t="s">
        <v>39</v>
      </c>
      <c r="D1401" t="s">
        <v>1616</v>
      </c>
      <c r="E1401" t="s">
        <v>175</v>
      </c>
      <c r="L1401" t="s">
        <v>52</v>
      </c>
      <c r="M1401" s="1">
        <v>0</v>
      </c>
      <c r="N1401" s="1">
        <v>0</v>
      </c>
      <c r="O1401" t="s">
        <v>1616</v>
      </c>
      <c r="P1401" t="s">
        <v>216</v>
      </c>
      <c r="Q1401" t="s">
        <v>177</v>
      </c>
      <c r="S1401" s="1">
        <v>0</v>
      </c>
      <c r="T1401" t="s">
        <v>175</v>
      </c>
      <c r="Z1401" t="s">
        <v>244</v>
      </c>
      <c r="AC1401" t="s">
        <v>180</v>
      </c>
      <c r="AD1401" t="s">
        <v>175</v>
      </c>
      <c r="AE1401" t="s">
        <v>175</v>
      </c>
      <c r="AF1401" t="s">
        <v>181</v>
      </c>
      <c r="AG1401" t="s">
        <v>181</v>
      </c>
      <c r="AH1401" t="s">
        <v>175</v>
      </c>
      <c r="AI1401" t="s">
        <v>175</v>
      </c>
      <c r="AJ1401" t="s">
        <v>175</v>
      </c>
      <c r="AK1401" t="s">
        <v>175</v>
      </c>
      <c r="AL1401" t="s">
        <v>52</v>
      </c>
      <c r="AM1401" t="s">
        <v>184</v>
      </c>
      <c r="AN1401" t="s">
        <v>202</v>
      </c>
      <c r="AO1401" t="s">
        <v>183</v>
      </c>
      <c r="AP1401" t="s">
        <v>182</v>
      </c>
      <c r="AQ1401" t="s">
        <v>201</v>
      </c>
      <c r="AR1401" t="s">
        <v>203</v>
      </c>
      <c r="AS1401" t="s">
        <v>185</v>
      </c>
      <c r="AT1401" t="s">
        <v>205</v>
      </c>
      <c r="AU1401" t="s">
        <v>206</v>
      </c>
      <c r="AV1401" t="s">
        <v>204</v>
      </c>
      <c r="AX1401" t="s">
        <v>186</v>
      </c>
      <c r="BA1401" t="s">
        <v>188</v>
      </c>
      <c r="BC1401" t="s">
        <v>209</v>
      </c>
      <c r="BF1401" t="s">
        <v>49</v>
      </c>
      <c r="BG1401" s="1">
        <v>0</v>
      </c>
      <c r="BH1401" t="s">
        <v>211</v>
      </c>
      <c r="BK1401" t="s">
        <v>191</v>
      </c>
      <c r="BL1401" t="s">
        <v>2434</v>
      </c>
      <c r="BM1401" t="s">
        <v>218</v>
      </c>
      <c r="BN1401" t="s">
        <v>2435</v>
      </c>
      <c r="BO1401" s="1">
        <v>0</v>
      </c>
      <c r="BP1401" t="s">
        <v>1425</v>
      </c>
      <c r="BQ1401" t="s">
        <v>2436</v>
      </c>
    </row>
    <row r="1402" spans="1:69" x14ac:dyDescent="0.25">
      <c r="A1402" s="1">
        <v>30469664</v>
      </c>
      <c r="B1402" t="s">
        <v>1534</v>
      </c>
      <c r="C1402" t="s">
        <v>39</v>
      </c>
      <c r="D1402" t="s">
        <v>942</v>
      </c>
      <c r="E1402" t="s">
        <v>175</v>
      </c>
      <c r="L1402" t="s">
        <v>52</v>
      </c>
      <c r="M1402" s="1">
        <v>0</v>
      </c>
      <c r="N1402" s="1">
        <v>0</v>
      </c>
      <c r="O1402" t="s">
        <v>942</v>
      </c>
      <c r="P1402" t="s">
        <v>176</v>
      </c>
      <c r="Q1402" t="s">
        <v>177</v>
      </c>
      <c r="S1402" t="s">
        <v>178</v>
      </c>
      <c r="T1402" t="s">
        <v>175</v>
      </c>
      <c r="W1402" t="s">
        <v>262</v>
      </c>
      <c r="AC1402" t="s">
        <v>199</v>
      </c>
      <c r="AD1402" t="s">
        <v>175</v>
      </c>
      <c r="AE1402" t="s">
        <v>175</v>
      </c>
      <c r="AF1402" t="s">
        <v>175</v>
      </c>
      <c r="AG1402" s="1">
        <v>0</v>
      </c>
      <c r="AH1402" t="s">
        <v>175</v>
      </c>
      <c r="AI1402" t="s">
        <v>175</v>
      </c>
      <c r="AJ1402" t="s">
        <v>175</v>
      </c>
      <c r="AK1402" t="s">
        <v>175</v>
      </c>
      <c r="AL1402" t="s">
        <v>42</v>
      </c>
      <c r="AM1402" t="s">
        <v>182</v>
      </c>
      <c r="AN1402" t="s">
        <v>201</v>
      </c>
      <c r="AO1402" t="s">
        <v>185</v>
      </c>
      <c r="AP1402" t="s">
        <v>184</v>
      </c>
      <c r="AQ1402" t="s">
        <v>202</v>
      </c>
      <c r="AR1402" t="s">
        <v>203</v>
      </c>
      <c r="AS1402" t="s">
        <v>183</v>
      </c>
      <c r="AT1402" t="s">
        <v>204</v>
      </c>
      <c r="AU1402" t="s">
        <v>206</v>
      </c>
      <c r="AV1402" t="s">
        <v>205</v>
      </c>
      <c r="AX1402" t="s">
        <v>186</v>
      </c>
      <c r="AZ1402" t="s">
        <v>207</v>
      </c>
      <c r="BA1402" t="s">
        <v>188</v>
      </c>
      <c r="BC1402" t="s">
        <v>209</v>
      </c>
      <c r="BF1402" s="1">
        <v>0</v>
      </c>
      <c r="BG1402" s="1">
        <v>0</v>
      </c>
      <c r="BH1402" t="s">
        <v>211</v>
      </c>
      <c r="BK1402" t="s">
        <v>191</v>
      </c>
      <c r="BL1402" t="s">
        <v>1535</v>
      </c>
      <c r="BM1402" t="s">
        <v>191</v>
      </c>
      <c r="BN1402" t="s">
        <v>1536</v>
      </c>
      <c r="BO1402" t="s">
        <v>191</v>
      </c>
      <c r="BP1402" t="s">
        <v>1537</v>
      </c>
    </row>
    <row r="1403" spans="1:69" x14ac:dyDescent="0.25">
      <c r="A1403" s="1">
        <v>30469704</v>
      </c>
      <c r="B1403" t="s">
        <v>826</v>
      </c>
      <c r="C1403" t="s">
        <v>39</v>
      </c>
      <c r="D1403" t="s">
        <v>174</v>
      </c>
      <c r="E1403" t="s">
        <v>175</v>
      </c>
      <c r="L1403" t="s">
        <v>52</v>
      </c>
      <c r="M1403" s="1">
        <v>0</v>
      </c>
      <c r="N1403" s="1">
        <v>0</v>
      </c>
      <c r="O1403" t="s">
        <v>174</v>
      </c>
      <c r="P1403" t="s">
        <v>176</v>
      </c>
      <c r="Q1403" t="s">
        <v>273</v>
      </c>
      <c r="R1403" t="s">
        <v>827</v>
      </c>
      <c r="S1403" t="s">
        <v>222</v>
      </c>
      <c r="T1403" t="s">
        <v>175</v>
      </c>
      <c r="W1403" t="s">
        <v>262</v>
      </c>
      <c r="X1403" t="s">
        <v>179</v>
      </c>
      <c r="Z1403" t="s">
        <v>244</v>
      </c>
      <c r="AC1403" t="s">
        <v>180</v>
      </c>
      <c r="AD1403" t="s">
        <v>175</v>
      </c>
      <c r="AE1403" t="s">
        <v>230</v>
      </c>
      <c r="AF1403" t="s">
        <v>230</v>
      </c>
      <c r="AG1403" t="s">
        <v>181</v>
      </c>
      <c r="AH1403" t="s">
        <v>175</v>
      </c>
      <c r="AI1403" t="s">
        <v>175</v>
      </c>
      <c r="AJ1403" t="s">
        <v>181</v>
      </c>
      <c r="AK1403" t="s">
        <v>175</v>
      </c>
      <c r="AL1403" t="s">
        <v>42</v>
      </c>
      <c r="AM1403" t="s">
        <v>206</v>
      </c>
      <c r="AN1403" t="s">
        <v>182</v>
      </c>
      <c r="AO1403" t="s">
        <v>185</v>
      </c>
      <c r="AP1403" t="s">
        <v>184</v>
      </c>
      <c r="AQ1403" t="s">
        <v>203</v>
      </c>
      <c r="AR1403" t="s">
        <v>202</v>
      </c>
      <c r="AS1403" t="s">
        <v>204</v>
      </c>
      <c r="AT1403" t="s">
        <v>183</v>
      </c>
      <c r="AU1403" t="s">
        <v>201</v>
      </c>
      <c r="AV1403" t="s">
        <v>205</v>
      </c>
      <c r="AW1403" t="s">
        <v>828</v>
      </c>
      <c r="AX1403" t="s">
        <v>186</v>
      </c>
      <c r="AZ1403" t="s">
        <v>207</v>
      </c>
      <c r="BF1403" t="s">
        <v>210</v>
      </c>
      <c r="BG1403" s="1">
        <v>0</v>
      </c>
      <c r="BH1403" t="s">
        <v>211</v>
      </c>
      <c r="BK1403" t="s">
        <v>191</v>
      </c>
      <c r="BL1403" t="s">
        <v>829</v>
      </c>
      <c r="BM1403" t="s">
        <v>191</v>
      </c>
      <c r="BN1403" t="s">
        <v>830</v>
      </c>
      <c r="BO1403" t="s">
        <v>218</v>
      </c>
      <c r="BP1403" t="s">
        <v>831</v>
      </c>
      <c r="BQ1403" t="s">
        <v>832</v>
      </c>
    </row>
    <row r="1404" spans="1:69" x14ac:dyDescent="0.25">
      <c r="A1404" s="1">
        <v>30470344</v>
      </c>
      <c r="B1404" t="s">
        <v>3645</v>
      </c>
      <c r="C1404" t="s">
        <v>39</v>
      </c>
      <c r="D1404" t="s">
        <v>3138</v>
      </c>
      <c r="E1404" t="s">
        <v>175</v>
      </c>
      <c r="L1404" t="s">
        <v>52</v>
      </c>
      <c r="M1404" s="1">
        <v>0</v>
      </c>
      <c r="N1404" s="1">
        <v>0</v>
      </c>
      <c r="O1404" t="s">
        <v>3139</v>
      </c>
      <c r="P1404" t="s">
        <v>176</v>
      </c>
      <c r="Q1404" t="s">
        <v>238</v>
      </c>
      <c r="S1404" t="s">
        <v>178</v>
      </c>
      <c r="T1404" t="s">
        <v>175</v>
      </c>
      <c r="Y1404" t="s">
        <v>224</v>
      </c>
      <c r="AC1404" t="s">
        <v>180</v>
      </c>
      <c r="AD1404" t="s">
        <v>181</v>
      </c>
      <c r="AE1404" t="s">
        <v>175</v>
      </c>
      <c r="AF1404" t="s">
        <v>181</v>
      </c>
      <c r="AG1404" t="s">
        <v>175</v>
      </c>
      <c r="AH1404" t="s">
        <v>175</v>
      </c>
      <c r="AI1404" t="s">
        <v>175</v>
      </c>
      <c r="AJ1404" t="s">
        <v>175</v>
      </c>
      <c r="AK1404" t="s">
        <v>181</v>
      </c>
      <c r="AL1404" t="s">
        <v>42</v>
      </c>
      <c r="AM1404" t="s">
        <v>184</v>
      </c>
      <c r="AN1404" t="s">
        <v>201</v>
      </c>
      <c r="AO1404" t="s">
        <v>182</v>
      </c>
      <c r="AP1404" t="s">
        <v>185</v>
      </c>
      <c r="AQ1404" t="s">
        <v>202</v>
      </c>
      <c r="AR1404" t="s">
        <v>203</v>
      </c>
      <c r="AS1404" t="s">
        <v>204</v>
      </c>
      <c r="AT1404" t="s">
        <v>206</v>
      </c>
      <c r="AU1404" t="s">
        <v>205</v>
      </c>
      <c r="AV1404" t="s">
        <v>183</v>
      </c>
      <c r="AW1404" t="s">
        <v>3646</v>
      </c>
      <c r="AY1404" t="s">
        <v>187</v>
      </c>
      <c r="BA1404" t="s">
        <v>188</v>
      </c>
      <c r="BF1404" t="s">
        <v>49</v>
      </c>
      <c r="BG1404" s="1">
        <v>0</v>
      </c>
      <c r="BH1404" t="s">
        <v>211</v>
      </c>
      <c r="BK1404" t="s">
        <v>191</v>
      </c>
      <c r="BL1404" t="s">
        <v>3647</v>
      </c>
      <c r="BM1404" t="s">
        <v>191</v>
      </c>
      <c r="BN1404" t="s">
        <v>575</v>
      </c>
      <c r="BO1404" t="s">
        <v>191</v>
      </c>
      <c r="BP1404" t="s">
        <v>575</v>
      </c>
      <c r="BQ1404" t="s">
        <v>3648</v>
      </c>
    </row>
    <row r="1405" spans="1:69" x14ac:dyDescent="0.25">
      <c r="A1405" s="1">
        <v>30470533</v>
      </c>
      <c r="B1405" t="s">
        <v>3649</v>
      </c>
      <c r="C1405" t="s">
        <v>39</v>
      </c>
      <c r="D1405" t="s">
        <v>3138</v>
      </c>
      <c r="E1405" t="s">
        <v>175</v>
      </c>
      <c r="L1405" t="s">
        <v>52</v>
      </c>
      <c r="M1405" s="1">
        <v>0</v>
      </c>
      <c r="N1405" s="1">
        <v>0</v>
      </c>
      <c r="O1405" t="s">
        <v>3139</v>
      </c>
      <c r="P1405" t="s">
        <v>176</v>
      </c>
      <c r="Q1405" t="s">
        <v>196</v>
      </c>
      <c r="S1405" t="s">
        <v>315</v>
      </c>
      <c r="T1405" t="s">
        <v>175</v>
      </c>
      <c r="X1405" t="s">
        <v>179</v>
      </c>
      <c r="AC1405" t="s">
        <v>225</v>
      </c>
      <c r="AD1405" t="s">
        <v>200</v>
      </c>
      <c r="AE1405" t="s">
        <v>200</v>
      </c>
      <c r="AF1405" t="s">
        <v>175</v>
      </c>
      <c r="AG1405" t="s">
        <v>175</v>
      </c>
      <c r="AH1405" t="s">
        <v>175</v>
      </c>
      <c r="AI1405" t="s">
        <v>175</v>
      </c>
      <c r="AJ1405" t="s">
        <v>200</v>
      </c>
      <c r="AK1405" t="s">
        <v>200</v>
      </c>
      <c r="AL1405" t="s">
        <v>52</v>
      </c>
      <c r="AM1405" t="s">
        <v>185</v>
      </c>
      <c r="AN1405" t="s">
        <v>184</v>
      </c>
      <c r="AO1405" t="s">
        <v>182</v>
      </c>
      <c r="AP1405" t="s">
        <v>204</v>
      </c>
      <c r="AQ1405" t="s">
        <v>202</v>
      </c>
      <c r="AR1405" t="s">
        <v>203</v>
      </c>
      <c r="AS1405" t="s">
        <v>205</v>
      </c>
      <c r="AT1405" t="s">
        <v>206</v>
      </c>
      <c r="AU1405" t="s">
        <v>183</v>
      </c>
      <c r="AV1405" t="s">
        <v>201</v>
      </c>
      <c r="AW1405" t="s">
        <v>3650</v>
      </c>
      <c r="AX1405" t="s">
        <v>186</v>
      </c>
      <c r="AY1405" t="s">
        <v>187</v>
      </c>
      <c r="AZ1405" t="s">
        <v>207</v>
      </c>
      <c r="BF1405" t="s">
        <v>210</v>
      </c>
      <c r="BG1405" s="1">
        <v>0</v>
      </c>
      <c r="BH1405" t="s">
        <v>211</v>
      </c>
      <c r="BK1405" t="s">
        <v>191</v>
      </c>
      <c r="BL1405" t="s">
        <v>3651</v>
      </c>
      <c r="BM1405" t="s">
        <v>191</v>
      </c>
      <c r="BN1405" t="s">
        <v>3652</v>
      </c>
      <c r="BO1405" t="s">
        <v>218</v>
      </c>
      <c r="BP1405" t="s">
        <v>3653</v>
      </c>
      <c r="BQ1405" t="s">
        <v>3654</v>
      </c>
    </row>
    <row r="1406" spans="1:69" x14ac:dyDescent="0.25">
      <c r="A1406" s="1">
        <v>30470536</v>
      </c>
      <c r="B1406" t="s">
        <v>2437</v>
      </c>
      <c r="C1406" t="s">
        <v>39</v>
      </c>
      <c r="D1406" t="s">
        <v>1616</v>
      </c>
      <c r="E1406" t="s">
        <v>195</v>
      </c>
      <c r="L1406" t="s">
        <v>52</v>
      </c>
      <c r="M1406" s="1">
        <v>0</v>
      </c>
      <c r="N1406" s="1">
        <v>0</v>
      </c>
      <c r="O1406" t="s">
        <v>1616</v>
      </c>
      <c r="P1406" t="s">
        <v>176</v>
      </c>
      <c r="Q1406" t="s">
        <v>238</v>
      </c>
      <c r="S1406" t="s">
        <v>178</v>
      </c>
      <c r="T1406" t="s">
        <v>297</v>
      </c>
      <c r="U1406" t="s">
        <v>2438</v>
      </c>
      <c r="X1406" t="s">
        <v>179</v>
      </c>
      <c r="AC1406" t="s">
        <v>199</v>
      </c>
      <c r="AD1406" t="s">
        <v>230</v>
      </c>
      <c r="AE1406" t="s">
        <v>230</v>
      </c>
      <c r="AF1406" t="s">
        <v>230</v>
      </c>
      <c r="AG1406" t="s">
        <v>230</v>
      </c>
      <c r="AH1406" t="s">
        <v>200</v>
      </c>
      <c r="AI1406" t="s">
        <v>200</v>
      </c>
      <c r="AJ1406" t="s">
        <v>200</v>
      </c>
      <c r="AK1406" t="s">
        <v>181</v>
      </c>
      <c r="AL1406" t="s">
        <v>49</v>
      </c>
      <c r="AM1406" t="s">
        <v>205</v>
      </c>
      <c r="AN1406" t="s">
        <v>184</v>
      </c>
      <c r="AO1406" t="s">
        <v>202</v>
      </c>
      <c r="AP1406" t="s">
        <v>204</v>
      </c>
      <c r="AQ1406" t="s">
        <v>206</v>
      </c>
      <c r="AR1406" t="s">
        <v>201</v>
      </c>
      <c r="AS1406" t="s">
        <v>203</v>
      </c>
      <c r="AT1406" t="s">
        <v>183</v>
      </c>
      <c r="AU1406" t="s">
        <v>182</v>
      </c>
      <c r="AV1406" t="s">
        <v>185</v>
      </c>
      <c r="AY1406" t="s">
        <v>187</v>
      </c>
      <c r="AZ1406" t="s">
        <v>207</v>
      </c>
      <c r="BC1406" t="s">
        <v>209</v>
      </c>
      <c r="BF1406" t="s">
        <v>189</v>
      </c>
      <c r="BG1406" s="1">
        <v>0</v>
      </c>
      <c r="BH1406" t="s">
        <v>211</v>
      </c>
      <c r="BK1406" t="s">
        <v>191</v>
      </c>
      <c r="BL1406" t="s">
        <v>2439</v>
      </c>
      <c r="BM1406" t="s">
        <v>191</v>
      </c>
      <c r="BN1406" t="s">
        <v>2440</v>
      </c>
      <c r="BO1406" t="s">
        <v>218</v>
      </c>
      <c r="BP1406" t="s">
        <v>2441</v>
      </c>
    </row>
    <row r="1407" spans="1:69" x14ac:dyDescent="0.25">
      <c r="A1407" s="1">
        <v>30470598</v>
      </c>
      <c r="B1407" t="s">
        <v>151</v>
      </c>
      <c r="C1407" t="s">
        <v>39</v>
      </c>
      <c r="L1407" s="1">
        <v>0</v>
      </c>
      <c r="M1407" s="1">
        <v>0</v>
      </c>
      <c r="N1407" s="1">
        <v>0</v>
      </c>
      <c r="O1407" s="1">
        <v>0</v>
      </c>
      <c r="P1407" s="1">
        <v>0</v>
      </c>
      <c r="Q1407" s="1">
        <v>0</v>
      </c>
      <c r="S1407" s="1">
        <v>0</v>
      </c>
      <c r="T1407" s="1">
        <v>0</v>
      </c>
      <c r="AC1407" s="1">
        <v>0</v>
      </c>
      <c r="AD1407" s="1">
        <v>0</v>
      </c>
      <c r="AE1407" s="1">
        <v>0</v>
      </c>
      <c r="AF1407" s="1">
        <v>0</v>
      </c>
      <c r="AG1407" s="1">
        <v>0</v>
      </c>
      <c r="AH1407" s="1">
        <v>0</v>
      </c>
      <c r="AI1407" s="1">
        <v>0</v>
      </c>
      <c r="AJ1407" s="1">
        <v>0</v>
      </c>
      <c r="AK1407" s="1">
        <v>0</v>
      </c>
      <c r="AL1407" s="1">
        <v>0</v>
      </c>
      <c r="AM1407" s="1">
        <v>0</v>
      </c>
      <c r="AN1407" s="1">
        <v>0</v>
      </c>
      <c r="AO1407" s="1">
        <v>0</v>
      </c>
      <c r="AP1407" s="1">
        <v>0</v>
      </c>
      <c r="AQ1407" s="1">
        <v>0</v>
      </c>
      <c r="AR1407" s="1">
        <v>0</v>
      </c>
      <c r="AS1407" s="1">
        <v>0</v>
      </c>
      <c r="AT1407" s="1">
        <v>0</v>
      </c>
      <c r="AU1407" s="1">
        <v>0</v>
      </c>
      <c r="AV1407" s="1">
        <v>0</v>
      </c>
      <c r="BF1407" s="1">
        <v>0</v>
      </c>
      <c r="BG1407" s="1">
        <v>0</v>
      </c>
      <c r="BH1407" s="1">
        <v>0</v>
      </c>
      <c r="BK1407" s="1">
        <v>0</v>
      </c>
      <c r="BM1407" s="1">
        <v>0</v>
      </c>
      <c r="BO1407" s="1">
        <v>0</v>
      </c>
    </row>
    <row r="1408" spans="1:69" x14ac:dyDescent="0.25">
      <c r="A1408" s="1">
        <v>30470757</v>
      </c>
      <c r="B1408" t="s">
        <v>3655</v>
      </c>
      <c r="C1408" t="s">
        <v>39</v>
      </c>
      <c r="D1408" t="s">
        <v>3138</v>
      </c>
      <c r="E1408" t="s">
        <v>200</v>
      </c>
      <c r="L1408" t="s">
        <v>52</v>
      </c>
      <c r="M1408" s="1">
        <v>0</v>
      </c>
      <c r="N1408" s="1">
        <v>0</v>
      </c>
      <c r="O1408" t="s">
        <v>3139</v>
      </c>
      <c r="P1408" t="s">
        <v>176</v>
      </c>
      <c r="Q1408" t="s">
        <v>238</v>
      </c>
      <c r="S1408" t="s">
        <v>222</v>
      </c>
      <c r="T1408" t="s">
        <v>200</v>
      </c>
      <c r="AC1408" t="s">
        <v>225</v>
      </c>
      <c r="AD1408" t="s">
        <v>200</v>
      </c>
      <c r="AE1408" t="s">
        <v>200</v>
      </c>
      <c r="AF1408" t="s">
        <v>200</v>
      </c>
      <c r="AG1408" t="s">
        <v>200</v>
      </c>
      <c r="AH1408" t="s">
        <v>200</v>
      </c>
      <c r="AI1408" t="s">
        <v>200</v>
      </c>
      <c r="AJ1408" t="s">
        <v>200</v>
      </c>
      <c r="AK1408" t="s">
        <v>200</v>
      </c>
      <c r="AL1408" t="s">
        <v>42</v>
      </c>
      <c r="AM1408" t="s">
        <v>185</v>
      </c>
      <c r="AN1408" t="s">
        <v>183</v>
      </c>
      <c r="AO1408" t="s">
        <v>184</v>
      </c>
      <c r="AP1408" t="s">
        <v>205</v>
      </c>
      <c r="AQ1408" t="s">
        <v>202</v>
      </c>
      <c r="AR1408" t="s">
        <v>203</v>
      </c>
      <c r="AS1408" t="s">
        <v>206</v>
      </c>
      <c r="AT1408" t="s">
        <v>201</v>
      </c>
      <c r="AU1408" t="s">
        <v>204</v>
      </c>
      <c r="AV1408" t="s">
        <v>182</v>
      </c>
      <c r="AX1408" t="s">
        <v>186</v>
      </c>
      <c r="AY1408" t="s">
        <v>187</v>
      </c>
      <c r="AZ1408" t="s">
        <v>207</v>
      </c>
      <c r="BA1408" t="s">
        <v>188</v>
      </c>
      <c r="BB1408" t="s">
        <v>208</v>
      </c>
      <c r="BF1408" t="s">
        <v>210</v>
      </c>
      <c r="BG1408" s="1">
        <v>0</v>
      </c>
      <c r="BH1408" t="s">
        <v>464</v>
      </c>
      <c r="BK1408" t="s">
        <v>191</v>
      </c>
      <c r="BL1408" t="s">
        <v>3656</v>
      </c>
      <c r="BM1408" t="s">
        <v>191</v>
      </c>
      <c r="BN1408" t="s">
        <v>3657</v>
      </c>
      <c r="BO1408" t="s">
        <v>191</v>
      </c>
      <c r="BP1408" t="s">
        <v>3658</v>
      </c>
    </row>
    <row r="1409" spans="1:69" x14ac:dyDescent="0.25">
      <c r="A1409" s="1">
        <v>30470831</v>
      </c>
      <c r="B1409" t="s">
        <v>3043</v>
      </c>
      <c r="C1409" t="s">
        <v>39</v>
      </c>
      <c r="D1409" t="s">
        <v>2512</v>
      </c>
      <c r="E1409" t="s">
        <v>175</v>
      </c>
      <c r="L1409" t="s">
        <v>52</v>
      </c>
      <c r="M1409" s="1">
        <v>0</v>
      </c>
      <c r="N1409" s="1">
        <v>0</v>
      </c>
      <c r="O1409" t="s">
        <v>2512</v>
      </c>
      <c r="P1409" t="s">
        <v>176</v>
      </c>
      <c r="Q1409" t="s">
        <v>238</v>
      </c>
      <c r="S1409" t="s">
        <v>178</v>
      </c>
      <c r="T1409" t="s">
        <v>175</v>
      </c>
      <c r="Y1409" t="s">
        <v>224</v>
      </c>
      <c r="AC1409" t="s">
        <v>199</v>
      </c>
      <c r="AD1409" t="s">
        <v>175</v>
      </c>
      <c r="AE1409" t="s">
        <v>181</v>
      </c>
      <c r="AF1409" t="s">
        <v>299</v>
      </c>
      <c r="AG1409" t="s">
        <v>230</v>
      </c>
      <c r="AH1409" t="s">
        <v>175</v>
      </c>
      <c r="AI1409" t="s">
        <v>175</v>
      </c>
      <c r="AJ1409" t="s">
        <v>181</v>
      </c>
      <c r="AK1409" t="s">
        <v>181</v>
      </c>
      <c r="AL1409" t="s">
        <v>52</v>
      </c>
      <c r="AM1409" t="s">
        <v>205</v>
      </c>
      <c r="AN1409" t="s">
        <v>182</v>
      </c>
      <c r="AO1409" t="s">
        <v>204</v>
      </c>
      <c r="AP1409" t="s">
        <v>184</v>
      </c>
      <c r="AQ1409" t="s">
        <v>206</v>
      </c>
      <c r="AR1409" t="s">
        <v>202</v>
      </c>
      <c r="AS1409" t="s">
        <v>185</v>
      </c>
      <c r="AT1409" t="s">
        <v>183</v>
      </c>
      <c r="AU1409" t="s">
        <v>201</v>
      </c>
      <c r="AV1409" t="s">
        <v>203</v>
      </c>
      <c r="BC1409" t="s">
        <v>209</v>
      </c>
      <c r="BF1409" t="s">
        <v>210</v>
      </c>
      <c r="BG1409" s="1">
        <v>0</v>
      </c>
      <c r="BH1409" t="s">
        <v>211</v>
      </c>
      <c r="BK1409" t="s">
        <v>191</v>
      </c>
      <c r="BM1409" t="s">
        <v>191</v>
      </c>
      <c r="BO1409" t="s">
        <v>218</v>
      </c>
    </row>
    <row r="1410" spans="1:69" x14ac:dyDescent="0.25">
      <c r="A1410" s="1">
        <v>30470935</v>
      </c>
      <c r="B1410" t="s">
        <v>152</v>
      </c>
      <c r="C1410" t="s">
        <v>39</v>
      </c>
      <c r="L1410" s="1">
        <v>0</v>
      </c>
      <c r="M1410" s="1">
        <v>0</v>
      </c>
      <c r="N1410" s="1">
        <v>0</v>
      </c>
      <c r="O1410" s="1">
        <v>0</v>
      </c>
      <c r="P1410" s="1">
        <v>0</v>
      </c>
      <c r="Q1410" s="1">
        <v>0</v>
      </c>
      <c r="S1410" s="1">
        <v>0</v>
      </c>
      <c r="T1410" s="1">
        <v>0</v>
      </c>
      <c r="AC1410" s="1">
        <v>0</v>
      </c>
      <c r="AD1410" s="1">
        <v>0</v>
      </c>
      <c r="AE1410" s="1">
        <v>0</v>
      </c>
      <c r="AF1410" s="1">
        <v>0</v>
      </c>
      <c r="AG1410" s="1">
        <v>0</v>
      </c>
      <c r="AH1410" s="1">
        <v>0</v>
      </c>
      <c r="AI1410" s="1">
        <v>0</v>
      </c>
      <c r="AJ1410" s="1">
        <v>0</v>
      </c>
      <c r="AK1410" s="1">
        <v>0</v>
      </c>
      <c r="AL1410" s="1">
        <v>0</v>
      </c>
      <c r="AM1410" s="1">
        <v>0</v>
      </c>
      <c r="AN1410" s="1">
        <v>0</v>
      </c>
      <c r="AO1410" s="1">
        <v>0</v>
      </c>
      <c r="AP1410" s="1">
        <v>0</v>
      </c>
      <c r="AQ1410" s="1">
        <v>0</v>
      </c>
      <c r="AR1410" s="1">
        <v>0</v>
      </c>
      <c r="AS1410" s="1">
        <v>0</v>
      </c>
      <c r="AT1410" s="1">
        <v>0</v>
      </c>
      <c r="AU1410" s="1">
        <v>0</v>
      </c>
      <c r="AV1410" s="1">
        <v>0</v>
      </c>
      <c r="BF1410" s="1">
        <v>0</v>
      </c>
      <c r="BG1410" s="1">
        <v>0</v>
      </c>
      <c r="BH1410" s="1">
        <v>0</v>
      </c>
      <c r="BK1410" s="1">
        <v>0</v>
      </c>
      <c r="BM1410" s="1">
        <v>0</v>
      </c>
      <c r="BO1410" s="1">
        <v>0</v>
      </c>
    </row>
    <row r="1411" spans="1:69" x14ac:dyDescent="0.25">
      <c r="A1411" s="1">
        <v>30470993</v>
      </c>
      <c r="B1411" t="s">
        <v>1538</v>
      </c>
      <c r="C1411" t="s">
        <v>39</v>
      </c>
      <c r="D1411" t="s">
        <v>942</v>
      </c>
      <c r="E1411" t="s">
        <v>175</v>
      </c>
      <c r="L1411" t="s">
        <v>52</v>
      </c>
      <c r="M1411" s="1">
        <v>0</v>
      </c>
      <c r="N1411" s="1">
        <v>0</v>
      </c>
      <c r="O1411" t="s">
        <v>942</v>
      </c>
      <c r="P1411" t="s">
        <v>216</v>
      </c>
      <c r="Q1411" t="s">
        <v>322</v>
      </c>
      <c r="S1411" s="1">
        <v>0</v>
      </c>
      <c r="T1411" t="s">
        <v>175</v>
      </c>
      <c r="Y1411" t="s">
        <v>224</v>
      </c>
      <c r="AC1411" t="s">
        <v>225</v>
      </c>
      <c r="AD1411" t="s">
        <v>175</v>
      </c>
      <c r="AE1411" t="s">
        <v>175</v>
      </c>
      <c r="AF1411" t="s">
        <v>175</v>
      </c>
      <c r="AG1411" t="s">
        <v>175</v>
      </c>
      <c r="AH1411" t="s">
        <v>175</v>
      </c>
      <c r="AI1411" t="s">
        <v>175</v>
      </c>
      <c r="AJ1411" t="s">
        <v>175</v>
      </c>
      <c r="AK1411" t="s">
        <v>175</v>
      </c>
      <c r="AL1411" t="s">
        <v>52</v>
      </c>
      <c r="AM1411" s="1">
        <v>0</v>
      </c>
      <c r="AN1411" s="1">
        <v>0</v>
      </c>
      <c r="AO1411" s="1">
        <v>0</v>
      </c>
      <c r="AP1411" s="1">
        <v>0</v>
      </c>
      <c r="AQ1411" s="1">
        <v>0</v>
      </c>
      <c r="AR1411" s="1">
        <v>0</v>
      </c>
      <c r="AS1411" s="1">
        <v>0</v>
      </c>
      <c r="AT1411" s="1">
        <v>0</v>
      </c>
      <c r="AU1411" s="1">
        <v>0</v>
      </c>
      <c r="AV1411" s="1">
        <v>0</v>
      </c>
      <c r="AZ1411" t="s">
        <v>207</v>
      </c>
      <c r="BF1411" t="s">
        <v>292</v>
      </c>
      <c r="BG1411" t="s">
        <v>276</v>
      </c>
      <c r="BH1411" t="s">
        <v>190</v>
      </c>
      <c r="BK1411" t="s">
        <v>191</v>
      </c>
      <c r="BL1411" t="s">
        <v>1539</v>
      </c>
      <c r="BM1411" t="s">
        <v>218</v>
      </c>
      <c r="BO1411" t="s">
        <v>191</v>
      </c>
    </row>
    <row r="1412" spans="1:69" x14ac:dyDescent="0.25">
      <c r="A1412" s="1">
        <v>30471004</v>
      </c>
      <c r="B1412" t="s">
        <v>1540</v>
      </c>
      <c r="C1412" t="s">
        <v>39</v>
      </c>
      <c r="D1412" t="s">
        <v>942</v>
      </c>
      <c r="E1412" t="s">
        <v>175</v>
      </c>
      <c r="L1412" t="s">
        <v>52</v>
      </c>
      <c r="M1412" s="1">
        <v>0</v>
      </c>
      <c r="N1412" s="1">
        <v>0</v>
      </c>
      <c r="O1412" t="s">
        <v>942</v>
      </c>
      <c r="P1412" t="s">
        <v>176</v>
      </c>
      <c r="Q1412" t="s">
        <v>238</v>
      </c>
      <c r="S1412" t="s">
        <v>178</v>
      </c>
      <c r="T1412" t="s">
        <v>175</v>
      </c>
      <c r="Y1412" t="s">
        <v>224</v>
      </c>
      <c r="AC1412" t="s">
        <v>180</v>
      </c>
      <c r="AD1412" t="s">
        <v>175</v>
      </c>
      <c r="AE1412" t="s">
        <v>175</v>
      </c>
      <c r="AF1412" t="s">
        <v>175</v>
      </c>
      <c r="AG1412" t="s">
        <v>175</v>
      </c>
      <c r="AH1412" t="s">
        <v>175</v>
      </c>
      <c r="AI1412" t="s">
        <v>175</v>
      </c>
      <c r="AJ1412" t="s">
        <v>175</v>
      </c>
      <c r="AK1412" t="s">
        <v>175</v>
      </c>
      <c r="AL1412" t="s">
        <v>52</v>
      </c>
      <c r="AM1412" t="s">
        <v>184</v>
      </c>
      <c r="AN1412" t="s">
        <v>201</v>
      </c>
      <c r="AO1412" t="s">
        <v>185</v>
      </c>
      <c r="AP1412" t="s">
        <v>182</v>
      </c>
      <c r="AQ1412" t="s">
        <v>202</v>
      </c>
      <c r="AR1412" t="s">
        <v>203</v>
      </c>
      <c r="AS1412" t="s">
        <v>183</v>
      </c>
      <c r="AT1412" t="s">
        <v>206</v>
      </c>
      <c r="AU1412" t="s">
        <v>205</v>
      </c>
      <c r="AV1412" t="s">
        <v>204</v>
      </c>
      <c r="AY1412" t="s">
        <v>187</v>
      </c>
      <c r="AZ1412" t="s">
        <v>207</v>
      </c>
      <c r="BA1412" t="s">
        <v>188</v>
      </c>
      <c r="BC1412" t="s">
        <v>209</v>
      </c>
      <c r="BF1412" t="s">
        <v>210</v>
      </c>
      <c r="BG1412" s="1">
        <v>0</v>
      </c>
      <c r="BH1412" t="s">
        <v>247</v>
      </c>
      <c r="BK1412" t="s">
        <v>191</v>
      </c>
      <c r="BL1412" t="s">
        <v>1541</v>
      </c>
      <c r="BM1412" t="s">
        <v>218</v>
      </c>
      <c r="BO1412" t="s">
        <v>218</v>
      </c>
    </row>
    <row r="1413" spans="1:69" x14ac:dyDescent="0.25">
      <c r="A1413" s="1">
        <v>30471192</v>
      </c>
      <c r="B1413" t="s">
        <v>833</v>
      </c>
      <c r="C1413" t="s">
        <v>39</v>
      </c>
      <c r="D1413" t="s">
        <v>174</v>
      </c>
      <c r="E1413" t="s">
        <v>200</v>
      </c>
      <c r="L1413" t="s">
        <v>52</v>
      </c>
      <c r="M1413" s="1">
        <v>0</v>
      </c>
      <c r="N1413" s="1">
        <v>0</v>
      </c>
      <c r="O1413" t="s">
        <v>174</v>
      </c>
      <c r="P1413" t="s">
        <v>176</v>
      </c>
      <c r="Q1413" t="s">
        <v>238</v>
      </c>
      <c r="S1413" t="s">
        <v>222</v>
      </c>
      <c r="T1413" t="s">
        <v>200</v>
      </c>
      <c r="AA1413" t="s">
        <v>273</v>
      </c>
      <c r="AB1413" t="s">
        <v>834</v>
      </c>
      <c r="AC1413" t="s">
        <v>180</v>
      </c>
      <c r="AD1413" t="s">
        <v>299</v>
      </c>
      <c r="AE1413" t="s">
        <v>299</v>
      </c>
      <c r="AF1413" t="s">
        <v>299</v>
      </c>
      <c r="AG1413" t="s">
        <v>299</v>
      </c>
      <c r="AH1413" t="s">
        <v>299</v>
      </c>
      <c r="AI1413" t="s">
        <v>299</v>
      </c>
      <c r="AJ1413" t="s">
        <v>299</v>
      </c>
      <c r="AK1413" t="s">
        <v>299</v>
      </c>
      <c r="AL1413" t="s">
        <v>42</v>
      </c>
      <c r="AM1413" t="s">
        <v>204</v>
      </c>
      <c r="AN1413" t="s">
        <v>183</v>
      </c>
      <c r="AO1413" t="s">
        <v>203</v>
      </c>
      <c r="AP1413" t="s">
        <v>182</v>
      </c>
      <c r="AQ1413" t="s">
        <v>185</v>
      </c>
      <c r="AR1413" t="s">
        <v>184</v>
      </c>
      <c r="AS1413" t="s">
        <v>202</v>
      </c>
      <c r="AT1413" t="s">
        <v>201</v>
      </c>
      <c r="AU1413" t="s">
        <v>206</v>
      </c>
      <c r="AV1413" t="s">
        <v>205</v>
      </c>
      <c r="AX1413" t="s">
        <v>186</v>
      </c>
      <c r="BF1413" t="s">
        <v>210</v>
      </c>
      <c r="BG1413" s="1">
        <v>0</v>
      </c>
      <c r="BH1413" t="s">
        <v>247</v>
      </c>
      <c r="BK1413" t="s">
        <v>191</v>
      </c>
      <c r="BL1413" t="s">
        <v>835</v>
      </c>
      <c r="BM1413" t="s">
        <v>191</v>
      </c>
      <c r="BN1413" t="s">
        <v>836</v>
      </c>
      <c r="BO1413" t="s">
        <v>191</v>
      </c>
      <c r="BP1413" t="s">
        <v>837</v>
      </c>
      <c r="BQ1413" t="s">
        <v>838</v>
      </c>
    </row>
    <row r="1414" spans="1:69" x14ac:dyDescent="0.25">
      <c r="A1414" s="1">
        <v>30471254</v>
      </c>
      <c r="B1414" t="s">
        <v>3659</v>
      </c>
      <c r="C1414" t="s">
        <v>39</v>
      </c>
      <c r="D1414" t="s">
        <v>3138</v>
      </c>
      <c r="E1414" t="s">
        <v>200</v>
      </c>
      <c r="L1414" t="s">
        <v>52</v>
      </c>
      <c r="M1414" s="1">
        <v>0</v>
      </c>
      <c r="N1414" s="1">
        <v>0</v>
      </c>
      <c r="O1414" t="s">
        <v>3139</v>
      </c>
      <c r="P1414" t="s">
        <v>176</v>
      </c>
      <c r="Q1414" t="s">
        <v>196</v>
      </c>
      <c r="S1414" t="s">
        <v>256</v>
      </c>
      <c r="T1414" t="s">
        <v>200</v>
      </c>
      <c r="Z1414" t="s">
        <v>244</v>
      </c>
      <c r="AC1414" t="s">
        <v>49</v>
      </c>
      <c r="AD1414" t="s">
        <v>181</v>
      </c>
      <c r="AE1414" t="s">
        <v>181</v>
      </c>
      <c r="AF1414" t="s">
        <v>181</v>
      </c>
      <c r="AG1414" t="s">
        <v>181</v>
      </c>
      <c r="AH1414" t="s">
        <v>181</v>
      </c>
      <c r="AI1414" t="s">
        <v>181</v>
      </c>
      <c r="AJ1414" t="s">
        <v>181</v>
      </c>
      <c r="AK1414" t="s">
        <v>181</v>
      </c>
      <c r="AL1414" t="s">
        <v>52</v>
      </c>
      <c r="AM1414" t="s">
        <v>184</v>
      </c>
      <c r="AN1414" t="s">
        <v>183</v>
      </c>
      <c r="AO1414" t="s">
        <v>182</v>
      </c>
      <c r="AP1414" t="s">
        <v>185</v>
      </c>
      <c r="AQ1414" t="s">
        <v>202</v>
      </c>
      <c r="AR1414" t="s">
        <v>203</v>
      </c>
      <c r="AS1414" t="s">
        <v>205</v>
      </c>
      <c r="AT1414" t="s">
        <v>206</v>
      </c>
      <c r="AU1414" t="s">
        <v>201</v>
      </c>
      <c r="AV1414" t="s">
        <v>204</v>
      </c>
      <c r="AX1414" t="s">
        <v>186</v>
      </c>
      <c r="AY1414" t="s">
        <v>187</v>
      </c>
      <c r="AZ1414" t="s">
        <v>207</v>
      </c>
      <c r="BC1414" t="s">
        <v>209</v>
      </c>
      <c r="BF1414" t="s">
        <v>292</v>
      </c>
      <c r="BG1414" t="s">
        <v>276</v>
      </c>
      <c r="BH1414" t="s">
        <v>211</v>
      </c>
      <c r="BK1414" t="s">
        <v>191</v>
      </c>
      <c r="BM1414" t="s">
        <v>191</v>
      </c>
      <c r="BO1414" t="s">
        <v>218</v>
      </c>
      <c r="BP1414" t="s">
        <v>367</v>
      </c>
    </row>
    <row r="1415" spans="1:69" x14ac:dyDescent="0.25">
      <c r="A1415" s="1">
        <v>30471728</v>
      </c>
      <c r="B1415" t="s">
        <v>3660</v>
      </c>
      <c r="C1415" t="s">
        <v>39</v>
      </c>
      <c r="D1415" t="s">
        <v>3138</v>
      </c>
      <c r="E1415" t="s">
        <v>175</v>
      </c>
      <c r="L1415" t="s">
        <v>52</v>
      </c>
      <c r="M1415" s="1">
        <v>0</v>
      </c>
      <c r="N1415" s="1">
        <v>0</v>
      </c>
      <c r="O1415" t="s">
        <v>3139</v>
      </c>
      <c r="P1415" t="s">
        <v>176</v>
      </c>
      <c r="Q1415" t="s">
        <v>238</v>
      </c>
      <c r="S1415" t="s">
        <v>178</v>
      </c>
      <c r="T1415" t="s">
        <v>175</v>
      </c>
      <c r="X1415" t="s">
        <v>179</v>
      </c>
      <c r="AC1415" t="s">
        <v>180</v>
      </c>
      <c r="AD1415" t="s">
        <v>175</v>
      </c>
      <c r="AE1415" t="s">
        <v>175</v>
      </c>
      <c r="AF1415" t="s">
        <v>175</v>
      </c>
      <c r="AG1415" t="s">
        <v>175</v>
      </c>
      <c r="AH1415" t="s">
        <v>175</v>
      </c>
      <c r="AI1415" t="s">
        <v>175</v>
      </c>
      <c r="AJ1415" t="s">
        <v>175</v>
      </c>
      <c r="AK1415" t="s">
        <v>175</v>
      </c>
      <c r="AL1415" t="s">
        <v>42</v>
      </c>
      <c r="AM1415" t="s">
        <v>183</v>
      </c>
      <c r="AN1415" t="s">
        <v>205</v>
      </c>
      <c r="AO1415" t="s">
        <v>204</v>
      </c>
      <c r="AP1415" t="s">
        <v>182</v>
      </c>
      <c r="AQ1415" t="s">
        <v>184</v>
      </c>
      <c r="AR1415" t="s">
        <v>185</v>
      </c>
      <c r="AS1415" t="s">
        <v>201</v>
      </c>
      <c r="AT1415" t="s">
        <v>203</v>
      </c>
      <c r="AU1415" t="s">
        <v>202</v>
      </c>
      <c r="AV1415" t="s">
        <v>206</v>
      </c>
      <c r="AX1415" t="s">
        <v>186</v>
      </c>
      <c r="AY1415" t="s">
        <v>187</v>
      </c>
      <c r="AZ1415" t="s">
        <v>207</v>
      </c>
      <c r="BA1415" t="s">
        <v>188</v>
      </c>
      <c r="BB1415" t="s">
        <v>208</v>
      </c>
      <c r="BF1415" t="s">
        <v>189</v>
      </c>
      <c r="BG1415" s="1">
        <v>0</v>
      </c>
      <c r="BH1415" t="s">
        <v>464</v>
      </c>
      <c r="BK1415" t="s">
        <v>191</v>
      </c>
      <c r="BL1415" t="s">
        <v>3661</v>
      </c>
      <c r="BM1415" s="1">
        <v>0</v>
      </c>
      <c r="BO1415" s="1">
        <v>0</v>
      </c>
    </row>
    <row r="1416" spans="1:69" x14ac:dyDescent="0.25">
      <c r="A1416" s="1">
        <v>30472506</v>
      </c>
      <c r="B1416" t="s">
        <v>1542</v>
      </c>
      <c r="C1416" t="s">
        <v>39</v>
      </c>
      <c r="D1416" t="s">
        <v>942</v>
      </c>
      <c r="E1416" t="s">
        <v>195</v>
      </c>
      <c r="L1416" t="s">
        <v>52</v>
      </c>
      <c r="M1416" s="1">
        <v>0</v>
      </c>
      <c r="N1416" s="1">
        <v>0</v>
      </c>
      <c r="O1416" t="s">
        <v>942</v>
      </c>
      <c r="P1416" t="s">
        <v>176</v>
      </c>
      <c r="Q1416" t="s">
        <v>177</v>
      </c>
      <c r="S1416" t="s">
        <v>222</v>
      </c>
      <c r="T1416" t="s">
        <v>197</v>
      </c>
      <c r="U1416" t="s">
        <v>1543</v>
      </c>
      <c r="W1416" t="s">
        <v>262</v>
      </c>
      <c r="X1416" t="s">
        <v>179</v>
      </c>
      <c r="AC1416" t="s">
        <v>180</v>
      </c>
      <c r="AD1416" s="1">
        <v>0</v>
      </c>
      <c r="AE1416" s="1">
        <v>0</v>
      </c>
      <c r="AF1416" s="1">
        <v>0</v>
      </c>
      <c r="AG1416" s="1">
        <v>0</v>
      </c>
      <c r="AH1416" s="1">
        <v>0</v>
      </c>
      <c r="AI1416" s="1">
        <v>0</v>
      </c>
      <c r="AJ1416" s="1">
        <v>0</v>
      </c>
      <c r="AK1416" s="1">
        <v>0</v>
      </c>
      <c r="AL1416" s="1">
        <v>0</v>
      </c>
      <c r="AM1416" s="1">
        <v>0</v>
      </c>
      <c r="AN1416" s="1">
        <v>0</v>
      </c>
      <c r="AO1416" s="1">
        <v>0</v>
      </c>
      <c r="AP1416" s="1">
        <v>0</v>
      </c>
      <c r="AQ1416" s="1">
        <v>0</v>
      </c>
      <c r="AR1416" s="1">
        <v>0</v>
      </c>
      <c r="AS1416" s="1">
        <v>0</v>
      </c>
      <c r="AT1416" s="1">
        <v>0</v>
      </c>
      <c r="AU1416" s="1">
        <v>0</v>
      </c>
      <c r="AV1416" s="1">
        <v>0</v>
      </c>
      <c r="BF1416" s="1">
        <v>0</v>
      </c>
      <c r="BG1416" s="1">
        <v>0</v>
      </c>
      <c r="BH1416" s="1">
        <v>0</v>
      </c>
      <c r="BK1416" s="1">
        <v>0</v>
      </c>
      <c r="BM1416" s="1">
        <v>0</v>
      </c>
      <c r="BO1416" s="1">
        <v>0</v>
      </c>
    </row>
    <row r="1417" spans="1:69" x14ac:dyDescent="0.25">
      <c r="A1417" s="1">
        <v>30472848</v>
      </c>
      <c r="B1417" t="s">
        <v>1544</v>
      </c>
      <c r="C1417" t="s">
        <v>39</v>
      </c>
      <c r="D1417" t="s">
        <v>942</v>
      </c>
      <c r="E1417" t="s">
        <v>175</v>
      </c>
      <c r="L1417" t="s">
        <v>52</v>
      </c>
      <c r="M1417" s="1">
        <v>0</v>
      </c>
      <c r="N1417" s="1">
        <v>0</v>
      </c>
      <c r="O1417" t="s">
        <v>942</v>
      </c>
      <c r="P1417" t="s">
        <v>176</v>
      </c>
      <c r="Q1417" t="s">
        <v>177</v>
      </c>
      <c r="S1417" t="s">
        <v>178</v>
      </c>
      <c r="T1417" t="s">
        <v>175</v>
      </c>
      <c r="Y1417" t="s">
        <v>224</v>
      </c>
      <c r="AC1417" t="s">
        <v>199</v>
      </c>
      <c r="AD1417" t="s">
        <v>175</v>
      </c>
      <c r="AE1417" t="s">
        <v>175</v>
      </c>
      <c r="AF1417" t="s">
        <v>175</v>
      </c>
      <c r="AG1417" t="s">
        <v>175</v>
      </c>
      <c r="AH1417" t="s">
        <v>175</v>
      </c>
      <c r="AI1417" t="s">
        <v>175</v>
      </c>
      <c r="AJ1417" t="s">
        <v>175</v>
      </c>
      <c r="AK1417" t="s">
        <v>175</v>
      </c>
      <c r="AL1417" t="s">
        <v>42</v>
      </c>
      <c r="AM1417" t="s">
        <v>183</v>
      </c>
      <c r="AN1417" t="s">
        <v>201</v>
      </c>
      <c r="AO1417" t="s">
        <v>185</v>
      </c>
      <c r="AP1417" t="s">
        <v>202</v>
      </c>
      <c r="AQ1417" t="s">
        <v>204</v>
      </c>
      <c r="AR1417" t="s">
        <v>184</v>
      </c>
      <c r="AS1417" t="s">
        <v>203</v>
      </c>
      <c r="AT1417" t="s">
        <v>206</v>
      </c>
      <c r="AU1417" t="s">
        <v>205</v>
      </c>
      <c r="AV1417" t="s">
        <v>182</v>
      </c>
      <c r="AZ1417" t="s">
        <v>207</v>
      </c>
      <c r="BA1417" t="s">
        <v>188</v>
      </c>
      <c r="BB1417" t="s">
        <v>208</v>
      </c>
      <c r="BF1417" t="s">
        <v>232</v>
      </c>
      <c r="BG1417" t="s">
        <v>301</v>
      </c>
      <c r="BH1417" t="s">
        <v>211</v>
      </c>
      <c r="BK1417" t="s">
        <v>191</v>
      </c>
      <c r="BM1417" t="s">
        <v>191</v>
      </c>
      <c r="BO1417" t="s">
        <v>191</v>
      </c>
    </row>
    <row r="1418" spans="1:69" x14ac:dyDescent="0.25">
      <c r="A1418" s="1">
        <v>30473142</v>
      </c>
      <c r="B1418" t="s">
        <v>839</v>
      </c>
      <c r="C1418" t="s">
        <v>39</v>
      </c>
      <c r="D1418" t="s">
        <v>174</v>
      </c>
      <c r="E1418" t="s">
        <v>216</v>
      </c>
      <c r="L1418" t="s">
        <v>52</v>
      </c>
      <c r="M1418" s="1">
        <v>0</v>
      </c>
      <c r="N1418" s="1">
        <v>0</v>
      </c>
      <c r="O1418" t="s">
        <v>174</v>
      </c>
      <c r="P1418" t="s">
        <v>216</v>
      </c>
      <c r="Q1418" t="s">
        <v>322</v>
      </c>
      <c r="S1418" s="1">
        <v>0</v>
      </c>
      <c r="T1418" t="s">
        <v>297</v>
      </c>
      <c r="U1418" t="s">
        <v>840</v>
      </c>
      <c r="AC1418" t="s">
        <v>180</v>
      </c>
      <c r="AD1418" t="s">
        <v>230</v>
      </c>
      <c r="AE1418" t="s">
        <v>230</v>
      </c>
      <c r="AF1418" t="s">
        <v>230</v>
      </c>
      <c r="AG1418" t="s">
        <v>175</v>
      </c>
      <c r="AH1418" t="s">
        <v>175</v>
      </c>
      <c r="AI1418" t="s">
        <v>181</v>
      </c>
      <c r="AJ1418" t="s">
        <v>175</v>
      </c>
      <c r="AK1418" t="s">
        <v>230</v>
      </c>
      <c r="AL1418" t="s">
        <v>52</v>
      </c>
      <c r="AM1418" t="s">
        <v>183</v>
      </c>
      <c r="AN1418" t="s">
        <v>201</v>
      </c>
      <c r="AO1418" t="s">
        <v>182</v>
      </c>
      <c r="AP1418" t="s">
        <v>185</v>
      </c>
      <c r="AQ1418" t="s">
        <v>203</v>
      </c>
      <c r="AR1418" t="s">
        <v>202</v>
      </c>
      <c r="AS1418" t="s">
        <v>184</v>
      </c>
      <c r="AT1418" t="s">
        <v>206</v>
      </c>
      <c r="AU1418" t="s">
        <v>205</v>
      </c>
      <c r="AV1418" t="s">
        <v>204</v>
      </c>
      <c r="AX1418" t="s">
        <v>186</v>
      </c>
      <c r="AY1418" t="s">
        <v>187</v>
      </c>
      <c r="AZ1418" t="s">
        <v>207</v>
      </c>
      <c r="BA1418" t="s">
        <v>188</v>
      </c>
      <c r="BB1418" t="s">
        <v>208</v>
      </c>
      <c r="BC1418" t="s">
        <v>209</v>
      </c>
      <c r="BF1418" t="s">
        <v>189</v>
      </c>
      <c r="BG1418" s="1">
        <v>0</v>
      </c>
      <c r="BH1418" t="s">
        <v>302</v>
      </c>
      <c r="BI1418" t="s">
        <v>841</v>
      </c>
      <c r="BK1418" t="s">
        <v>191</v>
      </c>
      <c r="BM1418" t="s">
        <v>191</v>
      </c>
      <c r="BO1418" t="s">
        <v>218</v>
      </c>
      <c r="BP1418" t="s">
        <v>367</v>
      </c>
    </row>
    <row r="1419" spans="1:69" x14ac:dyDescent="0.25">
      <c r="A1419" s="1">
        <v>30473225</v>
      </c>
      <c r="B1419" t="s">
        <v>3044</v>
      </c>
      <c r="C1419" t="s">
        <v>39</v>
      </c>
      <c r="D1419" t="s">
        <v>2512</v>
      </c>
      <c r="E1419" t="s">
        <v>216</v>
      </c>
      <c r="L1419" t="s">
        <v>52</v>
      </c>
      <c r="M1419" s="1">
        <v>0</v>
      </c>
      <c r="N1419" s="1">
        <v>0</v>
      </c>
      <c r="O1419" t="s">
        <v>2512</v>
      </c>
      <c r="P1419" t="s">
        <v>216</v>
      </c>
      <c r="Q1419" t="s">
        <v>177</v>
      </c>
      <c r="S1419" s="1">
        <v>0</v>
      </c>
      <c r="T1419" t="s">
        <v>197</v>
      </c>
      <c r="U1419" t="s">
        <v>3045</v>
      </c>
      <c r="V1419" t="s">
        <v>397</v>
      </c>
      <c r="Y1419" t="s">
        <v>224</v>
      </c>
      <c r="AC1419" t="s">
        <v>266</v>
      </c>
      <c r="AD1419" t="s">
        <v>181</v>
      </c>
      <c r="AE1419" t="s">
        <v>181</v>
      </c>
      <c r="AF1419" t="s">
        <v>181</v>
      </c>
      <c r="AG1419" t="s">
        <v>181</v>
      </c>
      <c r="AH1419" t="s">
        <v>181</v>
      </c>
      <c r="AI1419" t="s">
        <v>230</v>
      </c>
      <c r="AJ1419" t="s">
        <v>181</v>
      </c>
      <c r="AK1419" t="s">
        <v>230</v>
      </c>
      <c r="AL1419" t="s">
        <v>42</v>
      </c>
      <c r="AM1419" t="s">
        <v>184</v>
      </c>
      <c r="AN1419" t="s">
        <v>183</v>
      </c>
      <c r="AO1419" t="s">
        <v>182</v>
      </c>
      <c r="AP1419" t="s">
        <v>185</v>
      </c>
      <c r="AQ1419" t="s">
        <v>203</v>
      </c>
      <c r="AR1419" t="s">
        <v>202</v>
      </c>
      <c r="AS1419" t="s">
        <v>204</v>
      </c>
      <c r="AT1419" t="s">
        <v>206</v>
      </c>
      <c r="AU1419" t="s">
        <v>201</v>
      </c>
      <c r="AV1419" t="s">
        <v>205</v>
      </c>
      <c r="AW1419" t="s">
        <v>3046</v>
      </c>
      <c r="AX1419" t="s">
        <v>186</v>
      </c>
      <c r="AZ1419" t="s">
        <v>207</v>
      </c>
      <c r="BA1419" t="s">
        <v>188</v>
      </c>
      <c r="BB1419" t="s">
        <v>208</v>
      </c>
      <c r="BF1419" t="s">
        <v>189</v>
      </c>
      <c r="BG1419" s="1">
        <v>0</v>
      </c>
      <c r="BH1419" t="s">
        <v>302</v>
      </c>
      <c r="BI1419" t="s">
        <v>3047</v>
      </c>
      <c r="BK1419" t="s">
        <v>191</v>
      </c>
      <c r="BL1419" t="s">
        <v>3048</v>
      </c>
      <c r="BM1419" s="1">
        <v>0</v>
      </c>
      <c r="BN1419" t="s">
        <v>3049</v>
      </c>
      <c r="BO1419" t="s">
        <v>191</v>
      </c>
      <c r="BP1419" t="s">
        <v>3050</v>
      </c>
    </row>
    <row r="1420" spans="1:69" x14ac:dyDescent="0.25">
      <c r="A1420" s="1">
        <v>30473259</v>
      </c>
      <c r="B1420" t="s">
        <v>1545</v>
      </c>
      <c r="C1420" t="s">
        <v>39</v>
      </c>
      <c r="D1420" t="s">
        <v>942</v>
      </c>
      <c r="E1420" t="s">
        <v>175</v>
      </c>
      <c r="L1420" t="s">
        <v>52</v>
      </c>
      <c r="M1420" s="1">
        <v>0</v>
      </c>
      <c r="N1420" s="1">
        <v>0</v>
      </c>
      <c r="O1420" t="s">
        <v>942</v>
      </c>
      <c r="P1420" t="s">
        <v>176</v>
      </c>
      <c r="Q1420" t="s">
        <v>238</v>
      </c>
      <c r="S1420" t="s">
        <v>222</v>
      </c>
      <c r="T1420" t="s">
        <v>175</v>
      </c>
      <c r="X1420" t="s">
        <v>179</v>
      </c>
      <c r="Y1420" t="s">
        <v>224</v>
      </c>
      <c r="AC1420" t="s">
        <v>199</v>
      </c>
      <c r="AD1420" t="s">
        <v>200</v>
      </c>
      <c r="AE1420" t="s">
        <v>175</v>
      </c>
      <c r="AF1420" t="s">
        <v>181</v>
      </c>
      <c r="AG1420" t="s">
        <v>181</v>
      </c>
      <c r="AH1420" t="s">
        <v>200</v>
      </c>
      <c r="AI1420" t="s">
        <v>200</v>
      </c>
      <c r="AJ1420" t="s">
        <v>175</v>
      </c>
      <c r="AK1420" t="s">
        <v>200</v>
      </c>
      <c r="AL1420" t="s">
        <v>49</v>
      </c>
      <c r="AM1420" s="1">
        <v>0</v>
      </c>
      <c r="AN1420" s="1">
        <v>0</v>
      </c>
      <c r="AO1420" t="s">
        <v>182</v>
      </c>
      <c r="AP1420" t="s">
        <v>184</v>
      </c>
      <c r="AQ1420" s="1">
        <v>0</v>
      </c>
      <c r="AR1420" s="1">
        <v>0</v>
      </c>
      <c r="AS1420" t="s">
        <v>183</v>
      </c>
      <c r="AT1420" s="1">
        <v>0</v>
      </c>
      <c r="AU1420" s="1">
        <v>0</v>
      </c>
      <c r="AV1420" t="s">
        <v>185</v>
      </c>
      <c r="BA1420" t="s">
        <v>188</v>
      </c>
      <c r="BC1420" t="s">
        <v>209</v>
      </c>
      <c r="BF1420" t="s">
        <v>210</v>
      </c>
      <c r="BG1420" s="1">
        <v>0</v>
      </c>
      <c r="BH1420" t="s">
        <v>302</v>
      </c>
      <c r="BI1420" t="s">
        <v>1546</v>
      </c>
      <c r="BK1420" t="s">
        <v>191</v>
      </c>
      <c r="BL1420" t="s">
        <v>1547</v>
      </c>
      <c r="BM1420" t="s">
        <v>218</v>
      </c>
      <c r="BN1420" t="s">
        <v>1548</v>
      </c>
      <c r="BO1420" t="s">
        <v>191</v>
      </c>
      <c r="BP1420" t="s">
        <v>1549</v>
      </c>
    </row>
    <row r="1421" spans="1:69" x14ac:dyDescent="0.25">
      <c r="A1421" s="1">
        <v>30473368</v>
      </c>
      <c r="B1421" t="s">
        <v>3051</v>
      </c>
      <c r="C1421" t="s">
        <v>39</v>
      </c>
      <c r="D1421" t="s">
        <v>2512</v>
      </c>
      <c r="E1421" t="s">
        <v>175</v>
      </c>
      <c r="L1421" t="s">
        <v>52</v>
      </c>
      <c r="M1421" s="1">
        <v>0</v>
      </c>
      <c r="N1421" s="1">
        <v>0</v>
      </c>
      <c r="O1421" t="s">
        <v>2512</v>
      </c>
      <c r="P1421" t="s">
        <v>216</v>
      </c>
      <c r="Q1421" t="s">
        <v>322</v>
      </c>
      <c r="S1421" s="1">
        <v>0</v>
      </c>
      <c r="T1421" t="s">
        <v>175</v>
      </c>
      <c r="W1421" t="s">
        <v>262</v>
      </c>
      <c r="AC1421" t="s">
        <v>180</v>
      </c>
      <c r="AD1421" t="s">
        <v>175</v>
      </c>
      <c r="AE1421" t="s">
        <v>175</v>
      </c>
      <c r="AF1421" t="s">
        <v>181</v>
      </c>
      <c r="AG1421" t="s">
        <v>200</v>
      </c>
      <c r="AH1421" t="s">
        <v>200</v>
      </c>
      <c r="AI1421" t="s">
        <v>200</v>
      </c>
      <c r="AJ1421" t="s">
        <v>175</v>
      </c>
      <c r="AK1421" t="s">
        <v>175</v>
      </c>
      <c r="AL1421" t="s">
        <v>42</v>
      </c>
      <c r="AM1421" t="s">
        <v>184</v>
      </c>
      <c r="AN1421" t="s">
        <v>202</v>
      </c>
      <c r="AO1421" t="s">
        <v>185</v>
      </c>
      <c r="AP1421" t="s">
        <v>182</v>
      </c>
      <c r="AQ1421" t="s">
        <v>201</v>
      </c>
      <c r="AR1421" t="s">
        <v>183</v>
      </c>
      <c r="AS1421" t="s">
        <v>206</v>
      </c>
      <c r="AT1421" t="s">
        <v>204</v>
      </c>
      <c r="AU1421" t="s">
        <v>203</v>
      </c>
      <c r="AV1421" t="s">
        <v>205</v>
      </c>
      <c r="AX1421" t="s">
        <v>186</v>
      </c>
      <c r="AY1421" t="s">
        <v>187</v>
      </c>
      <c r="AZ1421" t="s">
        <v>207</v>
      </c>
      <c r="BA1421" t="s">
        <v>188</v>
      </c>
      <c r="BC1421" t="s">
        <v>209</v>
      </c>
      <c r="BF1421" t="s">
        <v>189</v>
      </c>
      <c r="BG1421" s="1">
        <v>0</v>
      </c>
      <c r="BH1421" t="s">
        <v>211</v>
      </c>
      <c r="BK1421" t="s">
        <v>191</v>
      </c>
      <c r="BL1421" t="s">
        <v>3052</v>
      </c>
      <c r="BM1421" t="s">
        <v>191</v>
      </c>
      <c r="BN1421" t="s">
        <v>3053</v>
      </c>
      <c r="BO1421" t="s">
        <v>191</v>
      </c>
      <c r="BP1421" t="s">
        <v>3054</v>
      </c>
    </row>
    <row r="1422" spans="1:69" x14ac:dyDescent="0.25">
      <c r="A1422" s="1">
        <v>30473865</v>
      </c>
      <c r="B1422" t="s">
        <v>4528</v>
      </c>
      <c r="C1422" t="s">
        <v>39</v>
      </c>
      <c r="D1422" t="s">
        <v>3727</v>
      </c>
      <c r="E1422" t="s">
        <v>200</v>
      </c>
      <c r="L1422" t="s">
        <v>52</v>
      </c>
      <c r="M1422" s="1">
        <v>0</v>
      </c>
      <c r="N1422" s="1">
        <v>0</v>
      </c>
      <c r="O1422" t="s">
        <v>3728</v>
      </c>
      <c r="P1422" t="s">
        <v>176</v>
      </c>
      <c r="Q1422" t="s">
        <v>238</v>
      </c>
      <c r="S1422" t="s">
        <v>178</v>
      </c>
      <c r="T1422" t="s">
        <v>200</v>
      </c>
      <c r="Y1422" t="s">
        <v>224</v>
      </c>
      <c r="AC1422" t="s">
        <v>180</v>
      </c>
      <c r="AD1422" t="s">
        <v>175</v>
      </c>
      <c r="AE1422" t="s">
        <v>175</v>
      </c>
      <c r="AF1422" t="s">
        <v>175</v>
      </c>
      <c r="AG1422" t="s">
        <v>175</v>
      </c>
      <c r="AH1422" t="s">
        <v>200</v>
      </c>
      <c r="AI1422" t="s">
        <v>200</v>
      </c>
      <c r="AJ1422" t="s">
        <v>175</v>
      </c>
      <c r="AK1422" t="s">
        <v>181</v>
      </c>
      <c r="AL1422" t="s">
        <v>42</v>
      </c>
      <c r="AM1422" t="s">
        <v>203</v>
      </c>
      <c r="AN1422" t="s">
        <v>205</v>
      </c>
      <c r="AO1422" t="s">
        <v>185</v>
      </c>
      <c r="AP1422" t="s">
        <v>206</v>
      </c>
      <c r="AQ1422" t="s">
        <v>184</v>
      </c>
      <c r="AR1422" t="s">
        <v>182</v>
      </c>
      <c r="AS1422" t="s">
        <v>201</v>
      </c>
      <c r="AT1422" t="s">
        <v>204</v>
      </c>
      <c r="AU1422" t="s">
        <v>202</v>
      </c>
      <c r="AV1422" t="s">
        <v>183</v>
      </c>
      <c r="AX1422" t="s">
        <v>186</v>
      </c>
      <c r="AZ1422" t="s">
        <v>207</v>
      </c>
      <c r="BF1422" t="s">
        <v>210</v>
      </c>
      <c r="BG1422" s="1">
        <v>0</v>
      </c>
      <c r="BH1422" t="s">
        <v>211</v>
      </c>
      <c r="BK1422" t="s">
        <v>191</v>
      </c>
      <c r="BM1422" t="s">
        <v>218</v>
      </c>
      <c r="BO1422" t="s">
        <v>218</v>
      </c>
    </row>
    <row r="1423" spans="1:69" x14ac:dyDescent="0.25">
      <c r="A1423" s="1">
        <v>30474024</v>
      </c>
      <c r="B1423" t="s">
        <v>3662</v>
      </c>
      <c r="C1423" t="s">
        <v>39</v>
      </c>
      <c r="D1423" t="s">
        <v>3138</v>
      </c>
      <c r="E1423" t="s">
        <v>195</v>
      </c>
      <c r="L1423" t="s">
        <v>52</v>
      </c>
      <c r="M1423" s="1">
        <v>0</v>
      </c>
      <c r="N1423" s="1">
        <v>0</v>
      </c>
      <c r="O1423" t="s">
        <v>3139</v>
      </c>
      <c r="P1423" t="s">
        <v>176</v>
      </c>
      <c r="Q1423" t="s">
        <v>196</v>
      </c>
      <c r="S1423" t="s">
        <v>349</v>
      </c>
      <c r="T1423" s="1">
        <v>0</v>
      </c>
      <c r="AC1423" s="1">
        <v>0</v>
      </c>
      <c r="AD1423" s="1">
        <v>0</v>
      </c>
      <c r="AE1423" s="1">
        <v>0</v>
      </c>
      <c r="AF1423" s="1">
        <v>0</v>
      </c>
      <c r="AG1423" s="1">
        <v>0</v>
      </c>
      <c r="AH1423" s="1">
        <v>0</v>
      </c>
      <c r="AI1423" s="1">
        <v>0</v>
      </c>
      <c r="AJ1423" s="1">
        <v>0</v>
      </c>
      <c r="AK1423" s="1">
        <v>0</v>
      </c>
      <c r="AL1423" s="1">
        <v>0</v>
      </c>
      <c r="AM1423" s="1">
        <v>0</v>
      </c>
      <c r="AN1423" s="1">
        <v>0</v>
      </c>
      <c r="AO1423" s="1">
        <v>0</v>
      </c>
      <c r="AP1423" s="1">
        <v>0</v>
      </c>
      <c r="AQ1423" s="1">
        <v>0</v>
      </c>
      <c r="AR1423" s="1">
        <v>0</v>
      </c>
      <c r="AS1423" s="1">
        <v>0</v>
      </c>
      <c r="AT1423" s="1">
        <v>0</v>
      </c>
      <c r="AU1423" s="1">
        <v>0</v>
      </c>
      <c r="AV1423" s="1">
        <v>0</v>
      </c>
      <c r="BF1423" s="1">
        <v>0</v>
      </c>
      <c r="BG1423" s="1">
        <v>0</v>
      </c>
      <c r="BH1423" s="1">
        <v>0</v>
      </c>
      <c r="BK1423" s="1">
        <v>0</v>
      </c>
      <c r="BM1423" s="1">
        <v>0</v>
      </c>
      <c r="BO1423" s="1">
        <v>0</v>
      </c>
    </row>
    <row r="1424" spans="1:69" x14ac:dyDescent="0.25">
      <c r="A1424" s="1">
        <v>30474103</v>
      </c>
      <c r="B1424" t="s">
        <v>2442</v>
      </c>
      <c r="C1424" t="s">
        <v>39</v>
      </c>
      <c r="D1424" t="s">
        <v>1616</v>
      </c>
      <c r="E1424" t="s">
        <v>216</v>
      </c>
      <c r="L1424" t="s">
        <v>52</v>
      </c>
      <c r="M1424" s="1">
        <v>0</v>
      </c>
      <c r="N1424" s="1">
        <v>0</v>
      </c>
      <c r="O1424" t="s">
        <v>1616</v>
      </c>
      <c r="P1424" t="s">
        <v>216</v>
      </c>
      <c r="Q1424" t="s">
        <v>328</v>
      </c>
      <c r="S1424" s="1">
        <v>0</v>
      </c>
      <c r="T1424" t="s">
        <v>49</v>
      </c>
      <c r="Z1424" t="s">
        <v>244</v>
      </c>
      <c r="AC1424" t="s">
        <v>266</v>
      </c>
      <c r="AD1424" t="s">
        <v>181</v>
      </c>
      <c r="AE1424" t="s">
        <v>181</v>
      </c>
      <c r="AF1424" t="s">
        <v>181</v>
      </c>
      <c r="AG1424" t="s">
        <v>181</v>
      </c>
      <c r="AH1424" t="s">
        <v>181</v>
      </c>
      <c r="AI1424" t="s">
        <v>181</v>
      </c>
      <c r="AJ1424" t="s">
        <v>181</v>
      </c>
      <c r="AK1424" t="s">
        <v>181</v>
      </c>
      <c r="AL1424" t="s">
        <v>42</v>
      </c>
      <c r="AM1424" s="1">
        <v>0</v>
      </c>
      <c r="AN1424" s="1">
        <v>0</v>
      </c>
      <c r="AO1424" s="1">
        <v>0</v>
      </c>
      <c r="AP1424" s="1">
        <v>0</v>
      </c>
      <c r="AQ1424" s="1">
        <v>0</v>
      </c>
      <c r="AR1424" s="1">
        <v>0</v>
      </c>
      <c r="AS1424" s="1">
        <v>0</v>
      </c>
      <c r="AT1424" s="1">
        <v>0</v>
      </c>
      <c r="AU1424" s="1">
        <v>0</v>
      </c>
      <c r="AV1424" s="1">
        <v>0</v>
      </c>
      <c r="BD1424" t="s">
        <v>273</v>
      </c>
      <c r="BF1424" t="s">
        <v>49</v>
      </c>
      <c r="BG1424" s="1">
        <v>0</v>
      </c>
      <c r="BH1424" t="s">
        <v>211</v>
      </c>
      <c r="BK1424" t="s">
        <v>191</v>
      </c>
      <c r="BM1424" t="s">
        <v>191</v>
      </c>
      <c r="BN1424" t="s">
        <v>2443</v>
      </c>
      <c r="BO1424" t="s">
        <v>191</v>
      </c>
    </row>
    <row r="1425" spans="1:69" x14ac:dyDescent="0.25">
      <c r="A1425" s="1">
        <v>30474419</v>
      </c>
      <c r="B1425" t="s">
        <v>2444</v>
      </c>
      <c r="C1425" t="s">
        <v>39</v>
      </c>
      <c r="D1425" t="s">
        <v>1616</v>
      </c>
      <c r="E1425" t="s">
        <v>216</v>
      </c>
      <c r="L1425" t="s">
        <v>52</v>
      </c>
      <c r="M1425" s="1">
        <v>0</v>
      </c>
      <c r="N1425" s="1">
        <v>0</v>
      </c>
      <c r="O1425" t="s">
        <v>1616</v>
      </c>
      <c r="P1425" t="s">
        <v>216</v>
      </c>
      <c r="Q1425" t="s">
        <v>177</v>
      </c>
      <c r="S1425" s="1">
        <v>0</v>
      </c>
      <c r="T1425" t="s">
        <v>197</v>
      </c>
      <c r="U1425" t="s">
        <v>2445</v>
      </c>
      <c r="W1425" t="s">
        <v>262</v>
      </c>
      <c r="AC1425" t="s">
        <v>180</v>
      </c>
      <c r="AD1425" t="s">
        <v>230</v>
      </c>
      <c r="AE1425" t="s">
        <v>230</v>
      </c>
      <c r="AF1425" t="s">
        <v>299</v>
      </c>
      <c r="AG1425" t="s">
        <v>230</v>
      </c>
      <c r="AH1425" t="s">
        <v>175</v>
      </c>
      <c r="AI1425" t="s">
        <v>175</v>
      </c>
      <c r="AJ1425" t="s">
        <v>175</v>
      </c>
      <c r="AK1425" t="s">
        <v>230</v>
      </c>
      <c r="AL1425" t="s">
        <v>52</v>
      </c>
      <c r="AM1425" t="s">
        <v>182</v>
      </c>
      <c r="AN1425" t="s">
        <v>204</v>
      </c>
      <c r="AO1425" t="s">
        <v>183</v>
      </c>
      <c r="AP1425" t="s">
        <v>206</v>
      </c>
      <c r="AQ1425" t="s">
        <v>202</v>
      </c>
      <c r="AR1425" t="s">
        <v>203</v>
      </c>
      <c r="AS1425" t="s">
        <v>185</v>
      </c>
      <c r="AT1425" t="s">
        <v>184</v>
      </c>
      <c r="AU1425" t="s">
        <v>205</v>
      </c>
      <c r="AV1425" t="s">
        <v>201</v>
      </c>
      <c r="AX1425" t="s">
        <v>186</v>
      </c>
      <c r="AY1425" t="s">
        <v>187</v>
      </c>
      <c r="BF1425" t="s">
        <v>232</v>
      </c>
      <c r="BG1425" t="s">
        <v>233</v>
      </c>
      <c r="BH1425" t="s">
        <v>211</v>
      </c>
      <c r="BK1425" t="s">
        <v>191</v>
      </c>
      <c r="BM1425" t="s">
        <v>191</v>
      </c>
      <c r="BO1425" t="s">
        <v>191</v>
      </c>
    </row>
    <row r="1426" spans="1:69" x14ac:dyDescent="0.25">
      <c r="A1426" s="1">
        <v>30474436</v>
      </c>
      <c r="B1426" t="s">
        <v>2446</v>
      </c>
      <c r="C1426" t="s">
        <v>39</v>
      </c>
      <c r="D1426" t="s">
        <v>1616</v>
      </c>
      <c r="E1426" t="s">
        <v>175</v>
      </c>
      <c r="L1426" t="s">
        <v>52</v>
      </c>
      <c r="M1426" s="1">
        <v>0</v>
      </c>
      <c r="N1426" s="1">
        <v>0</v>
      </c>
      <c r="O1426" t="s">
        <v>1616</v>
      </c>
      <c r="P1426" t="s">
        <v>216</v>
      </c>
      <c r="Q1426" t="s">
        <v>322</v>
      </c>
      <c r="S1426" s="1">
        <v>0</v>
      </c>
      <c r="T1426" t="s">
        <v>175</v>
      </c>
      <c r="W1426" t="s">
        <v>262</v>
      </c>
      <c r="Y1426" t="s">
        <v>224</v>
      </c>
      <c r="AC1426" t="s">
        <v>199</v>
      </c>
      <c r="AD1426" t="s">
        <v>175</v>
      </c>
      <c r="AE1426" t="s">
        <v>175</v>
      </c>
      <c r="AF1426" t="s">
        <v>175</v>
      </c>
      <c r="AG1426" t="s">
        <v>175</v>
      </c>
      <c r="AH1426" t="s">
        <v>175</v>
      </c>
      <c r="AI1426" t="s">
        <v>175</v>
      </c>
      <c r="AJ1426" t="s">
        <v>181</v>
      </c>
      <c r="AK1426" t="s">
        <v>230</v>
      </c>
      <c r="AL1426" t="s">
        <v>42</v>
      </c>
      <c r="AM1426" s="1">
        <v>0</v>
      </c>
      <c r="AN1426" s="1">
        <v>0</v>
      </c>
      <c r="AO1426" s="1">
        <v>0</v>
      </c>
      <c r="AP1426" t="s">
        <v>185</v>
      </c>
      <c r="AQ1426" s="1">
        <v>0</v>
      </c>
      <c r="AR1426" s="1">
        <v>0</v>
      </c>
      <c r="AS1426" s="1">
        <v>0</v>
      </c>
      <c r="AT1426" s="1">
        <v>0</v>
      </c>
      <c r="AU1426" s="1">
        <v>0</v>
      </c>
      <c r="AV1426" s="1">
        <v>0</v>
      </c>
      <c r="AX1426" t="s">
        <v>186</v>
      </c>
      <c r="AY1426" t="s">
        <v>187</v>
      </c>
      <c r="BF1426" t="s">
        <v>232</v>
      </c>
      <c r="BG1426" t="s">
        <v>315</v>
      </c>
      <c r="BH1426" t="s">
        <v>211</v>
      </c>
      <c r="BK1426" t="s">
        <v>191</v>
      </c>
      <c r="BL1426" t="s">
        <v>2447</v>
      </c>
      <c r="BM1426" t="s">
        <v>191</v>
      </c>
      <c r="BO1426" t="s">
        <v>191</v>
      </c>
    </row>
    <row r="1427" spans="1:69" x14ac:dyDescent="0.25">
      <c r="A1427" s="1">
        <v>30474561</v>
      </c>
      <c r="B1427" t="s">
        <v>842</v>
      </c>
      <c r="C1427" t="s">
        <v>39</v>
      </c>
      <c r="D1427" t="s">
        <v>174</v>
      </c>
      <c r="E1427" t="s">
        <v>200</v>
      </c>
      <c r="L1427" t="s">
        <v>52</v>
      </c>
      <c r="M1427" s="1">
        <v>0</v>
      </c>
      <c r="N1427" s="1">
        <v>0</v>
      </c>
      <c r="O1427" t="s">
        <v>174</v>
      </c>
      <c r="P1427" t="s">
        <v>176</v>
      </c>
      <c r="Q1427" t="s">
        <v>238</v>
      </c>
      <c r="S1427" t="s">
        <v>349</v>
      </c>
      <c r="T1427" t="s">
        <v>200</v>
      </c>
      <c r="X1427" t="s">
        <v>179</v>
      </c>
      <c r="Y1427" t="s">
        <v>224</v>
      </c>
      <c r="Z1427" t="s">
        <v>244</v>
      </c>
      <c r="AC1427" t="s">
        <v>49</v>
      </c>
      <c r="AD1427" t="s">
        <v>175</v>
      </c>
      <c r="AE1427" t="s">
        <v>175</v>
      </c>
      <c r="AF1427" t="s">
        <v>181</v>
      </c>
      <c r="AG1427" t="s">
        <v>175</v>
      </c>
      <c r="AH1427" t="s">
        <v>200</v>
      </c>
      <c r="AI1427" t="s">
        <v>175</v>
      </c>
      <c r="AJ1427" t="s">
        <v>181</v>
      </c>
      <c r="AK1427" t="s">
        <v>175</v>
      </c>
      <c r="AL1427" t="s">
        <v>42</v>
      </c>
      <c r="AM1427" t="s">
        <v>184</v>
      </c>
      <c r="AN1427" t="s">
        <v>183</v>
      </c>
      <c r="AO1427" t="s">
        <v>182</v>
      </c>
      <c r="AP1427" t="s">
        <v>185</v>
      </c>
      <c r="AQ1427" t="s">
        <v>202</v>
      </c>
      <c r="AR1427" t="s">
        <v>203</v>
      </c>
      <c r="AS1427" t="s">
        <v>204</v>
      </c>
      <c r="AT1427" t="s">
        <v>201</v>
      </c>
      <c r="AU1427" t="s">
        <v>206</v>
      </c>
      <c r="AV1427" t="s">
        <v>205</v>
      </c>
      <c r="AX1427" t="s">
        <v>186</v>
      </c>
      <c r="AY1427" t="s">
        <v>187</v>
      </c>
      <c r="AZ1427" t="s">
        <v>207</v>
      </c>
      <c r="BA1427" t="s">
        <v>188</v>
      </c>
      <c r="BB1427" t="s">
        <v>208</v>
      </c>
      <c r="BF1427" t="s">
        <v>232</v>
      </c>
      <c r="BG1427" t="s">
        <v>301</v>
      </c>
      <c r="BH1427" t="s">
        <v>211</v>
      </c>
      <c r="BK1427" t="s">
        <v>191</v>
      </c>
      <c r="BM1427" t="s">
        <v>191</v>
      </c>
      <c r="BO1427" t="s">
        <v>191</v>
      </c>
    </row>
    <row r="1428" spans="1:69" x14ac:dyDescent="0.25">
      <c r="A1428" s="1">
        <v>30474711</v>
      </c>
      <c r="B1428" t="s">
        <v>3663</v>
      </c>
      <c r="C1428" t="s">
        <v>39</v>
      </c>
      <c r="D1428" t="s">
        <v>3138</v>
      </c>
      <c r="E1428" t="s">
        <v>200</v>
      </c>
      <c r="L1428" t="s">
        <v>52</v>
      </c>
      <c r="M1428" s="1">
        <v>0</v>
      </c>
      <c r="N1428" s="1">
        <v>0</v>
      </c>
      <c r="O1428" t="s">
        <v>3139</v>
      </c>
      <c r="P1428" t="s">
        <v>176</v>
      </c>
      <c r="Q1428" t="s">
        <v>238</v>
      </c>
      <c r="S1428" t="s">
        <v>222</v>
      </c>
      <c r="T1428" t="s">
        <v>200</v>
      </c>
      <c r="W1428" t="s">
        <v>262</v>
      </c>
      <c r="AC1428" t="s">
        <v>199</v>
      </c>
      <c r="AD1428" t="s">
        <v>200</v>
      </c>
      <c r="AE1428" t="s">
        <v>200</v>
      </c>
      <c r="AF1428" t="s">
        <v>200</v>
      </c>
      <c r="AG1428" t="s">
        <v>200</v>
      </c>
      <c r="AH1428" t="s">
        <v>200</v>
      </c>
      <c r="AI1428" t="s">
        <v>200</v>
      </c>
      <c r="AJ1428" t="s">
        <v>200</v>
      </c>
      <c r="AK1428" t="s">
        <v>200</v>
      </c>
      <c r="AL1428" t="s">
        <v>42</v>
      </c>
      <c r="AM1428" t="s">
        <v>184</v>
      </c>
      <c r="AN1428" t="s">
        <v>205</v>
      </c>
      <c r="AO1428" t="s">
        <v>183</v>
      </c>
      <c r="AP1428" t="s">
        <v>185</v>
      </c>
      <c r="AQ1428" t="s">
        <v>182</v>
      </c>
      <c r="AR1428" t="s">
        <v>202</v>
      </c>
      <c r="AS1428" t="s">
        <v>203</v>
      </c>
      <c r="AT1428" t="s">
        <v>204</v>
      </c>
      <c r="AU1428" t="s">
        <v>201</v>
      </c>
      <c r="AV1428" t="s">
        <v>206</v>
      </c>
      <c r="AY1428" t="s">
        <v>187</v>
      </c>
      <c r="AZ1428" t="s">
        <v>207</v>
      </c>
      <c r="BA1428" t="s">
        <v>188</v>
      </c>
      <c r="BF1428" t="s">
        <v>210</v>
      </c>
      <c r="BG1428" s="1">
        <v>0</v>
      </c>
      <c r="BH1428" t="s">
        <v>190</v>
      </c>
      <c r="BK1428" t="s">
        <v>191</v>
      </c>
      <c r="BM1428" t="s">
        <v>191</v>
      </c>
      <c r="BO1428" t="s">
        <v>218</v>
      </c>
    </row>
    <row r="1429" spans="1:69" x14ac:dyDescent="0.25">
      <c r="A1429" s="1">
        <v>30474739</v>
      </c>
      <c r="B1429" t="s">
        <v>3055</v>
      </c>
      <c r="C1429" t="s">
        <v>39</v>
      </c>
      <c r="D1429" t="s">
        <v>2512</v>
      </c>
      <c r="E1429" t="s">
        <v>200</v>
      </c>
      <c r="L1429" t="s">
        <v>52</v>
      </c>
      <c r="M1429" s="1">
        <v>0</v>
      </c>
      <c r="N1429" s="1">
        <v>0</v>
      </c>
      <c r="O1429" t="s">
        <v>2512</v>
      </c>
      <c r="P1429" t="s">
        <v>216</v>
      </c>
      <c r="Q1429" t="s">
        <v>322</v>
      </c>
      <c r="S1429" s="1">
        <v>0</v>
      </c>
      <c r="T1429" t="s">
        <v>200</v>
      </c>
      <c r="X1429" t="s">
        <v>179</v>
      </c>
      <c r="Y1429" t="s">
        <v>224</v>
      </c>
      <c r="AC1429" t="s">
        <v>199</v>
      </c>
      <c r="AD1429" t="s">
        <v>200</v>
      </c>
      <c r="AE1429" t="s">
        <v>200</v>
      </c>
      <c r="AF1429" t="s">
        <v>200</v>
      </c>
      <c r="AG1429" t="s">
        <v>200</v>
      </c>
      <c r="AH1429" t="s">
        <v>200</v>
      </c>
      <c r="AI1429" t="s">
        <v>200</v>
      </c>
      <c r="AJ1429" t="s">
        <v>200</v>
      </c>
      <c r="AK1429" t="s">
        <v>200</v>
      </c>
      <c r="AL1429" t="s">
        <v>52</v>
      </c>
      <c r="AM1429" t="s">
        <v>206</v>
      </c>
      <c r="AN1429" t="s">
        <v>183</v>
      </c>
      <c r="AO1429" t="s">
        <v>202</v>
      </c>
      <c r="AP1429" t="s">
        <v>205</v>
      </c>
      <c r="AQ1429" t="s">
        <v>185</v>
      </c>
      <c r="AR1429" t="s">
        <v>204</v>
      </c>
      <c r="AS1429" t="s">
        <v>184</v>
      </c>
      <c r="AT1429" t="s">
        <v>182</v>
      </c>
      <c r="AU1429" t="s">
        <v>201</v>
      </c>
      <c r="AV1429" t="s">
        <v>203</v>
      </c>
      <c r="AX1429" t="s">
        <v>186</v>
      </c>
      <c r="AY1429" t="s">
        <v>187</v>
      </c>
      <c r="AZ1429" t="s">
        <v>207</v>
      </c>
      <c r="BF1429" t="s">
        <v>210</v>
      </c>
      <c r="BG1429" s="1">
        <v>0</v>
      </c>
      <c r="BH1429" t="s">
        <v>211</v>
      </c>
      <c r="BK1429" t="s">
        <v>191</v>
      </c>
      <c r="BL1429" t="s">
        <v>3056</v>
      </c>
      <c r="BM1429" t="s">
        <v>191</v>
      </c>
      <c r="BN1429" t="s">
        <v>3057</v>
      </c>
      <c r="BO1429" t="s">
        <v>218</v>
      </c>
      <c r="BP1429" t="s">
        <v>3058</v>
      </c>
    </row>
    <row r="1430" spans="1:69" x14ac:dyDescent="0.25">
      <c r="A1430" s="1">
        <v>30474896</v>
      </c>
      <c r="B1430" t="s">
        <v>153</v>
      </c>
      <c r="C1430" t="s">
        <v>39</v>
      </c>
      <c r="L1430" s="1">
        <v>0</v>
      </c>
      <c r="M1430" s="1">
        <v>0</v>
      </c>
      <c r="N1430" s="1">
        <v>0</v>
      </c>
      <c r="O1430" s="1">
        <v>0</v>
      </c>
      <c r="P1430" s="1">
        <v>0</v>
      </c>
      <c r="Q1430" s="1">
        <v>0</v>
      </c>
      <c r="S1430" s="1">
        <v>0</v>
      </c>
      <c r="T1430" s="1">
        <v>0</v>
      </c>
      <c r="AC1430" s="1">
        <v>0</v>
      </c>
      <c r="AD1430" s="1">
        <v>0</v>
      </c>
      <c r="AE1430" s="1">
        <v>0</v>
      </c>
      <c r="AF1430" s="1">
        <v>0</v>
      </c>
      <c r="AG1430" s="1">
        <v>0</v>
      </c>
      <c r="AH1430" s="1">
        <v>0</v>
      </c>
      <c r="AI1430" s="1">
        <v>0</v>
      </c>
      <c r="AJ1430" s="1">
        <v>0</v>
      </c>
      <c r="AK1430" s="1">
        <v>0</v>
      </c>
      <c r="AL1430" s="1">
        <v>0</v>
      </c>
      <c r="AM1430" s="1">
        <v>0</v>
      </c>
      <c r="AN1430" s="1">
        <v>0</v>
      </c>
      <c r="AO1430" s="1">
        <v>0</v>
      </c>
      <c r="AP1430" s="1">
        <v>0</v>
      </c>
      <c r="AQ1430" s="1">
        <v>0</v>
      </c>
      <c r="AR1430" s="1">
        <v>0</v>
      </c>
      <c r="AS1430" s="1">
        <v>0</v>
      </c>
      <c r="AT1430" s="1">
        <v>0</v>
      </c>
      <c r="AU1430" s="1">
        <v>0</v>
      </c>
      <c r="AV1430" s="1">
        <v>0</v>
      </c>
      <c r="BF1430" s="1">
        <v>0</v>
      </c>
      <c r="BG1430" s="1">
        <v>0</v>
      </c>
      <c r="BH1430" s="1">
        <v>0</v>
      </c>
      <c r="BK1430" s="1">
        <v>0</v>
      </c>
      <c r="BM1430" s="1">
        <v>0</v>
      </c>
      <c r="BO1430" s="1">
        <v>0</v>
      </c>
    </row>
    <row r="1431" spans="1:69" x14ac:dyDescent="0.25">
      <c r="A1431" s="1">
        <v>30474946</v>
      </c>
      <c r="B1431" t="s">
        <v>843</v>
      </c>
      <c r="C1431" t="s">
        <v>39</v>
      </c>
      <c r="D1431" t="s">
        <v>174</v>
      </c>
      <c r="E1431" t="s">
        <v>175</v>
      </c>
      <c r="L1431" t="s">
        <v>52</v>
      </c>
      <c r="M1431" s="1">
        <v>0</v>
      </c>
      <c r="N1431" s="1">
        <v>0</v>
      </c>
      <c r="O1431" t="s">
        <v>174</v>
      </c>
      <c r="P1431" t="s">
        <v>176</v>
      </c>
      <c r="Q1431" t="s">
        <v>196</v>
      </c>
      <c r="S1431" t="s">
        <v>178</v>
      </c>
      <c r="T1431" t="s">
        <v>175</v>
      </c>
      <c r="Y1431" t="s">
        <v>224</v>
      </c>
      <c r="Z1431" t="s">
        <v>244</v>
      </c>
      <c r="AC1431" t="s">
        <v>180</v>
      </c>
      <c r="AD1431" t="s">
        <v>175</v>
      </c>
      <c r="AE1431" t="s">
        <v>175</v>
      </c>
      <c r="AF1431" t="s">
        <v>175</v>
      </c>
      <c r="AG1431" t="s">
        <v>175</v>
      </c>
      <c r="AH1431" t="s">
        <v>175</v>
      </c>
      <c r="AI1431" t="s">
        <v>175</v>
      </c>
      <c r="AJ1431" t="s">
        <v>175</v>
      </c>
      <c r="AK1431" t="s">
        <v>175</v>
      </c>
      <c r="AL1431" t="s">
        <v>52</v>
      </c>
      <c r="AM1431" t="s">
        <v>184</v>
      </c>
      <c r="AN1431" t="s">
        <v>204</v>
      </c>
      <c r="AO1431" t="s">
        <v>183</v>
      </c>
      <c r="AP1431" t="s">
        <v>185</v>
      </c>
      <c r="AQ1431" t="s">
        <v>202</v>
      </c>
      <c r="AR1431" t="s">
        <v>203</v>
      </c>
      <c r="AS1431" t="s">
        <v>206</v>
      </c>
      <c r="AT1431" t="s">
        <v>182</v>
      </c>
      <c r="AU1431" t="s">
        <v>205</v>
      </c>
      <c r="AV1431" t="s">
        <v>201</v>
      </c>
      <c r="AX1431" t="s">
        <v>186</v>
      </c>
      <c r="AY1431" t="s">
        <v>187</v>
      </c>
      <c r="AZ1431" t="s">
        <v>207</v>
      </c>
      <c r="BA1431" t="s">
        <v>188</v>
      </c>
      <c r="BB1431" t="s">
        <v>208</v>
      </c>
      <c r="BC1431" t="s">
        <v>209</v>
      </c>
      <c r="BF1431" t="s">
        <v>210</v>
      </c>
      <c r="BG1431" s="1">
        <v>0</v>
      </c>
      <c r="BH1431" t="s">
        <v>211</v>
      </c>
      <c r="BK1431" t="s">
        <v>191</v>
      </c>
      <c r="BL1431" t="s">
        <v>844</v>
      </c>
      <c r="BM1431" t="s">
        <v>191</v>
      </c>
      <c r="BN1431" t="s">
        <v>844</v>
      </c>
      <c r="BO1431" t="s">
        <v>191</v>
      </c>
    </row>
    <row r="1432" spans="1:69" x14ac:dyDescent="0.25">
      <c r="A1432" s="1">
        <v>30475123</v>
      </c>
      <c r="B1432" t="s">
        <v>3664</v>
      </c>
      <c r="C1432" t="s">
        <v>39</v>
      </c>
      <c r="D1432" t="s">
        <v>3138</v>
      </c>
      <c r="E1432" t="s">
        <v>175</v>
      </c>
      <c r="L1432" t="s">
        <v>52</v>
      </c>
      <c r="M1432" s="1">
        <v>0</v>
      </c>
      <c r="N1432" s="1">
        <v>0</v>
      </c>
      <c r="O1432" t="s">
        <v>3139</v>
      </c>
      <c r="P1432" t="s">
        <v>216</v>
      </c>
      <c r="Q1432" t="s">
        <v>238</v>
      </c>
      <c r="S1432" s="1">
        <v>0</v>
      </c>
      <c r="T1432" t="s">
        <v>175</v>
      </c>
      <c r="X1432" t="s">
        <v>179</v>
      </c>
      <c r="AC1432" t="s">
        <v>180</v>
      </c>
      <c r="AD1432" t="s">
        <v>175</v>
      </c>
      <c r="AE1432" t="s">
        <v>175</v>
      </c>
      <c r="AF1432" t="s">
        <v>175</v>
      </c>
      <c r="AG1432" t="s">
        <v>175</v>
      </c>
      <c r="AH1432" t="s">
        <v>175</v>
      </c>
      <c r="AI1432" t="s">
        <v>175</v>
      </c>
      <c r="AJ1432" t="s">
        <v>175</v>
      </c>
      <c r="AK1432" t="s">
        <v>175</v>
      </c>
      <c r="AL1432" t="s">
        <v>52</v>
      </c>
      <c r="AM1432" t="s">
        <v>206</v>
      </c>
      <c r="AN1432" t="s">
        <v>202</v>
      </c>
      <c r="AO1432" t="s">
        <v>184</v>
      </c>
      <c r="AP1432" t="s">
        <v>182</v>
      </c>
      <c r="AQ1432" t="s">
        <v>185</v>
      </c>
      <c r="AR1432" t="s">
        <v>204</v>
      </c>
      <c r="AS1432" t="s">
        <v>183</v>
      </c>
      <c r="AT1432" t="s">
        <v>205</v>
      </c>
      <c r="AU1432" t="s">
        <v>203</v>
      </c>
      <c r="AV1432" t="s">
        <v>201</v>
      </c>
      <c r="AX1432" t="s">
        <v>186</v>
      </c>
      <c r="AZ1432" t="s">
        <v>207</v>
      </c>
      <c r="BF1432" t="s">
        <v>210</v>
      </c>
      <c r="BG1432" s="1">
        <v>0</v>
      </c>
      <c r="BH1432" t="s">
        <v>302</v>
      </c>
      <c r="BI1432" t="s">
        <v>3665</v>
      </c>
      <c r="BK1432" t="s">
        <v>191</v>
      </c>
      <c r="BL1432" t="s">
        <v>3666</v>
      </c>
      <c r="BM1432" t="s">
        <v>191</v>
      </c>
      <c r="BN1432" t="s">
        <v>3667</v>
      </c>
      <c r="BO1432" t="s">
        <v>191</v>
      </c>
      <c r="BP1432" t="s">
        <v>3668</v>
      </c>
    </row>
    <row r="1433" spans="1:69" x14ac:dyDescent="0.25">
      <c r="A1433" s="1">
        <v>30475249</v>
      </c>
      <c r="B1433" t="s">
        <v>3059</v>
      </c>
      <c r="C1433" t="s">
        <v>39</v>
      </c>
      <c r="D1433" t="s">
        <v>2512</v>
      </c>
      <c r="E1433" t="s">
        <v>200</v>
      </c>
      <c r="L1433" t="s">
        <v>52</v>
      </c>
      <c r="M1433" s="1">
        <v>0</v>
      </c>
      <c r="N1433" s="1">
        <v>0</v>
      </c>
      <c r="O1433" t="s">
        <v>2512</v>
      </c>
      <c r="P1433" t="s">
        <v>216</v>
      </c>
      <c r="Q1433" t="s">
        <v>322</v>
      </c>
      <c r="S1433" s="1">
        <v>0</v>
      </c>
      <c r="T1433" t="s">
        <v>200</v>
      </c>
      <c r="Y1433" t="s">
        <v>224</v>
      </c>
      <c r="AC1433" t="s">
        <v>180</v>
      </c>
      <c r="AD1433" t="s">
        <v>175</v>
      </c>
      <c r="AE1433" t="s">
        <v>175</v>
      </c>
      <c r="AF1433" t="s">
        <v>175</v>
      </c>
      <c r="AG1433" t="s">
        <v>175</v>
      </c>
      <c r="AH1433" t="s">
        <v>175</v>
      </c>
      <c r="AI1433" t="s">
        <v>175</v>
      </c>
      <c r="AJ1433" t="s">
        <v>175</v>
      </c>
      <c r="AK1433" t="s">
        <v>181</v>
      </c>
      <c r="AL1433" t="s">
        <v>42</v>
      </c>
      <c r="AM1433" t="s">
        <v>185</v>
      </c>
      <c r="AN1433" t="s">
        <v>205</v>
      </c>
      <c r="AO1433" t="s">
        <v>184</v>
      </c>
      <c r="AP1433" t="s">
        <v>182</v>
      </c>
      <c r="AQ1433" t="s">
        <v>183</v>
      </c>
      <c r="AR1433" t="s">
        <v>203</v>
      </c>
      <c r="AS1433" t="s">
        <v>206</v>
      </c>
      <c r="AT1433" t="s">
        <v>204</v>
      </c>
      <c r="AU1433" t="s">
        <v>202</v>
      </c>
      <c r="AV1433" t="s">
        <v>201</v>
      </c>
      <c r="AZ1433" t="s">
        <v>207</v>
      </c>
      <c r="BF1433" t="s">
        <v>49</v>
      </c>
      <c r="BG1433" s="1">
        <v>0</v>
      </c>
      <c r="BH1433" t="s">
        <v>211</v>
      </c>
      <c r="BK1433" t="s">
        <v>191</v>
      </c>
      <c r="BL1433" t="s">
        <v>3060</v>
      </c>
      <c r="BM1433" t="s">
        <v>191</v>
      </c>
      <c r="BN1433" t="s">
        <v>3061</v>
      </c>
      <c r="BO1433" t="s">
        <v>191</v>
      </c>
      <c r="BP1433" t="s">
        <v>3062</v>
      </c>
    </row>
    <row r="1434" spans="1:69" x14ac:dyDescent="0.25">
      <c r="A1434" s="1">
        <v>30475330</v>
      </c>
      <c r="B1434" t="s">
        <v>3669</v>
      </c>
      <c r="C1434" t="s">
        <v>39</v>
      </c>
      <c r="D1434" t="s">
        <v>3138</v>
      </c>
      <c r="E1434" t="s">
        <v>175</v>
      </c>
      <c r="L1434" t="s">
        <v>52</v>
      </c>
      <c r="M1434" s="1">
        <v>0</v>
      </c>
      <c r="N1434" s="1">
        <v>0</v>
      </c>
      <c r="O1434" t="s">
        <v>3139</v>
      </c>
      <c r="P1434" t="s">
        <v>216</v>
      </c>
      <c r="Q1434" t="s">
        <v>196</v>
      </c>
      <c r="S1434" s="1">
        <v>0</v>
      </c>
      <c r="T1434" t="s">
        <v>175</v>
      </c>
      <c r="W1434" t="s">
        <v>262</v>
      </c>
      <c r="X1434" t="s">
        <v>179</v>
      </c>
      <c r="AA1434" t="s">
        <v>273</v>
      </c>
      <c r="AB1434" t="s">
        <v>3670</v>
      </c>
      <c r="AC1434" t="s">
        <v>266</v>
      </c>
      <c r="AD1434" t="s">
        <v>230</v>
      </c>
      <c r="AE1434" t="s">
        <v>230</v>
      </c>
      <c r="AF1434" t="s">
        <v>230</v>
      </c>
      <c r="AG1434" t="s">
        <v>230</v>
      </c>
      <c r="AH1434" t="s">
        <v>175</v>
      </c>
      <c r="AI1434" t="s">
        <v>175</v>
      </c>
      <c r="AJ1434" t="s">
        <v>230</v>
      </c>
      <c r="AK1434" t="s">
        <v>299</v>
      </c>
      <c r="AL1434" t="s">
        <v>52</v>
      </c>
      <c r="AM1434" t="s">
        <v>182</v>
      </c>
      <c r="AN1434" t="s">
        <v>204</v>
      </c>
      <c r="AO1434" t="s">
        <v>183</v>
      </c>
      <c r="AP1434" t="s">
        <v>185</v>
      </c>
      <c r="AQ1434" t="s">
        <v>206</v>
      </c>
      <c r="AR1434" t="s">
        <v>203</v>
      </c>
      <c r="AS1434" t="s">
        <v>184</v>
      </c>
      <c r="AT1434" t="s">
        <v>205</v>
      </c>
      <c r="AU1434" t="s">
        <v>202</v>
      </c>
      <c r="AV1434" t="s">
        <v>201</v>
      </c>
      <c r="AW1434" t="s">
        <v>3671</v>
      </c>
      <c r="AX1434" t="s">
        <v>186</v>
      </c>
      <c r="AZ1434" t="s">
        <v>207</v>
      </c>
      <c r="BA1434" t="s">
        <v>188</v>
      </c>
      <c r="BF1434" t="s">
        <v>189</v>
      </c>
      <c r="BG1434" s="1">
        <v>0</v>
      </c>
      <c r="BH1434" t="s">
        <v>302</v>
      </c>
      <c r="BI1434" t="s">
        <v>3672</v>
      </c>
      <c r="BK1434" t="s">
        <v>191</v>
      </c>
      <c r="BL1434" t="s">
        <v>3673</v>
      </c>
      <c r="BM1434" t="s">
        <v>191</v>
      </c>
      <c r="BN1434" t="s">
        <v>3674</v>
      </c>
      <c r="BO1434" t="s">
        <v>191</v>
      </c>
      <c r="BP1434" t="s">
        <v>3675</v>
      </c>
      <c r="BQ1434" t="s">
        <v>3676</v>
      </c>
    </row>
    <row r="1435" spans="1:69" x14ac:dyDescent="0.25">
      <c r="A1435" s="1">
        <v>30475661</v>
      </c>
      <c r="B1435" t="s">
        <v>2448</v>
      </c>
      <c r="C1435" t="s">
        <v>39</v>
      </c>
      <c r="D1435" t="s">
        <v>1616</v>
      </c>
      <c r="E1435" t="s">
        <v>175</v>
      </c>
      <c r="L1435" t="s">
        <v>52</v>
      </c>
      <c r="M1435" s="1">
        <v>0</v>
      </c>
      <c r="N1435" s="1">
        <v>0</v>
      </c>
      <c r="O1435" t="s">
        <v>1616</v>
      </c>
      <c r="P1435" t="s">
        <v>216</v>
      </c>
      <c r="Q1435" t="s">
        <v>238</v>
      </c>
      <c r="S1435" s="1">
        <v>0</v>
      </c>
      <c r="T1435" t="s">
        <v>175</v>
      </c>
      <c r="AC1435" t="s">
        <v>180</v>
      </c>
      <c r="AD1435" t="s">
        <v>181</v>
      </c>
      <c r="AE1435" t="s">
        <v>230</v>
      </c>
      <c r="AF1435" t="s">
        <v>181</v>
      </c>
      <c r="AG1435" t="s">
        <v>175</v>
      </c>
      <c r="AH1435" t="s">
        <v>175</v>
      </c>
      <c r="AI1435" t="s">
        <v>175</v>
      </c>
      <c r="AJ1435" t="s">
        <v>175</v>
      </c>
      <c r="AK1435" t="s">
        <v>230</v>
      </c>
      <c r="AL1435" t="s">
        <v>42</v>
      </c>
      <c r="AM1435" t="s">
        <v>206</v>
      </c>
      <c r="AN1435" t="s">
        <v>204</v>
      </c>
      <c r="AO1435" t="s">
        <v>184</v>
      </c>
      <c r="AP1435" t="s">
        <v>183</v>
      </c>
      <c r="AQ1435" t="s">
        <v>185</v>
      </c>
      <c r="AR1435" t="s">
        <v>182</v>
      </c>
      <c r="AS1435" t="s">
        <v>201</v>
      </c>
      <c r="AT1435" t="s">
        <v>205</v>
      </c>
      <c r="AU1435" t="s">
        <v>202</v>
      </c>
      <c r="AV1435" t="s">
        <v>203</v>
      </c>
      <c r="BA1435" t="s">
        <v>188</v>
      </c>
      <c r="BC1435" t="s">
        <v>209</v>
      </c>
      <c r="BF1435" t="s">
        <v>292</v>
      </c>
      <c r="BG1435" t="s">
        <v>49</v>
      </c>
      <c r="BH1435" t="s">
        <v>302</v>
      </c>
      <c r="BI1435" t="s">
        <v>2449</v>
      </c>
      <c r="BK1435" t="s">
        <v>191</v>
      </c>
      <c r="BL1435" t="s">
        <v>2450</v>
      </c>
      <c r="BM1435" t="s">
        <v>218</v>
      </c>
      <c r="BN1435" t="s">
        <v>2451</v>
      </c>
      <c r="BO1435" t="s">
        <v>191</v>
      </c>
    </row>
    <row r="1436" spans="1:69" x14ac:dyDescent="0.25">
      <c r="A1436" s="1">
        <v>30475903</v>
      </c>
      <c r="B1436" t="s">
        <v>845</v>
      </c>
      <c r="C1436" t="s">
        <v>39</v>
      </c>
      <c r="D1436" t="s">
        <v>174</v>
      </c>
      <c r="E1436" t="s">
        <v>195</v>
      </c>
      <c r="L1436" t="s">
        <v>52</v>
      </c>
      <c r="M1436" s="1">
        <v>0</v>
      </c>
      <c r="N1436" s="1">
        <v>0</v>
      </c>
      <c r="O1436" t="s">
        <v>174</v>
      </c>
      <c r="P1436" t="s">
        <v>176</v>
      </c>
      <c r="Q1436" t="s">
        <v>238</v>
      </c>
      <c r="S1436" t="s">
        <v>222</v>
      </c>
      <c r="T1436" t="s">
        <v>197</v>
      </c>
      <c r="X1436" t="s">
        <v>179</v>
      </c>
      <c r="Y1436" t="s">
        <v>224</v>
      </c>
      <c r="AC1436" t="s">
        <v>180</v>
      </c>
      <c r="AD1436" t="s">
        <v>181</v>
      </c>
      <c r="AE1436" t="s">
        <v>175</v>
      </c>
      <c r="AF1436" t="s">
        <v>181</v>
      </c>
      <c r="AG1436" t="s">
        <v>181</v>
      </c>
      <c r="AH1436" t="s">
        <v>175</v>
      </c>
      <c r="AI1436" t="s">
        <v>175</v>
      </c>
      <c r="AJ1436" t="s">
        <v>181</v>
      </c>
      <c r="AK1436" t="s">
        <v>175</v>
      </c>
      <c r="AL1436" t="s">
        <v>42</v>
      </c>
      <c r="AM1436" t="s">
        <v>185</v>
      </c>
      <c r="AN1436" t="s">
        <v>183</v>
      </c>
      <c r="AO1436" t="s">
        <v>184</v>
      </c>
      <c r="AP1436" t="s">
        <v>182</v>
      </c>
      <c r="AQ1436" t="s">
        <v>204</v>
      </c>
      <c r="AR1436" t="s">
        <v>202</v>
      </c>
      <c r="AS1436" t="s">
        <v>203</v>
      </c>
      <c r="AT1436" t="s">
        <v>201</v>
      </c>
      <c r="AU1436" t="s">
        <v>206</v>
      </c>
      <c r="AV1436" t="s">
        <v>205</v>
      </c>
      <c r="AX1436" t="s">
        <v>186</v>
      </c>
      <c r="AZ1436" t="s">
        <v>207</v>
      </c>
      <c r="BC1436" t="s">
        <v>209</v>
      </c>
      <c r="BF1436" t="s">
        <v>232</v>
      </c>
      <c r="BG1436" t="s">
        <v>49</v>
      </c>
      <c r="BH1436" t="s">
        <v>211</v>
      </c>
      <c r="BK1436" t="s">
        <v>191</v>
      </c>
      <c r="BL1436" t="s">
        <v>518</v>
      </c>
      <c r="BM1436" t="s">
        <v>191</v>
      </c>
      <c r="BN1436" t="s">
        <v>576</v>
      </c>
      <c r="BO1436" t="s">
        <v>191</v>
      </c>
      <c r="BP1436" t="s">
        <v>576</v>
      </c>
    </row>
    <row r="1437" spans="1:69" x14ac:dyDescent="0.25">
      <c r="A1437" s="1">
        <v>30475932</v>
      </c>
      <c r="B1437" t="s">
        <v>3677</v>
      </c>
      <c r="C1437" t="s">
        <v>39</v>
      </c>
      <c r="D1437" t="s">
        <v>3138</v>
      </c>
      <c r="E1437" t="s">
        <v>175</v>
      </c>
      <c r="L1437" t="s">
        <v>52</v>
      </c>
      <c r="M1437" s="1">
        <v>0</v>
      </c>
      <c r="N1437" s="1">
        <v>0</v>
      </c>
      <c r="O1437" t="s">
        <v>3139</v>
      </c>
      <c r="P1437" t="s">
        <v>176</v>
      </c>
      <c r="Q1437" t="s">
        <v>238</v>
      </c>
      <c r="S1437" t="s">
        <v>178</v>
      </c>
      <c r="T1437" t="s">
        <v>175</v>
      </c>
      <c r="AC1437" t="s">
        <v>199</v>
      </c>
      <c r="AD1437" t="s">
        <v>181</v>
      </c>
      <c r="AE1437" t="s">
        <v>181</v>
      </c>
      <c r="AF1437" t="s">
        <v>181</v>
      </c>
      <c r="AG1437" t="s">
        <v>181</v>
      </c>
      <c r="AH1437" t="s">
        <v>175</v>
      </c>
      <c r="AI1437" t="s">
        <v>181</v>
      </c>
      <c r="AJ1437" t="s">
        <v>175</v>
      </c>
      <c r="AK1437" t="s">
        <v>175</v>
      </c>
      <c r="AL1437" t="s">
        <v>52</v>
      </c>
      <c r="AM1437" s="1">
        <v>0</v>
      </c>
      <c r="AN1437" s="1">
        <v>0</v>
      </c>
      <c r="AO1437" t="s">
        <v>185</v>
      </c>
      <c r="AP1437" s="1">
        <v>0</v>
      </c>
      <c r="AQ1437" s="1">
        <v>0</v>
      </c>
      <c r="AR1437" s="1">
        <v>0</v>
      </c>
      <c r="AS1437" s="1">
        <v>0</v>
      </c>
      <c r="AT1437" s="1">
        <v>0</v>
      </c>
      <c r="AU1437" s="1">
        <v>0</v>
      </c>
      <c r="AV1437" s="1">
        <v>0</v>
      </c>
      <c r="AX1437" t="s">
        <v>186</v>
      </c>
      <c r="AY1437" t="s">
        <v>187</v>
      </c>
      <c r="AZ1437" t="s">
        <v>207</v>
      </c>
      <c r="BA1437" t="s">
        <v>188</v>
      </c>
      <c r="BB1437" t="s">
        <v>208</v>
      </c>
      <c r="BC1437" t="s">
        <v>209</v>
      </c>
      <c r="BF1437" t="s">
        <v>189</v>
      </c>
      <c r="BG1437" s="1">
        <v>0</v>
      </c>
      <c r="BH1437" t="s">
        <v>211</v>
      </c>
      <c r="BK1437" t="s">
        <v>191</v>
      </c>
      <c r="BM1437" t="s">
        <v>191</v>
      </c>
      <c r="BO1437" t="s">
        <v>218</v>
      </c>
    </row>
    <row r="1438" spans="1:69" x14ac:dyDescent="0.25">
      <c r="A1438" s="1">
        <v>30476017</v>
      </c>
      <c r="B1438" t="s">
        <v>3678</v>
      </c>
      <c r="C1438" t="s">
        <v>39</v>
      </c>
      <c r="D1438" t="s">
        <v>3138</v>
      </c>
      <c r="E1438" t="s">
        <v>175</v>
      </c>
      <c r="L1438" t="s">
        <v>52</v>
      </c>
      <c r="M1438" s="1">
        <v>0</v>
      </c>
      <c r="N1438" s="1">
        <v>0</v>
      </c>
      <c r="O1438" t="s">
        <v>3139</v>
      </c>
      <c r="P1438" t="s">
        <v>176</v>
      </c>
      <c r="Q1438" t="s">
        <v>177</v>
      </c>
      <c r="S1438" t="s">
        <v>178</v>
      </c>
      <c r="T1438" t="s">
        <v>175</v>
      </c>
      <c r="AC1438" s="1">
        <v>0</v>
      </c>
      <c r="AD1438" s="1">
        <v>0</v>
      </c>
      <c r="AE1438" s="1">
        <v>0</v>
      </c>
      <c r="AF1438" s="1">
        <v>0</v>
      </c>
      <c r="AG1438" s="1">
        <v>0</v>
      </c>
      <c r="AH1438" s="1">
        <v>0</v>
      </c>
      <c r="AI1438" s="1">
        <v>0</v>
      </c>
      <c r="AJ1438" s="1">
        <v>0</v>
      </c>
      <c r="AK1438" s="1">
        <v>0</v>
      </c>
      <c r="AL1438" s="1">
        <v>0</v>
      </c>
      <c r="AM1438" s="1">
        <v>0</v>
      </c>
      <c r="AN1438" s="1">
        <v>0</v>
      </c>
      <c r="AO1438" s="1">
        <v>0</v>
      </c>
      <c r="AP1438" s="1">
        <v>0</v>
      </c>
      <c r="AQ1438" s="1">
        <v>0</v>
      </c>
      <c r="AR1438" s="1">
        <v>0</v>
      </c>
      <c r="AS1438" s="1">
        <v>0</v>
      </c>
      <c r="AT1438" s="1">
        <v>0</v>
      </c>
      <c r="AU1438" s="1">
        <v>0</v>
      </c>
      <c r="AV1438" s="1">
        <v>0</v>
      </c>
      <c r="BF1438" s="1">
        <v>0</v>
      </c>
      <c r="BG1438" s="1">
        <v>0</v>
      </c>
      <c r="BH1438" s="1">
        <v>0</v>
      </c>
      <c r="BK1438" s="1">
        <v>0</v>
      </c>
      <c r="BM1438" s="1">
        <v>0</v>
      </c>
      <c r="BO1438" s="1">
        <v>0</v>
      </c>
    </row>
    <row r="1439" spans="1:69" x14ac:dyDescent="0.25">
      <c r="A1439" s="1">
        <v>30476042</v>
      </c>
      <c r="B1439" t="s">
        <v>3679</v>
      </c>
      <c r="C1439" t="s">
        <v>39</v>
      </c>
      <c r="D1439" t="s">
        <v>3138</v>
      </c>
      <c r="E1439" t="s">
        <v>200</v>
      </c>
      <c r="L1439" s="1">
        <v>0</v>
      </c>
      <c r="M1439" t="s">
        <v>52</v>
      </c>
      <c r="N1439" t="s">
        <v>470</v>
      </c>
      <c r="O1439" t="s">
        <v>3139</v>
      </c>
      <c r="P1439" t="s">
        <v>176</v>
      </c>
      <c r="Q1439" t="s">
        <v>177</v>
      </c>
      <c r="S1439" t="s">
        <v>178</v>
      </c>
      <c r="T1439" t="s">
        <v>200</v>
      </c>
      <c r="X1439" t="s">
        <v>179</v>
      </c>
      <c r="AC1439" t="s">
        <v>49</v>
      </c>
      <c r="AD1439" t="s">
        <v>299</v>
      </c>
      <c r="AE1439" t="s">
        <v>299</v>
      </c>
      <c r="AF1439" t="s">
        <v>299</v>
      </c>
      <c r="AG1439" t="s">
        <v>299</v>
      </c>
      <c r="AH1439" t="s">
        <v>299</v>
      </c>
      <c r="AI1439" t="s">
        <v>299</v>
      </c>
      <c r="AJ1439" t="s">
        <v>299</v>
      </c>
      <c r="AK1439" t="s">
        <v>299</v>
      </c>
      <c r="AL1439" t="s">
        <v>49</v>
      </c>
      <c r="AM1439" s="1">
        <v>0</v>
      </c>
      <c r="AN1439" s="1">
        <v>0</v>
      </c>
      <c r="AO1439" s="1">
        <v>0</v>
      </c>
      <c r="AP1439" s="1">
        <v>0</v>
      </c>
      <c r="AQ1439" s="1">
        <v>0</v>
      </c>
      <c r="AR1439" s="1">
        <v>0</v>
      </c>
      <c r="AS1439" s="1">
        <v>0</v>
      </c>
      <c r="AT1439" s="1">
        <v>0</v>
      </c>
      <c r="AU1439" s="1">
        <v>0</v>
      </c>
      <c r="AV1439" s="1">
        <v>0</v>
      </c>
      <c r="BF1439" s="1">
        <v>0</v>
      </c>
      <c r="BG1439" s="1">
        <v>0</v>
      </c>
      <c r="BH1439" s="1">
        <v>0</v>
      </c>
      <c r="BK1439" s="1">
        <v>0</v>
      </c>
      <c r="BM1439" s="1">
        <v>0</v>
      </c>
      <c r="BO1439" s="1">
        <v>0</v>
      </c>
    </row>
    <row r="1440" spans="1:69" x14ac:dyDescent="0.25">
      <c r="A1440" s="1">
        <v>30476397</v>
      </c>
      <c r="B1440" t="s">
        <v>4529</v>
      </c>
      <c r="C1440" t="s">
        <v>39</v>
      </c>
      <c r="D1440" t="s">
        <v>3727</v>
      </c>
      <c r="E1440" t="s">
        <v>195</v>
      </c>
      <c r="L1440" t="s">
        <v>52</v>
      </c>
      <c r="M1440" s="1">
        <v>0</v>
      </c>
      <c r="N1440" s="1">
        <v>0</v>
      </c>
      <c r="O1440" t="s">
        <v>3728</v>
      </c>
      <c r="P1440" t="s">
        <v>176</v>
      </c>
      <c r="Q1440" t="s">
        <v>273</v>
      </c>
      <c r="S1440" t="s">
        <v>178</v>
      </c>
      <c r="T1440" t="s">
        <v>197</v>
      </c>
      <c r="AC1440" t="s">
        <v>266</v>
      </c>
      <c r="AD1440" t="s">
        <v>181</v>
      </c>
      <c r="AE1440" t="s">
        <v>181</v>
      </c>
      <c r="AF1440" t="s">
        <v>181</v>
      </c>
      <c r="AG1440" t="s">
        <v>181</v>
      </c>
      <c r="AH1440" t="s">
        <v>181</v>
      </c>
      <c r="AI1440" t="s">
        <v>181</v>
      </c>
      <c r="AJ1440" t="s">
        <v>181</v>
      </c>
      <c r="AK1440" t="s">
        <v>181</v>
      </c>
      <c r="AL1440" t="s">
        <v>52</v>
      </c>
      <c r="AM1440" t="s">
        <v>206</v>
      </c>
      <c r="AN1440" t="s">
        <v>202</v>
      </c>
      <c r="AO1440" t="s">
        <v>205</v>
      </c>
      <c r="AP1440" t="s">
        <v>182</v>
      </c>
      <c r="AQ1440" t="s">
        <v>185</v>
      </c>
      <c r="AR1440" t="s">
        <v>184</v>
      </c>
      <c r="AS1440" t="s">
        <v>204</v>
      </c>
      <c r="AT1440" t="s">
        <v>183</v>
      </c>
      <c r="AU1440" t="s">
        <v>201</v>
      </c>
      <c r="AV1440" t="s">
        <v>203</v>
      </c>
      <c r="AX1440" t="s">
        <v>186</v>
      </c>
      <c r="AZ1440" t="s">
        <v>207</v>
      </c>
      <c r="BF1440" t="s">
        <v>49</v>
      </c>
      <c r="BG1440" s="1">
        <v>0</v>
      </c>
      <c r="BH1440" t="s">
        <v>190</v>
      </c>
      <c r="BK1440" t="s">
        <v>191</v>
      </c>
      <c r="BM1440" t="s">
        <v>191</v>
      </c>
      <c r="BO1440" t="s">
        <v>218</v>
      </c>
    </row>
    <row r="1441" spans="1:69" x14ac:dyDescent="0.25">
      <c r="A1441" s="1">
        <v>30476563</v>
      </c>
      <c r="B1441" t="s">
        <v>4530</v>
      </c>
      <c r="C1441" t="s">
        <v>39</v>
      </c>
      <c r="D1441" t="s">
        <v>3727</v>
      </c>
      <c r="E1441" t="s">
        <v>200</v>
      </c>
      <c r="L1441" t="s">
        <v>52</v>
      </c>
      <c r="M1441" s="1">
        <v>0</v>
      </c>
      <c r="N1441" s="1">
        <v>0</v>
      </c>
      <c r="O1441" t="s">
        <v>3728</v>
      </c>
      <c r="P1441" t="s">
        <v>176</v>
      </c>
      <c r="Q1441" t="s">
        <v>238</v>
      </c>
      <c r="S1441" t="s">
        <v>178</v>
      </c>
      <c r="T1441" t="s">
        <v>200</v>
      </c>
      <c r="AA1441" t="s">
        <v>273</v>
      </c>
      <c r="AB1441" t="s">
        <v>4531</v>
      </c>
      <c r="AC1441" t="s">
        <v>180</v>
      </c>
      <c r="AD1441" t="s">
        <v>175</v>
      </c>
      <c r="AE1441" t="s">
        <v>175</v>
      </c>
      <c r="AF1441" t="s">
        <v>175</v>
      </c>
      <c r="AG1441" t="s">
        <v>181</v>
      </c>
      <c r="AH1441" t="s">
        <v>175</v>
      </c>
      <c r="AI1441" t="s">
        <v>175</v>
      </c>
      <c r="AJ1441" t="s">
        <v>175</v>
      </c>
      <c r="AK1441" t="s">
        <v>175</v>
      </c>
      <c r="AL1441" t="s">
        <v>42</v>
      </c>
      <c r="AM1441" t="s">
        <v>204</v>
      </c>
      <c r="AN1441" t="s">
        <v>182</v>
      </c>
      <c r="AO1441" t="s">
        <v>205</v>
      </c>
      <c r="AP1441" t="s">
        <v>206</v>
      </c>
      <c r="AQ1441" t="s">
        <v>184</v>
      </c>
      <c r="AR1441" t="s">
        <v>185</v>
      </c>
      <c r="AS1441" t="s">
        <v>203</v>
      </c>
      <c r="AT1441" t="s">
        <v>201</v>
      </c>
      <c r="AU1441" t="s">
        <v>183</v>
      </c>
      <c r="AV1441" t="s">
        <v>202</v>
      </c>
      <c r="AX1441" t="s">
        <v>186</v>
      </c>
      <c r="BA1441" t="s">
        <v>188</v>
      </c>
      <c r="BF1441" t="s">
        <v>49</v>
      </c>
      <c r="BG1441" s="1">
        <v>0</v>
      </c>
      <c r="BH1441" t="s">
        <v>247</v>
      </c>
      <c r="BK1441" t="s">
        <v>191</v>
      </c>
      <c r="BL1441" t="s">
        <v>4532</v>
      </c>
      <c r="BM1441" t="s">
        <v>191</v>
      </c>
      <c r="BN1441" t="s">
        <v>4533</v>
      </c>
      <c r="BO1441" t="s">
        <v>218</v>
      </c>
      <c r="BP1441" t="s">
        <v>4534</v>
      </c>
      <c r="BQ1441" t="s">
        <v>4535</v>
      </c>
    </row>
    <row r="1442" spans="1:69" x14ac:dyDescent="0.25">
      <c r="A1442" s="1">
        <v>30476662</v>
      </c>
      <c r="B1442" t="s">
        <v>3680</v>
      </c>
      <c r="C1442" t="s">
        <v>39</v>
      </c>
      <c r="D1442" t="s">
        <v>3138</v>
      </c>
      <c r="E1442" t="s">
        <v>195</v>
      </c>
      <c r="L1442" t="s">
        <v>52</v>
      </c>
      <c r="M1442" s="1">
        <v>0</v>
      </c>
      <c r="N1442" s="1">
        <v>0</v>
      </c>
      <c r="O1442" t="s">
        <v>3139</v>
      </c>
      <c r="P1442" t="s">
        <v>176</v>
      </c>
      <c r="Q1442" t="s">
        <v>196</v>
      </c>
      <c r="S1442" t="s">
        <v>222</v>
      </c>
      <c r="T1442" t="s">
        <v>197</v>
      </c>
      <c r="U1442" t="s">
        <v>3681</v>
      </c>
      <c r="X1442" t="s">
        <v>179</v>
      </c>
      <c r="AC1442" t="s">
        <v>180</v>
      </c>
      <c r="AD1442" t="s">
        <v>181</v>
      </c>
      <c r="AE1442" t="s">
        <v>175</v>
      </c>
      <c r="AF1442" t="s">
        <v>175</v>
      </c>
      <c r="AG1442" t="s">
        <v>181</v>
      </c>
      <c r="AH1442" t="s">
        <v>175</v>
      </c>
      <c r="AI1442" t="s">
        <v>181</v>
      </c>
      <c r="AJ1442" t="s">
        <v>181</v>
      </c>
      <c r="AK1442" t="s">
        <v>175</v>
      </c>
      <c r="AL1442" t="s">
        <v>42</v>
      </c>
      <c r="AM1442" t="s">
        <v>185</v>
      </c>
      <c r="AN1442" t="s">
        <v>205</v>
      </c>
      <c r="AO1442" t="s">
        <v>184</v>
      </c>
      <c r="AP1442" t="s">
        <v>182</v>
      </c>
      <c r="AQ1442" t="s">
        <v>202</v>
      </c>
      <c r="AR1442" t="s">
        <v>204</v>
      </c>
      <c r="AS1442" t="s">
        <v>203</v>
      </c>
      <c r="AT1442" t="s">
        <v>206</v>
      </c>
      <c r="AU1442" t="s">
        <v>201</v>
      </c>
      <c r="AV1442" t="s">
        <v>183</v>
      </c>
      <c r="AX1442" t="s">
        <v>186</v>
      </c>
      <c r="AZ1442" t="s">
        <v>207</v>
      </c>
      <c r="BA1442" t="s">
        <v>188</v>
      </c>
      <c r="BF1442" t="s">
        <v>232</v>
      </c>
      <c r="BG1442" t="s">
        <v>276</v>
      </c>
      <c r="BH1442" t="s">
        <v>211</v>
      </c>
      <c r="BK1442" t="s">
        <v>191</v>
      </c>
      <c r="BL1442" t="s">
        <v>911</v>
      </c>
      <c r="BM1442" t="s">
        <v>191</v>
      </c>
      <c r="BN1442" t="s">
        <v>911</v>
      </c>
      <c r="BO1442" t="s">
        <v>191</v>
      </c>
      <c r="BP1442" t="s">
        <v>3682</v>
      </c>
    </row>
    <row r="1443" spans="1:69" x14ac:dyDescent="0.25">
      <c r="A1443" s="1">
        <v>30476694</v>
      </c>
      <c r="B1443" t="s">
        <v>4536</v>
      </c>
      <c r="C1443" t="s">
        <v>39</v>
      </c>
      <c r="D1443" t="s">
        <v>3727</v>
      </c>
      <c r="E1443" t="s">
        <v>175</v>
      </c>
      <c r="L1443" t="s">
        <v>52</v>
      </c>
      <c r="M1443" s="1">
        <v>0</v>
      </c>
      <c r="N1443" s="1">
        <v>0</v>
      </c>
      <c r="O1443" t="s">
        <v>3728</v>
      </c>
      <c r="P1443" t="s">
        <v>176</v>
      </c>
      <c r="Q1443" t="s">
        <v>196</v>
      </c>
      <c r="S1443" t="s">
        <v>178</v>
      </c>
      <c r="T1443" t="s">
        <v>175</v>
      </c>
      <c r="Y1443" t="s">
        <v>224</v>
      </c>
      <c r="AC1443" t="s">
        <v>199</v>
      </c>
      <c r="AD1443" t="s">
        <v>175</v>
      </c>
      <c r="AE1443" t="s">
        <v>175</v>
      </c>
      <c r="AF1443" t="s">
        <v>175</v>
      </c>
      <c r="AG1443" t="s">
        <v>175</v>
      </c>
      <c r="AH1443" t="s">
        <v>175</v>
      </c>
      <c r="AI1443" t="s">
        <v>175</v>
      </c>
      <c r="AJ1443" t="s">
        <v>175</v>
      </c>
      <c r="AK1443" t="s">
        <v>175</v>
      </c>
      <c r="AL1443" t="s">
        <v>52</v>
      </c>
      <c r="AM1443" t="s">
        <v>184</v>
      </c>
      <c r="AN1443" t="s">
        <v>204</v>
      </c>
      <c r="AO1443" t="s">
        <v>185</v>
      </c>
      <c r="AP1443" t="s">
        <v>182</v>
      </c>
      <c r="AQ1443" t="s">
        <v>202</v>
      </c>
      <c r="AR1443" t="s">
        <v>203</v>
      </c>
      <c r="AS1443" t="s">
        <v>183</v>
      </c>
      <c r="AT1443" t="s">
        <v>206</v>
      </c>
      <c r="AU1443" t="s">
        <v>205</v>
      </c>
      <c r="AV1443" t="s">
        <v>201</v>
      </c>
      <c r="AW1443" t="s">
        <v>4537</v>
      </c>
      <c r="AZ1443" t="s">
        <v>207</v>
      </c>
      <c r="BF1443" t="s">
        <v>49</v>
      </c>
      <c r="BG1443" s="1">
        <v>0</v>
      </c>
      <c r="BH1443" t="s">
        <v>247</v>
      </c>
      <c r="BK1443" t="s">
        <v>191</v>
      </c>
      <c r="BL1443" t="s">
        <v>4538</v>
      </c>
      <c r="BM1443" t="s">
        <v>191</v>
      </c>
      <c r="BN1443" t="s">
        <v>4539</v>
      </c>
      <c r="BO1443" t="s">
        <v>191</v>
      </c>
      <c r="BP1443" t="s">
        <v>317</v>
      </c>
      <c r="BQ1443" t="s">
        <v>737</v>
      </c>
    </row>
    <row r="1444" spans="1:69" x14ac:dyDescent="0.25">
      <c r="A1444" s="1">
        <v>30476746</v>
      </c>
      <c r="B1444" t="s">
        <v>4540</v>
      </c>
      <c r="C1444" t="s">
        <v>39</v>
      </c>
      <c r="D1444" t="s">
        <v>3727</v>
      </c>
      <c r="E1444" t="s">
        <v>175</v>
      </c>
      <c r="L1444" t="s">
        <v>52</v>
      </c>
      <c r="M1444" s="1">
        <v>0</v>
      </c>
      <c r="N1444" s="1">
        <v>0</v>
      </c>
      <c r="O1444" t="s">
        <v>3728</v>
      </c>
      <c r="P1444" t="s">
        <v>176</v>
      </c>
      <c r="Q1444" t="s">
        <v>177</v>
      </c>
      <c r="S1444" t="s">
        <v>178</v>
      </c>
      <c r="T1444" t="s">
        <v>175</v>
      </c>
      <c r="Z1444" t="s">
        <v>244</v>
      </c>
      <c r="AC1444" t="s">
        <v>199</v>
      </c>
      <c r="AD1444" t="s">
        <v>175</v>
      </c>
      <c r="AE1444" t="s">
        <v>175</v>
      </c>
      <c r="AF1444" t="s">
        <v>175</v>
      </c>
      <c r="AG1444" t="s">
        <v>175</v>
      </c>
      <c r="AH1444" t="s">
        <v>175</v>
      </c>
      <c r="AI1444" t="s">
        <v>175</v>
      </c>
      <c r="AJ1444" t="s">
        <v>175</v>
      </c>
      <c r="AK1444" t="s">
        <v>175</v>
      </c>
      <c r="AL1444" t="s">
        <v>42</v>
      </c>
      <c r="AM1444" t="s">
        <v>201</v>
      </c>
      <c r="AN1444" t="s">
        <v>182</v>
      </c>
      <c r="AO1444" t="s">
        <v>206</v>
      </c>
      <c r="AP1444" t="s">
        <v>183</v>
      </c>
      <c r="AQ1444" t="s">
        <v>202</v>
      </c>
      <c r="AR1444" t="s">
        <v>203</v>
      </c>
      <c r="AS1444" t="s">
        <v>204</v>
      </c>
      <c r="AT1444" t="s">
        <v>184</v>
      </c>
      <c r="AU1444" t="s">
        <v>185</v>
      </c>
      <c r="AV1444" t="s">
        <v>205</v>
      </c>
      <c r="AX1444" t="s">
        <v>186</v>
      </c>
      <c r="AZ1444" t="s">
        <v>207</v>
      </c>
      <c r="BB1444" t="s">
        <v>208</v>
      </c>
      <c r="BF1444" t="s">
        <v>210</v>
      </c>
      <c r="BG1444" s="1">
        <v>0</v>
      </c>
      <c r="BH1444" t="s">
        <v>211</v>
      </c>
      <c r="BK1444" t="s">
        <v>191</v>
      </c>
      <c r="BL1444" t="s">
        <v>4541</v>
      </c>
      <c r="BM1444" t="s">
        <v>191</v>
      </c>
      <c r="BN1444" t="s">
        <v>4542</v>
      </c>
      <c r="BO1444" t="s">
        <v>191</v>
      </c>
      <c r="BP1444" t="s">
        <v>4543</v>
      </c>
    </row>
    <row r="1445" spans="1:69" x14ac:dyDescent="0.25">
      <c r="A1445" s="1">
        <v>30476878</v>
      </c>
      <c r="B1445" t="s">
        <v>3683</v>
      </c>
      <c r="C1445" t="s">
        <v>39</v>
      </c>
      <c r="D1445" t="s">
        <v>3138</v>
      </c>
      <c r="E1445" t="s">
        <v>200</v>
      </c>
      <c r="L1445" t="s">
        <v>52</v>
      </c>
      <c r="M1445" s="1">
        <v>0</v>
      </c>
      <c r="N1445" s="1">
        <v>0</v>
      </c>
      <c r="O1445" t="s">
        <v>3139</v>
      </c>
      <c r="P1445" t="s">
        <v>176</v>
      </c>
      <c r="Q1445" t="s">
        <v>258</v>
      </c>
      <c r="S1445" t="s">
        <v>178</v>
      </c>
      <c r="T1445" t="s">
        <v>200</v>
      </c>
      <c r="X1445" t="s">
        <v>179</v>
      </c>
      <c r="AC1445" t="s">
        <v>180</v>
      </c>
      <c r="AD1445" t="s">
        <v>175</v>
      </c>
      <c r="AE1445" t="s">
        <v>175</v>
      </c>
      <c r="AF1445" t="s">
        <v>181</v>
      </c>
      <c r="AG1445" t="s">
        <v>181</v>
      </c>
      <c r="AH1445" t="s">
        <v>200</v>
      </c>
      <c r="AI1445" t="s">
        <v>200</v>
      </c>
      <c r="AJ1445" t="s">
        <v>200</v>
      </c>
      <c r="AK1445" t="s">
        <v>175</v>
      </c>
      <c r="AL1445" t="s">
        <v>42</v>
      </c>
      <c r="AM1445" t="s">
        <v>182</v>
      </c>
      <c r="AN1445" t="s">
        <v>205</v>
      </c>
      <c r="AO1445" t="s">
        <v>183</v>
      </c>
      <c r="AP1445" t="s">
        <v>201</v>
      </c>
      <c r="AQ1445" t="s">
        <v>185</v>
      </c>
      <c r="AR1445" t="s">
        <v>184</v>
      </c>
      <c r="AS1445" t="s">
        <v>206</v>
      </c>
      <c r="AT1445" t="s">
        <v>204</v>
      </c>
      <c r="AU1445" t="s">
        <v>202</v>
      </c>
      <c r="AV1445" t="s">
        <v>203</v>
      </c>
      <c r="AX1445" t="s">
        <v>186</v>
      </c>
      <c r="AY1445" t="s">
        <v>187</v>
      </c>
      <c r="BC1445" t="s">
        <v>209</v>
      </c>
      <c r="BF1445" t="s">
        <v>49</v>
      </c>
      <c r="BG1445" s="1">
        <v>0</v>
      </c>
      <c r="BH1445" t="s">
        <v>211</v>
      </c>
      <c r="BK1445" t="s">
        <v>191</v>
      </c>
      <c r="BL1445" t="s">
        <v>1085</v>
      </c>
      <c r="BM1445" t="s">
        <v>218</v>
      </c>
      <c r="BN1445" t="s">
        <v>3684</v>
      </c>
      <c r="BO1445" t="s">
        <v>191</v>
      </c>
      <c r="BP1445" t="s">
        <v>1395</v>
      </c>
    </row>
    <row r="1446" spans="1:69" x14ac:dyDescent="0.25">
      <c r="A1446" s="1">
        <v>30476928</v>
      </c>
      <c r="B1446" t="s">
        <v>2452</v>
      </c>
      <c r="C1446" t="s">
        <v>39</v>
      </c>
      <c r="D1446" t="s">
        <v>1616</v>
      </c>
      <c r="E1446" t="s">
        <v>200</v>
      </c>
      <c r="L1446" t="s">
        <v>52</v>
      </c>
      <c r="M1446" s="1">
        <v>0</v>
      </c>
      <c r="N1446" s="1">
        <v>0</v>
      </c>
      <c r="O1446" t="s">
        <v>1616</v>
      </c>
      <c r="P1446" t="s">
        <v>176</v>
      </c>
      <c r="Q1446" t="s">
        <v>177</v>
      </c>
      <c r="S1446" t="s">
        <v>222</v>
      </c>
      <c r="T1446" t="s">
        <v>200</v>
      </c>
      <c r="Y1446" t="s">
        <v>224</v>
      </c>
      <c r="AC1446" t="s">
        <v>225</v>
      </c>
      <c r="AD1446" t="s">
        <v>200</v>
      </c>
      <c r="AE1446" t="s">
        <v>200</v>
      </c>
      <c r="AF1446" t="s">
        <v>200</v>
      </c>
      <c r="AG1446" t="s">
        <v>200</v>
      </c>
      <c r="AH1446" t="s">
        <v>200</v>
      </c>
      <c r="AI1446" t="s">
        <v>200</v>
      </c>
      <c r="AJ1446" t="s">
        <v>200</v>
      </c>
      <c r="AK1446" t="s">
        <v>200</v>
      </c>
      <c r="AL1446" t="s">
        <v>42</v>
      </c>
      <c r="AM1446" t="s">
        <v>182</v>
      </c>
      <c r="AN1446" t="s">
        <v>185</v>
      </c>
      <c r="AO1446" t="s">
        <v>184</v>
      </c>
      <c r="AP1446" s="1">
        <v>0</v>
      </c>
      <c r="AQ1446" s="1">
        <v>0</v>
      </c>
      <c r="AR1446" s="1">
        <v>0</v>
      </c>
      <c r="AS1446" s="1">
        <v>0</v>
      </c>
      <c r="AT1446" s="1">
        <v>0</v>
      </c>
      <c r="AU1446" s="1">
        <v>0</v>
      </c>
      <c r="AV1446" s="1">
        <v>0</v>
      </c>
      <c r="AY1446" t="s">
        <v>187</v>
      </c>
      <c r="AZ1446" t="s">
        <v>207</v>
      </c>
      <c r="BA1446" t="s">
        <v>188</v>
      </c>
      <c r="BB1446" t="s">
        <v>208</v>
      </c>
      <c r="BF1446" t="s">
        <v>210</v>
      </c>
      <c r="BG1446" s="1">
        <v>0</v>
      </c>
      <c r="BH1446" t="s">
        <v>211</v>
      </c>
      <c r="BK1446" t="s">
        <v>191</v>
      </c>
      <c r="BM1446" t="s">
        <v>191</v>
      </c>
      <c r="BO1446" t="s">
        <v>191</v>
      </c>
    </row>
    <row r="1447" spans="1:69" x14ac:dyDescent="0.25">
      <c r="A1447" s="1">
        <v>30477340</v>
      </c>
      <c r="B1447" t="s">
        <v>846</v>
      </c>
      <c r="C1447" t="s">
        <v>39</v>
      </c>
      <c r="D1447" t="s">
        <v>174</v>
      </c>
      <c r="E1447" t="s">
        <v>200</v>
      </c>
      <c r="L1447" t="s">
        <v>52</v>
      </c>
      <c r="M1447" s="1">
        <v>0</v>
      </c>
      <c r="N1447" s="1">
        <v>0</v>
      </c>
      <c r="O1447" t="s">
        <v>174</v>
      </c>
      <c r="P1447" t="s">
        <v>176</v>
      </c>
      <c r="Q1447" t="s">
        <v>177</v>
      </c>
      <c r="S1447" t="s">
        <v>178</v>
      </c>
      <c r="T1447" t="s">
        <v>200</v>
      </c>
      <c r="Y1447" t="s">
        <v>224</v>
      </c>
      <c r="AC1447" t="s">
        <v>199</v>
      </c>
      <c r="AD1447" t="s">
        <v>230</v>
      </c>
      <c r="AE1447" t="s">
        <v>299</v>
      </c>
      <c r="AF1447" t="s">
        <v>299</v>
      </c>
      <c r="AG1447" t="s">
        <v>181</v>
      </c>
      <c r="AH1447" t="s">
        <v>175</v>
      </c>
      <c r="AI1447" t="s">
        <v>181</v>
      </c>
      <c r="AJ1447" t="s">
        <v>175</v>
      </c>
      <c r="AK1447" t="s">
        <v>230</v>
      </c>
      <c r="AL1447" t="s">
        <v>42</v>
      </c>
      <c r="AM1447" t="s">
        <v>201</v>
      </c>
      <c r="AN1447" t="s">
        <v>206</v>
      </c>
      <c r="AO1447" t="s">
        <v>183</v>
      </c>
      <c r="AP1447" t="s">
        <v>185</v>
      </c>
      <c r="AQ1447" t="s">
        <v>182</v>
      </c>
      <c r="AR1447" t="s">
        <v>184</v>
      </c>
      <c r="AS1447" t="s">
        <v>203</v>
      </c>
      <c r="AT1447" t="s">
        <v>205</v>
      </c>
      <c r="AU1447" t="s">
        <v>204</v>
      </c>
      <c r="AV1447" t="s">
        <v>202</v>
      </c>
      <c r="AX1447" t="s">
        <v>186</v>
      </c>
      <c r="AZ1447" t="s">
        <v>207</v>
      </c>
      <c r="BC1447" t="s">
        <v>209</v>
      </c>
      <c r="BF1447" t="s">
        <v>292</v>
      </c>
      <c r="BG1447" t="s">
        <v>301</v>
      </c>
      <c r="BH1447" t="s">
        <v>302</v>
      </c>
      <c r="BI1447" t="s">
        <v>847</v>
      </c>
      <c r="BK1447" t="s">
        <v>191</v>
      </c>
      <c r="BM1447" t="s">
        <v>191</v>
      </c>
      <c r="BN1447" t="s">
        <v>848</v>
      </c>
      <c r="BO1447" t="s">
        <v>191</v>
      </c>
      <c r="BP1447" t="s">
        <v>849</v>
      </c>
      <c r="BQ1447" t="s">
        <v>850</v>
      </c>
    </row>
    <row r="1448" spans="1:69" x14ac:dyDescent="0.25">
      <c r="A1448" s="1">
        <v>30477384</v>
      </c>
      <c r="B1448" t="s">
        <v>3134</v>
      </c>
      <c r="C1448" t="s">
        <v>39</v>
      </c>
      <c r="D1448" t="s">
        <v>3125</v>
      </c>
      <c r="L1448" t="s">
        <v>52</v>
      </c>
      <c r="M1448" s="1">
        <v>0</v>
      </c>
      <c r="N1448" s="1">
        <v>0</v>
      </c>
      <c r="O1448" t="s">
        <v>49</v>
      </c>
      <c r="P1448" s="1">
        <v>0</v>
      </c>
      <c r="Q1448" s="1">
        <v>0</v>
      </c>
      <c r="S1448" s="1">
        <v>0</v>
      </c>
      <c r="T1448" s="1">
        <v>0</v>
      </c>
      <c r="AC1448" s="1">
        <v>0</v>
      </c>
      <c r="AD1448" s="1">
        <v>0</v>
      </c>
      <c r="AE1448" s="1">
        <v>0</v>
      </c>
      <c r="AF1448" s="1">
        <v>0</v>
      </c>
      <c r="AG1448" s="1">
        <v>0</v>
      </c>
      <c r="AH1448" s="1">
        <v>0</v>
      </c>
      <c r="AI1448" s="1">
        <v>0</v>
      </c>
      <c r="AJ1448" s="1">
        <v>0</v>
      </c>
      <c r="AK1448" s="1">
        <v>0</v>
      </c>
      <c r="AL1448" s="1">
        <v>0</v>
      </c>
      <c r="AM1448" s="1">
        <v>0</v>
      </c>
      <c r="AN1448" s="1">
        <v>0</v>
      </c>
      <c r="AO1448" s="1">
        <v>0</v>
      </c>
      <c r="AP1448" s="1">
        <v>0</v>
      </c>
      <c r="AQ1448" s="1">
        <v>0</v>
      </c>
      <c r="AR1448" s="1">
        <v>0</v>
      </c>
      <c r="AS1448" s="1">
        <v>0</v>
      </c>
      <c r="AT1448" s="1">
        <v>0</v>
      </c>
      <c r="AU1448" s="1">
        <v>0</v>
      </c>
      <c r="AV1448" s="1">
        <v>0</v>
      </c>
      <c r="BF1448" s="1">
        <v>0</v>
      </c>
      <c r="BG1448" s="1">
        <v>0</v>
      </c>
      <c r="BH1448" s="1">
        <v>0</v>
      </c>
      <c r="BK1448" s="1">
        <v>0</v>
      </c>
      <c r="BM1448" s="1">
        <v>0</v>
      </c>
      <c r="BO1448" s="1">
        <v>0</v>
      </c>
    </row>
    <row r="1449" spans="1:69" x14ac:dyDescent="0.25">
      <c r="A1449" s="1">
        <v>30477436</v>
      </c>
      <c r="B1449" t="s">
        <v>1550</v>
      </c>
      <c r="C1449" t="s">
        <v>39</v>
      </c>
      <c r="D1449" t="s">
        <v>942</v>
      </c>
      <c r="E1449" t="s">
        <v>200</v>
      </c>
      <c r="L1449" t="s">
        <v>52</v>
      </c>
      <c r="M1449" s="1">
        <v>0</v>
      </c>
      <c r="N1449" s="1">
        <v>0</v>
      </c>
      <c r="O1449" t="s">
        <v>942</v>
      </c>
      <c r="P1449" t="s">
        <v>216</v>
      </c>
      <c r="Q1449" t="s">
        <v>322</v>
      </c>
      <c r="S1449" s="1">
        <v>0</v>
      </c>
      <c r="T1449" t="s">
        <v>200</v>
      </c>
      <c r="Y1449" t="s">
        <v>224</v>
      </c>
      <c r="AC1449" t="s">
        <v>180</v>
      </c>
      <c r="AD1449" t="s">
        <v>175</v>
      </c>
      <c r="AE1449" t="s">
        <v>181</v>
      </c>
      <c r="AF1449" t="s">
        <v>181</v>
      </c>
      <c r="AG1449" t="s">
        <v>175</v>
      </c>
      <c r="AH1449" t="s">
        <v>200</v>
      </c>
      <c r="AI1449" t="s">
        <v>200</v>
      </c>
      <c r="AJ1449" t="s">
        <v>200</v>
      </c>
      <c r="AK1449" t="s">
        <v>175</v>
      </c>
      <c r="AL1449" t="s">
        <v>52</v>
      </c>
      <c r="AM1449" t="s">
        <v>182</v>
      </c>
      <c r="AN1449" t="s">
        <v>205</v>
      </c>
      <c r="AO1449" t="s">
        <v>201</v>
      </c>
      <c r="AP1449" t="s">
        <v>185</v>
      </c>
      <c r="AQ1449" t="s">
        <v>203</v>
      </c>
      <c r="AR1449" t="s">
        <v>202</v>
      </c>
      <c r="AS1449" t="s">
        <v>184</v>
      </c>
      <c r="AT1449" t="s">
        <v>206</v>
      </c>
      <c r="AU1449" t="s">
        <v>183</v>
      </c>
      <c r="AV1449" t="s">
        <v>204</v>
      </c>
      <c r="AW1449" t="s">
        <v>1551</v>
      </c>
      <c r="AX1449" t="s">
        <v>186</v>
      </c>
      <c r="AY1449" t="s">
        <v>187</v>
      </c>
      <c r="AZ1449" t="s">
        <v>207</v>
      </c>
      <c r="BA1449" t="s">
        <v>188</v>
      </c>
      <c r="BB1449" t="s">
        <v>208</v>
      </c>
      <c r="BC1449" t="s">
        <v>209</v>
      </c>
      <c r="BF1449" t="s">
        <v>210</v>
      </c>
      <c r="BG1449" s="1">
        <v>0</v>
      </c>
      <c r="BH1449" t="s">
        <v>211</v>
      </c>
      <c r="BK1449" t="s">
        <v>191</v>
      </c>
      <c r="BL1449" t="s">
        <v>1552</v>
      </c>
      <c r="BM1449" t="s">
        <v>191</v>
      </c>
      <c r="BN1449" t="s">
        <v>1553</v>
      </c>
      <c r="BO1449" t="s">
        <v>218</v>
      </c>
      <c r="BP1449" t="s">
        <v>1554</v>
      </c>
    </row>
    <row r="1450" spans="1:69" x14ac:dyDescent="0.25">
      <c r="A1450" s="1">
        <v>30477497</v>
      </c>
      <c r="B1450" t="s">
        <v>3063</v>
      </c>
      <c r="C1450" t="s">
        <v>39</v>
      </c>
      <c r="D1450" t="s">
        <v>2512</v>
      </c>
      <c r="E1450" t="s">
        <v>195</v>
      </c>
      <c r="L1450" t="s">
        <v>52</v>
      </c>
      <c r="M1450" s="1">
        <v>0</v>
      </c>
      <c r="N1450" s="1">
        <v>0</v>
      </c>
      <c r="O1450" t="s">
        <v>2512</v>
      </c>
      <c r="P1450" t="s">
        <v>176</v>
      </c>
      <c r="Q1450" t="s">
        <v>196</v>
      </c>
      <c r="S1450" t="s">
        <v>222</v>
      </c>
      <c r="T1450" t="s">
        <v>197</v>
      </c>
      <c r="X1450" t="s">
        <v>179</v>
      </c>
      <c r="Y1450" t="s">
        <v>224</v>
      </c>
      <c r="AC1450" t="s">
        <v>225</v>
      </c>
      <c r="AD1450" t="s">
        <v>181</v>
      </c>
      <c r="AE1450" t="s">
        <v>230</v>
      </c>
      <c r="AF1450" t="s">
        <v>299</v>
      </c>
      <c r="AG1450" t="s">
        <v>299</v>
      </c>
      <c r="AH1450" t="s">
        <v>175</v>
      </c>
      <c r="AI1450" t="s">
        <v>175</v>
      </c>
      <c r="AJ1450" t="s">
        <v>175</v>
      </c>
      <c r="AK1450" t="s">
        <v>181</v>
      </c>
      <c r="AL1450" t="s">
        <v>42</v>
      </c>
      <c r="AM1450" t="s">
        <v>184</v>
      </c>
      <c r="AN1450" t="s">
        <v>206</v>
      </c>
      <c r="AO1450" t="s">
        <v>182</v>
      </c>
      <c r="AP1450" t="s">
        <v>185</v>
      </c>
      <c r="AQ1450" t="s">
        <v>204</v>
      </c>
      <c r="AR1450" t="s">
        <v>202</v>
      </c>
      <c r="AS1450" t="s">
        <v>203</v>
      </c>
      <c r="AT1450" t="s">
        <v>201</v>
      </c>
      <c r="AU1450" t="s">
        <v>205</v>
      </c>
      <c r="AV1450" t="s">
        <v>183</v>
      </c>
      <c r="AX1450" t="s">
        <v>186</v>
      </c>
      <c r="AZ1450" t="s">
        <v>207</v>
      </c>
      <c r="BF1450" t="s">
        <v>49</v>
      </c>
      <c r="BG1450" s="1">
        <v>0</v>
      </c>
      <c r="BH1450" t="s">
        <v>211</v>
      </c>
      <c r="BK1450" t="s">
        <v>191</v>
      </c>
      <c r="BL1450" t="s">
        <v>3064</v>
      </c>
      <c r="BM1450" t="s">
        <v>191</v>
      </c>
      <c r="BN1450" t="s">
        <v>3065</v>
      </c>
      <c r="BO1450" t="s">
        <v>191</v>
      </c>
      <c r="BP1450" t="s">
        <v>3066</v>
      </c>
    </row>
    <row r="1451" spans="1:69" x14ac:dyDescent="0.25">
      <c r="A1451" s="1">
        <v>30477566</v>
      </c>
      <c r="B1451" t="s">
        <v>4544</v>
      </c>
      <c r="C1451" t="s">
        <v>39</v>
      </c>
      <c r="D1451" t="s">
        <v>3727</v>
      </c>
      <c r="E1451" t="s">
        <v>200</v>
      </c>
      <c r="L1451" t="s">
        <v>52</v>
      </c>
      <c r="M1451" s="1">
        <v>0</v>
      </c>
      <c r="N1451" s="1">
        <v>0</v>
      </c>
      <c r="O1451" t="s">
        <v>3728</v>
      </c>
      <c r="P1451" t="s">
        <v>216</v>
      </c>
      <c r="Q1451" t="s">
        <v>322</v>
      </c>
      <c r="S1451" s="1">
        <v>0</v>
      </c>
      <c r="T1451" t="s">
        <v>200</v>
      </c>
      <c r="Z1451" t="s">
        <v>244</v>
      </c>
      <c r="AC1451" t="s">
        <v>180</v>
      </c>
      <c r="AD1451" t="s">
        <v>200</v>
      </c>
      <c r="AE1451" t="s">
        <v>200</v>
      </c>
      <c r="AF1451" t="s">
        <v>200</v>
      </c>
      <c r="AG1451" t="s">
        <v>200</v>
      </c>
      <c r="AH1451" t="s">
        <v>200</v>
      </c>
      <c r="AI1451" t="s">
        <v>200</v>
      </c>
      <c r="AJ1451" t="s">
        <v>200</v>
      </c>
      <c r="AK1451" t="s">
        <v>200</v>
      </c>
      <c r="AL1451" t="s">
        <v>42</v>
      </c>
      <c r="AM1451" t="s">
        <v>183</v>
      </c>
      <c r="AN1451" t="s">
        <v>185</v>
      </c>
      <c r="AO1451" t="s">
        <v>184</v>
      </c>
      <c r="AP1451" t="s">
        <v>205</v>
      </c>
      <c r="AQ1451" t="s">
        <v>204</v>
      </c>
      <c r="AR1451" t="s">
        <v>203</v>
      </c>
      <c r="AS1451" t="s">
        <v>202</v>
      </c>
      <c r="AT1451" t="s">
        <v>182</v>
      </c>
      <c r="AU1451" t="s">
        <v>206</v>
      </c>
      <c r="AV1451" t="s">
        <v>201</v>
      </c>
      <c r="AX1451" t="s">
        <v>186</v>
      </c>
      <c r="AY1451" t="s">
        <v>187</v>
      </c>
      <c r="AZ1451" t="s">
        <v>207</v>
      </c>
      <c r="BA1451" t="s">
        <v>188</v>
      </c>
      <c r="BB1451" t="s">
        <v>208</v>
      </c>
      <c r="BC1451" t="s">
        <v>209</v>
      </c>
      <c r="BF1451" s="1">
        <v>0</v>
      </c>
      <c r="BG1451" s="1">
        <v>0</v>
      </c>
      <c r="BH1451" s="1">
        <v>0</v>
      </c>
      <c r="BK1451" s="1">
        <v>0</v>
      </c>
      <c r="BM1451" s="1">
        <v>0</v>
      </c>
      <c r="BO1451" s="1">
        <v>0</v>
      </c>
    </row>
    <row r="1452" spans="1:69" x14ac:dyDescent="0.25">
      <c r="A1452" s="1">
        <v>30477657</v>
      </c>
      <c r="B1452" t="s">
        <v>4545</v>
      </c>
      <c r="C1452" t="s">
        <v>39</v>
      </c>
      <c r="D1452" t="s">
        <v>3727</v>
      </c>
      <c r="E1452" t="s">
        <v>195</v>
      </c>
      <c r="L1452" t="s">
        <v>52</v>
      </c>
      <c r="M1452" s="1">
        <v>0</v>
      </c>
      <c r="N1452" s="1">
        <v>0</v>
      </c>
      <c r="O1452" t="s">
        <v>3728</v>
      </c>
      <c r="P1452" t="s">
        <v>176</v>
      </c>
      <c r="Q1452" t="s">
        <v>238</v>
      </c>
      <c r="S1452" t="s">
        <v>178</v>
      </c>
      <c r="T1452" t="s">
        <v>197</v>
      </c>
      <c r="U1452" t="s">
        <v>4546</v>
      </c>
      <c r="W1452" t="s">
        <v>262</v>
      </c>
      <c r="AC1452" t="s">
        <v>180</v>
      </c>
      <c r="AD1452" t="s">
        <v>230</v>
      </c>
      <c r="AE1452" t="s">
        <v>230</v>
      </c>
      <c r="AF1452" t="s">
        <v>230</v>
      </c>
      <c r="AG1452" t="s">
        <v>230</v>
      </c>
      <c r="AH1452" t="s">
        <v>230</v>
      </c>
      <c r="AI1452" t="s">
        <v>200</v>
      </c>
      <c r="AJ1452" t="s">
        <v>200</v>
      </c>
      <c r="AK1452" t="s">
        <v>299</v>
      </c>
      <c r="AL1452" t="s">
        <v>42</v>
      </c>
      <c r="AM1452" t="s">
        <v>205</v>
      </c>
      <c r="AN1452" t="s">
        <v>185</v>
      </c>
      <c r="AO1452" t="s">
        <v>183</v>
      </c>
      <c r="AP1452" t="s">
        <v>204</v>
      </c>
      <c r="AQ1452" t="s">
        <v>201</v>
      </c>
      <c r="AR1452" t="s">
        <v>206</v>
      </c>
      <c r="AS1452" t="s">
        <v>202</v>
      </c>
      <c r="AT1452" t="s">
        <v>184</v>
      </c>
      <c r="AU1452" t="s">
        <v>182</v>
      </c>
      <c r="AV1452" t="s">
        <v>203</v>
      </c>
      <c r="AX1452" t="s">
        <v>186</v>
      </c>
      <c r="AY1452" t="s">
        <v>187</v>
      </c>
      <c r="AZ1452" t="s">
        <v>207</v>
      </c>
      <c r="BA1452" t="s">
        <v>188</v>
      </c>
      <c r="BB1452" t="s">
        <v>208</v>
      </c>
      <c r="BC1452" t="s">
        <v>209</v>
      </c>
      <c r="BF1452" t="s">
        <v>189</v>
      </c>
      <c r="BG1452" s="1">
        <v>0</v>
      </c>
      <c r="BH1452" t="s">
        <v>211</v>
      </c>
      <c r="BK1452" t="s">
        <v>191</v>
      </c>
      <c r="BM1452" t="s">
        <v>191</v>
      </c>
      <c r="BO1452" t="s">
        <v>191</v>
      </c>
    </row>
    <row r="1453" spans="1:69" x14ac:dyDescent="0.25">
      <c r="A1453" s="1">
        <v>30477756</v>
      </c>
      <c r="B1453" t="s">
        <v>2453</v>
      </c>
      <c r="C1453" t="s">
        <v>39</v>
      </c>
      <c r="D1453" t="s">
        <v>1616</v>
      </c>
      <c r="E1453" t="s">
        <v>175</v>
      </c>
      <c r="L1453" t="s">
        <v>52</v>
      </c>
      <c r="M1453" s="1">
        <v>0</v>
      </c>
      <c r="N1453" s="1">
        <v>0</v>
      </c>
      <c r="O1453" t="s">
        <v>1616</v>
      </c>
      <c r="P1453" t="s">
        <v>216</v>
      </c>
      <c r="Q1453" t="s">
        <v>328</v>
      </c>
      <c r="S1453" s="1">
        <v>0</v>
      </c>
      <c r="T1453" t="s">
        <v>175</v>
      </c>
      <c r="Y1453" t="s">
        <v>224</v>
      </c>
      <c r="AC1453" t="s">
        <v>180</v>
      </c>
      <c r="AD1453" t="s">
        <v>299</v>
      </c>
      <c r="AE1453" t="s">
        <v>299</v>
      </c>
      <c r="AF1453" t="s">
        <v>299</v>
      </c>
      <c r="AG1453" t="s">
        <v>299</v>
      </c>
      <c r="AH1453" t="s">
        <v>299</v>
      </c>
      <c r="AI1453" t="s">
        <v>299</v>
      </c>
      <c r="AJ1453" t="s">
        <v>299</v>
      </c>
      <c r="AK1453" t="s">
        <v>299</v>
      </c>
      <c r="AL1453" t="s">
        <v>42</v>
      </c>
      <c r="AM1453" s="1">
        <v>0</v>
      </c>
      <c r="AN1453" s="1">
        <v>0</v>
      </c>
      <c r="AO1453" s="1">
        <v>0</v>
      </c>
      <c r="AP1453" s="1">
        <v>0</v>
      </c>
      <c r="AQ1453" s="1">
        <v>0</v>
      </c>
      <c r="AR1453" s="1">
        <v>0</v>
      </c>
      <c r="AS1453" t="s">
        <v>185</v>
      </c>
      <c r="AT1453" s="1">
        <v>0</v>
      </c>
      <c r="AU1453" s="1">
        <v>0</v>
      </c>
      <c r="AV1453" s="1">
        <v>0</v>
      </c>
      <c r="AW1453" t="s">
        <v>737</v>
      </c>
      <c r="BA1453" t="s">
        <v>188</v>
      </c>
      <c r="BF1453" t="s">
        <v>232</v>
      </c>
      <c r="BG1453" t="s">
        <v>276</v>
      </c>
      <c r="BH1453" t="s">
        <v>211</v>
      </c>
      <c r="BK1453" t="s">
        <v>191</v>
      </c>
      <c r="BL1453" t="s">
        <v>2454</v>
      </c>
      <c r="BM1453" t="s">
        <v>191</v>
      </c>
      <c r="BN1453" t="s">
        <v>1218</v>
      </c>
      <c r="BO1453" t="s">
        <v>218</v>
      </c>
      <c r="BP1453" t="s">
        <v>2455</v>
      </c>
      <c r="BQ1453" t="s">
        <v>737</v>
      </c>
    </row>
    <row r="1454" spans="1:69" x14ac:dyDescent="0.25">
      <c r="A1454" s="1">
        <v>30478481</v>
      </c>
      <c r="B1454" t="s">
        <v>1555</v>
      </c>
      <c r="C1454" t="s">
        <v>39</v>
      </c>
      <c r="D1454" t="s">
        <v>942</v>
      </c>
      <c r="E1454" t="s">
        <v>200</v>
      </c>
      <c r="L1454" t="s">
        <v>52</v>
      </c>
      <c r="M1454" s="1">
        <v>0</v>
      </c>
      <c r="N1454" s="1">
        <v>0</v>
      </c>
      <c r="O1454" t="s">
        <v>942</v>
      </c>
      <c r="P1454" t="s">
        <v>176</v>
      </c>
      <c r="Q1454" t="s">
        <v>328</v>
      </c>
      <c r="S1454" t="s">
        <v>178</v>
      </c>
      <c r="T1454" t="s">
        <v>200</v>
      </c>
      <c r="Y1454" t="s">
        <v>224</v>
      </c>
      <c r="AC1454" t="s">
        <v>180</v>
      </c>
      <c r="AD1454" t="s">
        <v>200</v>
      </c>
      <c r="AE1454" t="s">
        <v>200</v>
      </c>
      <c r="AF1454" t="s">
        <v>200</v>
      </c>
      <c r="AG1454" t="s">
        <v>200</v>
      </c>
      <c r="AH1454" t="s">
        <v>200</v>
      </c>
      <c r="AI1454" t="s">
        <v>200</v>
      </c>
      <c r="AJ1454" t="s">
        <v>200</v>
      </c>
      <c r="AK1454" t="s">
        <v>200</v>
      </c>
      <c r="AL1454" t="s">
        <v>42</v>
      </c>
      <c r="AM1454" t="s">
        <v>182</v>
      </c>
      <c r="AN1454" t="s">
        <v>204</v>
      </c>
      <c r="AO1454" t="s">
        <v>201</v>
      </c>
      <c r="AP1454" t="s">
        <v>183</v>
      </c>
      <c r="AQ1454" t="s">
        <v>184</v>
      </c>
      <c r="AR1454" t="s">
        <v>185</v>
      </c>
      <c r="AS1454" t="s">
        <v>206</v>
      </c>
      <c r="AT1454" t="s">
        <v>202</v>
      </c>
      <c r="AU1454" t="s">
        <v>203</v>
      </c>
      <c r="AV1454" t="s">
        <v>205</v>
      </c>
      <c r="AX1454" t="s">
        <v>186</v>
      </c>
      <c r="AZ1454" t="s">
        <v>207</v>
      </c>
      <c r="BB1454" t="s">
        <v>208</v>
      </c>
      <c r="BC1454" t="s">
        <v>209</v>
      </c>
      <c r="BF1454" t="s">
        <v>292</v>
      </c>
      <c r="BG1454" t="s">
        <v>301</v>
      </c>
      <c r="BH1454" t="s">
        <v>211</v>
      </c>
      <c r="BK1454" t="s">
        <v>191</v>
      </c>
      <c r="BL1454" t="s">
        <v>1556</v>
      </c>
      <c r="BM1454" t="s">
        <v>191</v>
      </c>
      <c r="BN1454" t="s">
        <v>1557</v>
      </c>
      <c r="BO1454" t="s">
        <v>191</v>
      </c>
      <c r="BP1454" t="s">
        <v>1558</v>
      </c>
    </row>
    <row r="1455" spans="1:69" x14ac:dyDescent="0.25">
      <c r="A1455" s="1">
        <v>30478591</v>
      </c>
      <c r="B1455" t="s">
        <v>154</v>
      </c>
      <c r="C1455" t="s">
        <v>39</v>
      </c>
      <c r="L1455" s="1">
        <v>0</v>
      </c>
      <c r="M1455" s="1">
        <v>0</v>
      </c>
      <c r="N1455" s="1">
        <v>0</v>
      </c>
      <c r="O1455" s="1">
        <v>0</v>
      </c>
      <c r="P1455" s="1">
        <v>0</v>
      </c>
      <c r="Q1455" s="1">
        <v>0</v>
      </c>
      <c r="S1455" s="1">
        <v>0</v>
      </c>
      <c r="T1455" s="1">
        <v>0</v>
      </c>
      <c r="AC1455" s="1">
        <v>0</v>
      </c>
      <c r="AD1455" s="1">
        <v>0</v>
      </c>
      <c r="AE1455" s="1">
        <v>0</v>
      </c>
      <c r="AF1455" s="1">
        <v>0</v>
      </c>
      <c r="AG1455" s="1">
        <v>0</v>
      </c>
      <c r="AH1455" s="1">
        <v>0</v>
      </c>
      <c r="AI1455" s="1">
        <v>0</v>
      </c>
      <c r="AJ1455" s="1">
        <v>0</v>
      </c>
      <c r="AK1455" s="1">
        <v>0</v>
      </c>
      <c r="AL1455" s="1">
        <v>0</v>
      </c>
      <c r="AM1455" s="1">
        <v>0</v>
      </c>
      <c r="AN1455" s="1">
        <v>0</v>
      </c>
      <c r="AO1455" s="1">
        <v>0</v>
      </c>
      <c r="AP1455" s="1">
        <v>0</v>
      </c>
      <c r="AQ1455" s="1">
        <v>0</v>
      </c>
      <c r="AR1455" s="1">
        <v>0</v>
      </c>
      <c r="AS1455" s="1">
        <v>0</v>
      </c>
      <c r="AT1455" s="1">
        <v>0</v>
      </c>
      <c r="AU1455" s="1">
        <v>0</v>
      </c>
      <c r="AV1455" s="1">
        <v>0</v>
      </c>
      <c r="BF1455" s="1">
        <v>0</v>
      </c>
      <c r="BG1455" s="1">
        <v>0</v>
      </c>
      <c r="BH1455" s="1">
        <v>0</v>
      </c>
      <c r="BK1455" s="1">
        <v>0</v>
      </c>
      <c r="BM1455" s="1">
        <v>0</v>
      </c>
      <c r="BO1455" s="1">
        <v>0</v>
      </c>
    </row>
    <row r="1456" spans="1:69" x14ac:dyDescent="0.25">
      <c r="A1456" s="1">
        <v>30478755</v>
      </c>
      <c r="B1456" t="s">
        <v>4547</v>
      </c>
      <c r="C1456" t="s">
        <v>39</v>
      </c>
      <c r="D1456" t="s">
        <v>3727</v>
      </c>
      <c r="E1456" t="s">
        <v>195</v>
      </c>
      <c r="L1456" t="s">
        <v>52</v>
      </c>
      <c r="M1456" s="1">
        <v>0</v>
      </c>
      <c r="N1456" s="1">
        <v>0</v>
      </c>
      <c r="O1456" t="s">
        <v>3728</v>
      </c>
      <c r="P1456" t="s">
        <v>176</v>
      </c>
      <c r="Q1456" t="s">
        <v>328</v>
      </c>
      <c r="S1456" t="s">
        <v>178</v>
      </c>
      <c r="T1456" t="s">
        <v>197</v>
      </c>
      <c r="U1456" t="s">
        <v>4548</v>
      </c>
      <c r="W1456" t="s">
        <v>262</v>
      </c>
      <c r="X1456" t="s">
        <v>179</v>
      </c>
      <c r="AC1456" t="s">
        <v>199</v>
      </c>
      <c r="AD1456" t="s">
        <v>230</v>
      </c>
      <c r="AE1456" t="s">
        <v>230</v>
      </c>
      <c r="AF1456" t="s">
        <v>299</v>
      </c>
      <c r="AG1456" t="s">
        <v>181</v>
      </c>
      <c r="AH1456" t="s">
        <v>200</v>
      </c>
      <c r="AI1456" t="s">
        <v>200</v>
      </c>
      <c r="AJ1456" t="s">
        <v>175</v>
      </c>
      <c r="AK1456" t="s">
        <v>181</v>
      </c>
      <c r="AL1456" t="s">
        <v>52</v>
      </c>
      <c r="AM1456" t="s">
        <v>183</v>
      </c>
      <c r="AN1456" t="s">
        <v>185</v>
      </c>
      <c r="AO1456" t="s">
        <v>184</v>
      </c>
      <c r="AP1456" t="s">
        <v>182</v>
      </c>
      <c r="AQ1456" t="s">
        <v>202</v>
      </c>
      <c r="AR1456" t="s">
        <v>204</v>
      </c>
      <c r="AS1456" t="s">
        <v>205</v>
      </c>
      <c r="AT1456" t="s">
        <v>201</v>
      </c>
      <c r="AU1456" t="s">
        <v>206</v>
      </c>
      <c r="AV1456" t="s">
        <v>203</v>
      </c>
      <c r="AX1456" t="s">
        <v>186</v>
      </c>
      <c r="AY1456" t="s">
        <v>187</v>
      </c>
      <c r="AZ1456" t="s">
        <v>207</v>
      </c>
      <c r="BA1456" t="s">
        <v>188</v>
      </c>
      <c r="BB1456" t="s">
        <v>208</v>
      </c>
      <c r="BC1456" t="s">
        <v>209</v>
      </c>
      <c r="BF1456" t="s">
        <v>232</v>
      </c>
      <c r="BG1456" t="s">
        <v>301</v>
      </c>
      <c r="BH1456" t="s">
        <v>190</v>
      </c>
      <c r="BK1456" s="1">
        <v>0</v>
      </c>
      <c r="BM1456" s="1">
        <v>0</v>
      </c>
      <c r="BO1456" s="1">
        <v>0</v>
      </c>
    </row>
    <row r="1457" spans="1:69" x14ac:dyDescent="0.25">
      <c r="A1457" s="1">
        <v>30478766</v>
      </c>
      <c r="B1457" t="s">
        <v>4549</v>
      </c>
      <c r="C1457" t="s">
        <v>39</v>
      </c>
      <c r="D1457" t="s">
        <v>3727</v>
      </c>
      <c r="E1457" t="s">
        <v>175</v>
      </c>
      <c r="L1457" t="s">
        <v>52</v>
      </c>
      <c r="M1457" s="1">
        <v>0</v>
      </c>
      <c r="N1457" s="1">
        <v>0</v>
      </c>
      <c r="O1457" t="s">
        <v>3728</v>
      </c>
      <c r="P1457" t="s">
        <v>176</v>
      </c>
      <c r="Q1457" t="s">
        <v>238</v>
      </c>
      <c r="S1457" t="s">
        <v>178</v>
      </c>
      <c r="T1457" t="s">
        <v>175</v>
      </c>
      <c r="W1457" t="s">
        <v>262</v>
      </c>
      <c r="X1457" t="s">
        <v>179</v>
      </c>
      <c r="Y1457" t="s">
        <v>224</v>
      </c>
      <c r="AC1457" t="s">
        <v>180</v>
      </c>
      <c r="AD1457" t="s">
        <v>181</v>
      </c>
      <c r="AE1457" t="s">
        <v>181</v>
      </c>
      <c r="AF1457" t="s">
        <v>175</v>
      </c>
      <c r="AG1457" t="s">
        <v>175</v>
      </c>
      <c r="AH1457" t="s">
        <v>175</v>
      </c>
      <c r="AI1457" t="s">
        <v>181</v>
      </c>
      <c r="AJ1457" t="s">
        <v>175</v>
      </c>
      <c r="AK1457" t="s">
        <v>181</v>
      </c>
      <c r="AL1457" t="s">
        <v>42</v>
      </c>
      <c r="AM1457" t="s">
        <v>185</v>
      </c>
      <c r="AN1457" t="s">
        <v>183</v>
      </c>
      <c r="AO1457" t="s">
        <v>184</v>
      </c>
      <c r="AP1457" t="s">
        <v>182</v>
      </c>
      <c r="AQ1457" t="s">
        <v>206</v>
      </c>
      <c r="AR1457" t="s">
        <v>205</v>
      </c>
      <c r="AS1457" t="s">
        <v>202</v>
      </c>
      <c r="AT1457" t="s">
        <v>203</v>
      </c>
      <c r="AU1457" t="s">
        <v>204</v>
      </c>
      <c r="AV1457" t="s">
        <v>201</v>
      </c>
      <c r="AY1457" t="s">
        <v>187</v>
      </c>
      <c r="AZ1457" t="s">
        <v>207</v>
      </c>
      <c r="BC1457" t="s">
        <v>209</v>
      </c>
      <c r="BF1457" t="s">
        <v>49</v>
      </c>
      <c r="BG1457" s="1">
        <v>0</v>
      </c>
      <c r="BH1457" t="s">
        <v>211</v>
      </c>
      <c r="BK1457" t="s">
        <v>191</v>
      </c>
      <c r="BM1457" t="s">
        <v>191</v>
      </c>
      <c r="BO1457" t="s">
        <v>218</v>
      </c>
    </row>
    <row r="1458" spans="1:69" x14ac:dyDescent="0.25">
      <c r="A1458" s="1">
        <v>30478806</v>
      </c>
      <c r="B1458" t="s">
        <v>2456</v>
      </c>
      <c r="C1458" t="s">
        <v>39</v>
      </c>
      <c r="D1458" t="s">
        <v>1616</v>
      </c>
      <c r="E1458" t="s">
        <v>175</v>
      </c>
      <c r="L1458" t="s">
        <v>52</v>
      </c>
      <c r="M1458" s="1">
        <v>0</v>
      </c>
      <c r="N1458" s="1">
        <v>0</v>
      </c>
      <c r="O1458" t="s">
        <v>1616</v>
      </c>
      <c r="P1458" t="s">
        <v>216</v>
      </c>
      <c r="Q1458" t="s">
        <v>196</v>
      </c>
      <c r="S1458" s="1">
        <v>0</v>
      </c>
      <c r="T1458" t="s">
        <v>175</v>
      </c>
      <c r="AC1458" t="s">
        <v>180</v>
      </c>
      <c r="AD1458" t="s">
        <v>200</v>
      </c>
      <c r="AE1458" t="s">
        <v>200</v>
      </c>
      <c r="AF1458" t="s">
        <v>175</v>
      </c>
      <c r="AG1458" t="s">
        <v>175</v>
      </c>
      <c r="AH1458" t="s">
        <v>200</v>
      </c>
      <c r="AI1458" t="s">
        <v>200</v>
      </c>
      <c r="AJ1458" t="s">
        <v>175</v>
      </c>
      <c r="AK1458" t="s">
        <v>175</v>
      </c>
      <c r="AL1458" t="s">
        <v>42</v>
      </c>
      <c r="AM1458" t="s">
        <v>184</v>
      </c>
      <c r="AN1458" t="s">
        <v>205</v>
      </c>
      <c r="AO1458" t="s">
        <v>185</v>
      </c>
      <c r="AP1458" t="s">
        <v>182</v>
      </c>
      <c r="AQ1458" t="s">
        <v>183</v>
      </c>
      <c r="AR1458" t="s">
        <v>201</v>
      </c>
      <c r="AS1458" t="s">
        <v>203</v>
      </c>
      <c r="AT1458" t="s">
        <v>206</v>
      </c>
      <c r="AU1458" t="s">
        <v>204</v>
      </c>
      <c r="AV1458" t="s">
        <v>202</v>
      </c>
      <c r="AX1458" t="s">
        <v>186</v>
      </c>
      <c r="AY1458" t="s">
        <v>187</v>
      </c>
      <c r="AZ1458" t="s">
        <v>207</v>
      </c>
      <c r="BA1458" t="s">
        <v>188</v>
      </c>
      <c r="BB1458" t="s">
        <v>208</v>
      </c>
      <c r="BC1458" t="s">
        <v>209</v>
      </c>
      <c r="BF1458" t="s">
        <v>210</v>
      </c>
      <c r="BG1458" s="1">
        <v>0</v>
      </c>
      <c r="BH1458" t="s">
        <v>211</v>
      </c>
      <c r="BK1458" t="s">
        <v>191</v>
      </c>
      <c r="BL1458" t="s">
        <v>2457</v>
      </c>
      <c r="BM1458" t="s">
        <v>191</v>
      </c>
      <c r="BN1458" t="s">
        <v>2458</v>
      </c>
      <c r="BO1458" t="s">
        <v>218</v>
      </c>
      <c r="BP1458" t="s">
        <v>2459</v>
      </c>
    </row>
    <row r="1459" spans="1:69" x14ac:dyDescent="0.25">
      <c r="A1459" s="1">
        <v>30478952</v>
      </c>
      <c r="B1459" t="s">
        <v>4550</v>
      </c>
      <c r="C1459" t="s">
        <v>39</v>
      </c>
      <c r="D1459" t="s">
        <v>3727</v>
      </c>
      <c r="E1459" t="s">
        <v>175</v>
      </c>
      <c r="L1459" t="s">
        <v>52</v>
      </c>
      <c r="M1459" s="1">
        <v>0</v>
      </c>
      <c r="N1459" s="1">
        <v>0</v>
      </c>
      <c r="O1459" t="s">
        <v>3728</v>
      </c>
      <c r="P1459" t="s">
        <v>176</v>
      </c>
      <c r="Q1459" t="s">
        <v>238</v>
      </c>
      <c r="S1459" t="s">
        <v>349</v>
      </c>
      <c r="T1459" t="s">
        <v>175</v>
      </c>
      <c r="AA1459" t="s">
        <v>273</v>
      </c>
      <c r="AB1459" t="s">
        <v>3302</v>
      </c>
      <c r="AC1459" t="s">
        <v>180</v>
      </c>
      <c r="AD1459" t="s">
        <v>181</v>
      </c>
      <c r="AE1459" t="s">
        <v>175</v>
      </c>
      <c r="AF1459" t="s">
        <v>181</v>
      </c>
      <c r="AG1459" t="s">
        <v>181</v>
      </c>
      <c r="AH1459" t="s">
        <v>200</v>
      </c>
      <c r="AI1459" t="s">
        <v>200</v>
      </c>
      <c r="AJ1459" t="s">
        <v>181</v>
      </c>
      <c r="AK1459" t="s">
        <v>181</v>
      </c>
      <c r="AL1459" t="s">
        <v>52</v>
      </c>
      <c r="AM1459" s="1">
        <v>0</v>
      </c>
      <c r="AN1459" s="1">
        <v>0</v>
      </c>
      <c r="AO1459" s="1">
        <v>0</v>
      </c>
      <c r="AP1459" s="1">
        <v>0</v>
      </c>
      <c r="AQ1459" s="1">
        <v>0</v>
      </c>
      <c r="AR1459" s="1">
        <v>0</v>
      </c>
      <c r="AS1459" s="1">
        <v>0</v>
      </c>
      <c r="AT1459" s="1">
        <v>0</v>
      </c>
      <c r="AU1459" s="1">
        <v>0</v>
      </c>
      <c r="AV1459" s="1">
        <v>0</v>
      </c>
      <c r="BA1459" t="s">
        <v>188</v>
      </c>
      <c r="BB1459" t="s">
        <v>208</v>
      </c>
      <c r="BC1459" t="s">
        <v>209</v>
      </c>
      <c r="BF1459" t="s">
        <v>292</v>
      </c>
      <c r="BG1459" t="s">
        <v>301</v>
      </c>
      <c r="BH1459" t="s">
        <v>211</v>
      </c>
      <c r="BK1459" t="s">
        <v>191</v>
      </c>
      <c r="BL1459" t="s">
        <v>4551</v>
      </c>
      <c r="BM1459" t="s">
        <v>191</v>
      </c>
      <c r="BN1459" t="s">
        <v>4552</v>
      </c>
      <c r="BO1459" t="s">
        <v>191</v>
      </c>
      <c r="BP1459" t="s">
        <v>4553</v>
      </c>
    </row>
    <row r="1460" spans="1:69" x14ac:dyDescent="0.25">
      <c r="A1460" s="1">
        <v>30478967</v>
      </c>
      <c r="B1460" t="s">
        <v>155</v>
      </c>
      <c r="C1460" t="s">
        <v>39</v>
      </c>
      <c r="L1460" t="s">
        <v>52</v>
      </c>
      <c r="M1460" s="1">
        <v>0</v>
      </c>
      <c r="N1460" s="1">
        <v>0</v>
      </c>
      <c r="O1460" s="1">
        <v>0</v>
      </c>
      <c r="P1460" s="1">
        <v>0</v>
      </c>
      <c r="Q1460" s="1">
        <v>0</v>
      </c>
      <c r="S1460" s="1">
        <v>0</v>
      </c>
      <c r="T1460" s="1">
        <v>0</v>
      </c>
      <c r="AC1460" s="1">
        <v>0</v>
      </c>
      <c r="AD1460" s="1">
        <v>0</v>
      </c>
      <c r="AE1460" s="1">
        <v>0</v>
      </c>
      <c r="AF1460" s="1">
        <v>0</v>
      </c>
      <c r="AG1460" s="1">
        <v>0</v>
      </c>
      <c r="AH1460" s="1">
        <v>0</v>
      </c>
      <c r="AI1460" s="1">
        <v>0</v>
      </c>
      <c r="AJ1460" s="1">
        <v>0</v>
      </c>
      <c r="AK1460" s="1">
        <v>0</v>
      </c>
      <c r="AL1460" s="1">
        <v>0</v>
      </c>
      <c r="AM1460" s="1">
        <v>0</v>
      </c>
      <c r="AN1460" s="1">
        <v>0</v>
      </c>
      <c r="AO1460" s="1">
        <v>0</v>
      </c>
      <c r="AP1460" s="1">
        <v>0</v>
      </c>
      <c r="AQ1460" s="1">
        <v>0</v>
      </c>
      <c r="AR1460" s="1">
        <v>0</v>
      </c>
      <c r="AS1460" s="1">
        <v>0</v>
      </c>
      <c r="AT1460" s="1">
        <v>0</v>
      </c>
      <c r="AU1460" s="1">
        <v>0</v>
      </c>
      <c r="AV1460" s="1">
        <v>0</v>
      </c>
      <c r="BF1460" s="1">
        <v>0</v>
      </c>
      <c r="BG1460" s="1">
        <v>0</v>
      </c>
      <c r="BH1460" s="1">
        <v>0</v>
      </c>
      <c r="BK1460" s="1">
        <v>0</v>
      </c>
      <c r="BM1460" s="1">
        <v>0</v>
      </c>
      <c r="BO1460" s="1">
        <v>0</v>
      </c>
    </row>
    <row r="1461" spans="1:69" x14ac:dyDescent="0.25">
      <c r="A1461" s="1">
        <v>30479020</v>
      </c>
      <c r="B1461" t="s">
        <v>3067</v>
      </c>
      <c r="C1461" t="s">
        <v>39</v>
      </c>
      <c r="D1461" t="s">
        <v>2512</v>
      </c>
      <c r="E1461" t="s">
        <v>200</v>
      </c>
      <c r="L1461" t="s">
        <v>52</v>
      </c>
      <c r="M1461" s="1">
        <v>0</v>
      </c>
      <c r="N1461" s="1">
        <v>0</v>
      </c>
      <c r="O1461" t="s">
        <v>2512</v>
      </c>
      <c r="P1461" t="s">
        <v>216</v>
      </c>
      <c r="Q1461" t="s">
        <v>328</v>
      </c>
      <c r="S1461" s="1">
        <v>0</v>
      </c>
      <c r="T1461" t="s">
        <v>200</v>
      </c>
      <c r="AA1461" t="s">
        <v>273</v>
      </c>
      <c r="AB1461" t="s">
        <v>3068</v>
      </c>
      <c r="AC1461" t="s">
        <v>180</v>
      </c>
      <c r="AD1461" t="s">
        <v>200</v>
      </c>
      <c r="AE1461" t="s">
        <v>200</v>
      </c>
      <c r="AF1461" t="s">
        <v>200</v>
      </c>
      <c r="AG1461" t="s">
        <v>200</v>
      </c>
      <c r="AH1461" t="s">
        <v>200</v>
      </c>
      <c r="AI1461" t="s">
        <v>200</v>
      </c>
      <c r="AJ1461" t="s">
        <v>200</v>
      </c>
      <c r="AK1461" t="s">
        <v>200</v>
      </c>
      <c r="AL1461" s="1">
        <v>0</v>
      </c>
      <c r="AM1461" t="s">
        <v>184</v>
      </c>
      <c r="AN1461" t="s">
        <v>201</v>
      </c>
      <c r="AO1461" t="s">
        <v>183</v>
      </c>
      <c r="AP1461" s="1">
        <v>0</v>
      </c>
      <c r="AQ1461" s="1">
        <v>0</v>
      </c>
      <c r="AR1461" s="1">
        <v>0</v>
      </c>
      <c r="AS1461" t="s">
        <v>185</v>
      </c>
      <c r="AT1461" s="1">
        <v>0</v>
      </c>
      <c r="AU1461" s="1">
        <v>0</v>
      </c>
      <c r="AV1461" t="s">
        <v>182</v>
      </c>
      <c r="AW1461" t="s">
        <v>225</v>
      </c>
      <c r="AY1461" t="s">
        <v>187</v>
      </c>
      <c r="BA1461" t="s">
        <v>188</v>
      </c>
      <c r="BF1461" t="s">
        <v>210</v>
      </c>
      <c r="BG1461" s="1">
        <v>0</v>
      </c>
      <c r="BH1461" t="s">
        <v>412</v>
      </c>
      <c r="BI1461" t="s">
        <v>3069</v>
      </c>
      <c r="BK1461" t="s">
        <v>191</v>
      </c>
      <c r="BL1461" t="s">
        <v>3070</v>
      </c>
      <c r="BM1461" t="s">
        <v>218</v>
      </c>
      <c r="BN1461" t="s">
        <v>3071</v>
      </c>
      <c r="BO1461" t="s">
        <v>191</v>
      </c>
      <c r="BP1461" t="s">
        <v>3072</v>
      </c>
      <c r="BQ1461" t="s">
        <v>3073</v>
      </c>
    </row>
    <row r="1462" spans="1:69" x14ac:dyDescent="0.25">
      <c r="A1462" s="1">
        <v>30479120</v>
      </c>
      <c r="B1462" t="s">
        <v>4554</v>
      </c>
      <c r="C1462" t="s">
        <v>39</v>
      </c>
      <c r="D1462" t="s">
        <v>3727</v>
      </c>
      <c r="E1462" t="s">
        <v>216</v>
      </c>
      <c r="L1462" t="s">
        <v>52</v>
      </c>
      <c r="M1462" s="1">
        <v>0</v>
      </c>
      <c r="N1462" s="1">
        <v>0</v>
      </c>
      <c r="O1462" t="s">
        <v>3728</v>
      </c>
      <c r="P1462" t="s">
        <v>216</v>
      </c>
      <c r="Q1462" t="s">
        <v>258</v>
      </c>
      <c r="S1462" s="1">
        <v>0</v>
      </c>
      <c r="T1462" t="s">
        <v>297</v>
      </c>
      <c r="AC1462" s="1">
        <v>0</v>
      </c>
      <c r="AD1462" s="1">
        <v>0</v>
      </c>
      <c r="AE1462" s="1">
        <v>0</v>
      </c>
      <c r="AF1462" s="1">
        <v>0</v>
      </c>
      <c r="AG1462" s="1">
        <v>0</v>
      </c>
      <c r="AH1462" s="1">
        <v>0</v>
      </c>
      <c r="AI1462" s="1">
        <v>0</v>
      </c>
      <c r="AJ1462" s="1">
        <v>0</v>
      </c>
      <c r="AK1462" s="1">
        <v>0</v>
      </c>
      <c r="AL1462" s="1">
        <v>0</v>
      </c>
      <c r="AM1462" s="1">
        <v>0</v>
      </c>
      <c r="AN1462" s="1">
        <v>0</v>
      </c>
      <c r="AO1462" s="1">
        <v>0</v>
      </c>
      <c r="AP1462" s="1">
        <v>0</v>
      </c>
      <c r="AQ1462" s="1">
        <v>0</v>
      </c>
      <c r="AR1462" s="1">
        <v>0</v>
      </c>
      <c r="AS1462" s="1">
        <v>0</v>
      </c>
      <c r="AT1462" s="1">
        <v>0</v>
      </c>
      <c r="AU1462" s="1">
        <v>0</v>
      </c>
      <c r="AV1462" s="1">
        <v>0</v>
      </c>
      <c r="BF1462" s="1">
        <v>0</v>
      </c>
      <c r="BG1462" s="1">
        <v>0</v>
      </c>
      <c r="BH1462" s="1">
        <v>0</v>
      </c>
      <c r="BK1462" s="1">
        <v>0</v>
      </c>
      <c r="BM1462" s="1">
        <v>0</v>
      </c>
      <c r="BO1462" s="1">
        <v>0</v>
      </c>
    </row>
    <row r="1463" spans="1:69" x14ac:dyDescent="0.25">
      <c r="A1463" s="1">
        <v>30479138</v>
      </c>
      <c r="B1463" t="s">
        <v>3074</v>
      </c>
      <c r="C1463" t="s">
        <v>39</v>
      </c>
      <c r="D1463" t="s">
        <v>2512</v>
      </c>
      <c r="E1463" t="s">
        <v>175</v>
      </c>
      <c r="L1463" t="s">
        <v>52</v>
      </c>
      <c r="M1463" s="1">
        <v>0</v>
      </c>
      <c r="N1463" s="1">
        <v>0</v>
      </c>
      <c r="O1463" t="s">
        <v>2512</v>
      </c>
      <c r="P1463" t="s">
        <v>216</v>
      </c>
      <c r="Q1463" t="s">
        <v>258</v>
      </c>
      <c r="S1463" s="1">
        <v>0</v>
      </c>
      <c r="T1463" t="s">
        <v>175</v>
      </c>
      <c r="Z1463" t="s">
        <v>244</v>
      </c>
      <c r="AC1463" t="s">
        <v>199</v>
      </c>
      <c r="AD1463" t="s">
        <v>175</v>
      </c>
      <c r="AE1463" t="s">
        <v>200</v>
      </c>
      <c r="AF1463" t="s">
        <v>200</v>
      </c>
      <c r="AG1463" t="s">
        <v>200</v>
      </c>
      <c r="AH1463" t="s">
        <v>200</v>
      </c>
      <c r="AI1463" t="s">
        <v>200</v>
      </c>
      <c r="AJ1463" t="s">
        <v>200</v>
      </c>
      <c r="AK1463" t="s">
        <v>200</v>
      </c>
      <c r="AL1463" t="s">
        <v>42</v>
      </c>
      <c r="AM1463" t="s">
        <v>183</v>
      </c>
      <c r="AN1463" t="s">
        <v>185</v>
      </c>
      <c r="AO1463" t="s">
        <v>201</v>
      </c>
      <c r="AP1463" t="s">
        <v>182</v>
      </c>
      <c r="AQ1463" t="s">
        <v>205</v>
      </c>
      <c r="AR1463" t="s">
        <v>184</v>
      </c>
      <c r="AS1463" t="s">
        <v>206</v>
      </c>
      <c r="AT1463" t="s">
        <v>202</v>
      </c>
      <c r="AU1463" t="s">
        <v>204</v>
      </c>
      <c r="AV1463" t="s">
        <v>203</v>
      </c>
      <c r="AX1463" t="s">
        <v>186</v>
      </c>
      <c r="AY1463" t="s">
        <v>187</v>
      </c>
      <c r="AZ1463" t="s">
        <v>207</v>
      </c>
      <c r="BA1463" t="s">
        <v>188</v>
      </c>
      <c r="BB1463" t="s">
        <v>208</v>
      </c>
      <c r="BF1463" t="s">
        <v>210</v>
      </c>
      <c r="BG1463" s="1">
        <v>0</v>
      </c>
      <c r="BH1463" t="s">
        <v>464</v>
      </c>
      <c r="BK1463" t="s">
        <v>191</v>
      </c>
      <c r="BM1463" t="s">
        <v>191</v>
      </c>
      <c r="BO1463" t="s">
        <v>218</v>
      </c>
      <c r="BP1463" t="s">
        <v>3075</v>
      </c>
      <c r="BQ1463" t="s">
        <v>3076</v>
      </c>
    </row>
    <row r="1464" spans="1:69" x14ac:dyDescent="0.25">
      <c r="A1464" s="1">
        <v>30479177</v>
      </c>
      <c r="B1464" t="s">
        <v>4555</v>
      </c>
      <c r="C1464" t="s">
        <v>39</v>
      </c>
      <c r="D1464" t="s">
        <v>3727</v>
      </c>
      <c r="E1464" t="s">
        <v>200</v>
      </c>
      <c r="L1464" t="s">
        <v>52</v>
      </c>
      <c r="M1464" s="1">
        <v>0</v>
      </c>
      <c r="N1464" s="1">
        <v>0</v>
      </c>
      <c r="O1464" t="s">
        <v>3728</v>
      </c>
      <c r="P1464" t="s">
        <v>216</v>
      </c>
      <c r="Q1464" t="s">
        <v>238</v>
      </c>
      <c r="S1464" s="1">
        <v>0</v>
      </c>
      <c r="T1464" t="s">
        <v>200</v>
      </c>
      <c r="Y1464" t="s">
        <v>224</v>
      </c>
      <c r="AC1464" t="s">
        <v>180</v>
      </c>
      <c r="AD1464" t="s">
        <v>181</v>
      </c>
      <c r="AE1464" t="s">
        <v>181</v>
      </c>
      <c r="AF1464" t="s">
        <v>181</v>
      </c>
      <c r="AG1464" t="s">
        <v>181</v>
      </c>
      <c r="AH1464" t="s">
        <v>181</v>
      </c>
      <c r="AI1464" t="s">
        <v>175</v>
      </c>
      <c r="AJ1464" t="s">
        <v>181</v>
      </c>
      <c r="AK1464" t="s">
        <v>181</v>
      </c>
      <c r="AL1464" t="s">
        <v>42</v>
      </c>
      <c r="AM1464" t="s">
        <v>205</v>
      </c>
      <c r="AN1464" t="s">
        <v>206</v>
      </c>
      <c r="AO1464" t="s">
        <v>182</v>
      </c>
      <c r="AP1464" t="s">
        <v>183</v>
      </c>
      <c r="AQ1464" t="s">
        <v>185</v>
      </c>
      <c r="AR1464" t="s">
        <v>184</v>
      </c>
      <c r="AS1464" t="s">
        <v>203</v>
      </c>
      <c r="AT1464" t="s">
        <v>201</v>
      </c>
      <c r="AU1464" t="s">
        <v>204</v>
      </c>
      <c r="AV1464" t="s">
        <v>202</v>
      </c>
      <c r="BF1464" s="1">
        <v>0</v>
      </c>
      <c r="BG1464" s="1">
        <v>0</v>
      </c>
      <c r="BH1464" s="1">
        <v>0</v>
      </c>
      <c r="BK1464" s="1">
        <v>0</v>
      </c>
      <c r="BM1464" s="1">
        <v>0</v>
      </c>
      <c r="BO1464" s="1">
        <v>0</v>
      </c>
    </row>
    <row r="1465" spans="1:69" x14ac:dyDescent="0.25">
      <c r="A1465" s="1">
        <v>30479198</v>
      </c>
      <c r="B1465" t="s">
        <v>4556</v>
      </c>
      <c r="C1465" t="s">
        <v>39</v>
      </c>
      <c r="D1465" t="s">
        <v>3727</v>
      </c>
      <c r="E1465" t="s">
        <v>200</v>
      </c>
      <c r="L1465" t="s">
        <v>52</v>
      </c>
      <c r="M1465" s="1">
        <v>0</v>
      </c>
      <c r="N1465" s="1">
        <v>0</v>
      </c>
      <c r="O1465" t="s">
        <v>3728</v>
      </c>
      <c r="P1465" t="s">
        <v>176</v>
      </c>
      <c r="Q1465" t="s">
        <v>196</v>
      </c>
      <c r="S1465" t="s">
        <v>222</v>
      </c>
      <c r="T1465" t="s">
        <v>200</v>
      </c>
      <c r="AA1465" t="s">
        <v>273</v>
      </c>
      <c r="AB1465" t="s">
        <v>4557</v>
      </c>
      <c r="AC1465" t="s">
        <v>49</v>
      </c>
      <c r="AD1465" t="s">
        <v>200</v>
      </c>
      <c r="AE1465" t="s">
        <v>200</v>
      </c>
      <c r="AF1465" t="s">
        <v>181</v>
      </c>
      <c r="AG1465" t="s">
        <v>181</v>
      </c>
      <c r="AH1465" t="s">
        <v>200</v>
      </c>
      <c r="AI1465" t="s">
        <v>181</v>
      </c>
      <c r="AJ1465" t="s">
        <v>200</v>
      </c>
      <c r="AK1465" t="s">
        <v>200</v>
      </c>
      <c r="AL1465" t="s">
        <v>42</v>
      </c>
      <c r="AM1465" t="s">
        <v>185</v>
      </c>
      <c r="AN1465" t="s">
        <v>201</v>
      </c>
      <c r="AO1465" t="s">
        <v>182</v>
      </c>
      <c r="AP1465" t="s">
        <v>205</v>
      </c>
      <c r="AQ1465" t="s">
        <v>204</v>
      </c>
      <c r="AR1465" t="s">
        <v>203</v>
      </c>
      <c r="AS1465" t="s">
        <v>183</v>
      </c>
      <c r="AT1465" t="s">
        <v>202</v>
      </c>
      <c r="AU1465" t="s">
        <v>206</v>
      </c>
      <c r="AV1465" t="s">
        <v>184</v>
      </c>
      <c r="AX1465" t="s">
        <v>186</v>
      </c>
      <c r="AY1465" t="s">
        <v>187</v>
      </c>
      <c r="AZ1465" t="s">
        <v>207</v>
      </c>
      <c r="BA1465" t="s">
        <v>188</v>
      </c>
      <c r="BF1465" t="s">
        <v>49</v>
      </c>
      <c r="BG1465" s="1">
        <v>0</v>
      </c>
      <c r="BH1465" t="s">
        <v>211</v>
      </c>
      <c r="BK1465" t="s">
        <v>191</v>
      </c>
      <c r="BL1465" t="s">
        <v>2515</v>
      </c>
      <c r="BM1465" t="s">
        <v>218</v>
      </c>
      <c r="BO1465" t="s">
        <v>191</v>
      </c>
    </row>
    <row r="1466" spans="1:69" x14ac:dyDescent="0.25">
      <c r="A1466" s="1">
        <v>30479276</v>
      </c>
      <c r="B1466" t="s">
        <v>3685</v>
      </c>
      <c r="C1466" t="s">
        <v>39</v>
      </c>
      <c r="D1466" t="s">
        <v>3138</v>
      </c>
      <c r="E1466" t="s">
        <v>216</v>
      </c>
      <c r="L1466" t="s">
        <v>52</v>
      </c>
      <c r="M1466" s="1">
        <v>0</v>
      </c>
      <c r="N1466" s="1">
        <v>0</v>
      </c>
      <c r="O1466" t="s">
        <v>3139</v>
      </c>
      <c r="P1466" t="s">
        <v>216</v>
      </c>
      <c r="Q1466" t="s">
        <v>238</v>
      </c>
      <c r="S1466" s="1">
        <v>0</v>
      </c>
      <c r="T1466" t="s">
        <v>297</v>
      </c>
      <c r="U1466" t="s">
        <v>3686</v>
      </c>
      <c r="W1466" t="s">
        <v>262</v>
      </c>
      <c r="Y1466" t="s">
        <v>224</v>
      </c>
      <c r="Z1466" t="s">
        <v>244</v>
      </c>
      <c r="AC1466" t="s">
        <v>199</v>
      </c>
      <c r="AD1466" t="s">
        <v>299</v>
      </c>
      <c r="AE1466" t="s">
        <v>299</v>
      </c>
      <c r="AF1466" t="s">
        <v>299</v>
      </c>
      <c r="AG1466" t="s">
        <v>299</v>
      </c>
      <c r="AH1466" t="s">
        <v>299</v>
      </c>
      <c r="AI1466" t="s">
        <v>181</v>
      </c>
      <c r="AJ1466" t="s">
        <v>181</v>
      </c>
      <c r="AK1466" t="s">
        <v>299</v>
      </c>
      <c r="AL1466" t="s">
        <v>42</v>
      </c>
      <c r="AM1466" t="s">
        <v>182</v>
      </c>
      <c r="AN1466" t="s">
        <v>183</v>
      </c>
      <c r="AO1466" t="s">
        <v>185</v>
      </c>
      <c r="AP1466" t="s">
        <v>184</v>
      </c>
      <c r="AQ1466" t="s">
        <v>201</v>
      </c>
      <c r="AR1466" t="s">
        <v>206</v>
      </c>
      <c r="AS1466" t="s">
        <v>203</v>
      </c>
      <c r="AT1466" t="s">
        <v>204</v>
      </c>
      <c r="AU1466" t="s">
        <v>202</v>
      </c>
      <c r="AV1466" t="s">
        <v>205</v>
      </c>
      <c r="AX1466" t="s">
        <v>186</v>
      </c>
      <c r="AZ1466" t="s">
        <v>207</v>
      </c>
      <c r="BA1466" t="s">
        <v>188</v>
      </c>
      <c r="BC1466" t="s">
        <v>209</v>
      </c>
      <c r="BF1466" t="s">
        <v>292</v>
      </c>
      <c r="BG1466" t="s">
        <v>315</v>
      </c>
      <c r="BH1466" t="s">
        <v>211</v>
      </c>
      <c r="BK1466" t="s">
        <v>191</v>
      </c>
      <c r="BL1466" t="s">
        <v>3687</v>
      </c>
      <c r="BM1466" t="s">
        <v>218</v>
      </c>
      <c r="BN1466" t="s">
        <v>3688</v>
      </c>
      <c r="BO1466" t="s">
        <v>191</v>
      </c>
      <c r="BP1466" t="s">
        <v>3689</v>
      </c>
    </row>
    <row r="1467" spans="1:69" x14ac:dyDescent="0.25">
      <c r="A1467" s="1">
        <v>30479284</v>
      </c>
      <c r="B1467" t="s">
        <v>3077</v>
      </c>
      <c r="C1467" t="s">
        <v>39</v>
      </c>
      <c r="D1467" t="s">
        <v>2512</v>
      </c>
      <c r="E1467" t="s">
        <v>195</v>
      </c>
      <c r="L1467" t="s">
        <v>52</v>
      </c>
      <c r="M1467" s="1">
        <v>0</v>
      </c>
      <c r="N1467" s="1">
        <v>0</v>
      </c>
      <c r="O1467" t="s">
        <v>2512</v>
      </c>
      <c r="P1467" t="s">
        <v>176</v>
      </c>
      <c r="Q1467" t="s">
        <v>177</v>
      </c>
      <c r="S1467" t="s">
        <v>178</v>
      </c>
      <c r="T1467" t="s">
        <v>197</v>
      </c>
      <c r="U1467" t="s">
        <v>3078</v>
      </c>
      <c r="X1467" t="s">
        <v>179</v>
      </c>
      <c r="AC1467" t="s">
        <v>199</v>
      </c>
      <c r="AD1467" s="1">
        <v>0</v>
      </c>
      <c r="AE1467" s="1">
        <v>0</v>
      </c>
      <c r="AF1467" s="1">
        <v>0</v>
      </c>
      <c r="AG1467" s="1">
        <v>0</v>
      </c>
      <c r="AH1467" s="1">
        <v>0</v>
      </c>
      <c r="AI1467" s="1">
        <v>0</v>
      </c>
      <c r="AJ1467" s="1">
        <v>0</v>
      </c>
      <c r="AK1467" t="s">
        <v>181</v>
      </c>
      <c r="AL1467" t="s">
        <v>52</v>
      </c>
      <c r="AM1467" s="1">
        <v>0</v>
      </c>
      <c r="AN1467" t="s">
        <v>184</v>
      </c>
      <c r="AO1467" t="s">
        <v>185</v>
      </c>
      <c r="AP1467" s="1">
        <v>0</v>
      </c>
      <c r="AQ1467" s="1">
        <v>0</v>
      </c>
      <c r="AR1467" s="1">
        <v>0</v>
      </c>
      <c r="AS1467" s="1">
        <v>0</v>
      </c>
      <c r="AT1467" s="1">
        <v>0</v>
      </c>
      <c r="AU1467" s="1">
        <v>0</v>
      </c>
      <c r="AV1467" t="s">
        <v>182</v>
      </c>
      <c r="AZ1467" t="s">
        <v>207</v>
      </c>
      <c r="BF1467" t="s">
        <v>210</v>
      </c>
      <c r="BG1467" s="1">
        <v>0</v>
      </c>
      <c r="BH1467" t="s">
        <v>412</v>
      </c>
      <c r="BI1467" t="s">
        <v>3079</v>
      </c>
      <c r="BK1467" t="s">
        <v>191</v>
      </c>
      <c r="BM1467" t="s">
        <v>191</v>
      </c>
      <c r="BO1467" t="s">
        <v>191</v>
      </c>
      <c r="BQ1467" t="s">
        <v>3080</v>
      </c>
    </row>
    <row r="1468" spans="1:69" x14ac:dyDescent="0.25">
      <c r="A1468" s="1">
        <v>30479788</v>
      </c>
      <c r="B1468" t="s">
        <v>156</v>
      </c>
      <c r="C1468" t="s">
        <v>39</v>
      </c>
      <c r="L1468" s="1">
        <v>0</v>
      </c>
      <c r="M1468" s="1">
        <v>0</v>
      </c>
      <c r="N1468" s="1">
        <v>0</v>
      </c>
      <c r="O1468" s="1">
        <v>0</v>
      </c>
      <c r="P1468" s="1">
        <v>0</v>
      </c>
      <c r="Q1468" s="1">
        <v>0</v>
      </c>
      <c r="S1468" s="1">
        <v>0</v>
      </c>
      <c r="T1468" s="1">
        <v>0</v>
      </c>
      <c r="AC1468" s="1">
        <v>0</v>
      </c>
      <c r="AD1468" s="1">
        <v>0</v>
      </c>
      <c r="AE1468" s="1">
        <v>0</v>
      </c>
      <c r="AF1468" s="1">
        <v>0</v>
      </c>
      <c r="AG1468" s="1">
        <v>0</v>
      </c>
      <c r="AH1468" s="1">
        <v>0</v>
      </c>
      <c r="AI1468" s="1">
        <v>0</v>
      </c>
      <c r="AJ1468" s="1">
        <v>0</v>
      </c>
      <c r="AK1468" s="1">
        <v>0</v>
      </c>
      <c r="AL1468" s="1">
        <v>0</v>
      </c>
      <c r="AM1468" s="1">
        <v>0</v>
      </c>
      <c r="AN1468" s="1">
        <v>0</v>
      </c>
      <c r="AO1468" s="1">
        <v>0</v>
      </c>
      <c r="AP1468" s="1">
        <v>0</v>
      </c>
      <c r="AQ1468" s="1">
        <v>0</v>
      </c>
      <c r="AR1468" s="1">
        <v>0</v>
      </c>
      <c r="AS1468" s="1">
        <v>0</v>
      </c>
      <c r="AT1468" s="1">
        <v>0</v>
      </c>
      <c r="AU1468" s="1">
        <v>0</v>
      </c>
      <c r="AV1468" s="1">
        <v>0</v>
      </c>
      <c r="BF1468" s="1">
        <v>0</v>
      </c>
      <c r="BG1468" s="1">
        <v>0</v>
      </c>
      <c r="BH1468" s="1">
        <v>0</v>
      </c>
      <c r="BK1468" s="1">
        <v>0</v>
      </c>
      <c r="BM1468" s="1">
        <v>0</v>
      </c>
      <c r="BO1468" s="1">
        <v>0</v>
      </c>
    </row>
    <row r="1469" spans="1:69" x14ac:dyDescent="0.25">
      <c r="A1469" s="1">
        <v>30480330</v>
      </c>
      <c r="B1469" t="s">
        <v>1559</v>
      </c>
      <c r="C1469" t="s">
        <v>39</v>
      </c>
      <c r="D1469" t="s">
        <v>942</v>
      </c>
      <c r="E1469" t="s">
        <v>216</v>
      </c>
      <c r="L1469" t="s">
        <v>52</v>
      </c>
      <c r="M1469" s="1">
        <v>0</v>
      </c>
      <c r="N1469" s="1">
        <v>0</v>
      </c>
      <c r="O1469" t="s">
        <v>942</v>
      </c>
      <c r="P1469" t="s">
        <v>216</v>
      </c>
      <c r="Q1469" t="s">
        <v>196</v>
      </c>
      <c r="S1469" s="1">
        <v>0</v>
      </c>
      <c r="T1469" t="s">
        <v>197</v>
      </c>
      <c r="AA1469" t="s">
        <v>273</v>
      </c>
      <c r="AB1469" t="s">
        <v>1560</v>
      </c>
      <c r="AC1469" t="s">
        <v>180</v>
      </c>
      <c r="AD1469" t="s">
        <v>175</v>
      </c>
      <c r="AE1469" t="s">
        <v>181</v>
      </c>
      <c r="AF1469" t="s">
        <v>181</v>
      </c>
      <c r="AG1469" t="s">
        <v>175</v>
      </c>
      <c r="AH1469" t="s">
        <v>200</v>
      </c>
      <c r="AI1469" t="s">
        <v>200</v>
      </c>
      <c r="AJ1469" t="s">
        <v>175</v>
      </c>
      <c r="AK1469" t="s">
        <v>175</v>
      </c>
      <c r="AL1469" t="s">
        <v>52</v>
      </c>
      <c r="AM1469" t="s">
        <v>204</v>
      </c>
      <c r="AN1469" t="s">
        <v>201</v>
      </c>
      <c r="AO1469" t="s">
        <v>184</v>
      </c>
      <c r="AP1469" t="s">
        <v>183</v>
      </c>
      <c r="AQ1469" t="s">
        <v>185</v>
      </c>
      <c r="AR1469" t="s">
        <v>203</v>
      </c>
      <c r="AS1469" t="s">
        <v>182</v>
      </c>
      <c r="AT1469" t="s">
        <v>205</v>
      </c>
      <c r="AU1469" t="s">
        <v>206</v>
      </c>
      <c r="AV1469" t="s">
        <v>202</v>
      </c>
      <c r="AX1469" t="s">
        <v>186</v>
      </c>
      <c r="AZ1469" t="s">
        <v>207</v>
      </c>
      <c r="BC1469" t="s">
        <v>209</v>
      </c>
      <c r="BF1469" t="s">
        <v>210</v>
      </c>
      <c r="BG1469" s="1">
        <v>0</v>
      </c>
      <c r="BH1469" t="s">
        <v>211</v>
      </c>
      <c r="BK1469" t="s">
        <v>191</v>
      </c>
      <c r="BL1469" t="s">
        <v>1173</v>
      </c>
      <c r="BM1469" t="s">
        <v>191</v>
      </c>
      <c r="BN1469" t="s">
        <v>944</v>
      </c>
      <c r="BO1469" t="s">
        <v>218</v>
      </c>
      <c r="BP1469" t="s">
        <v>1561</v>
      </c>
    </row>
    <row r="1470" spans="1:69" x14ac:dyDescent="0.25">
      <c r="A1470" s="1">
        <v>30480673</v>
      </c>
      <c r="B1470" t="s">
        <v>3690</v>
      </c>
      <c r="C1470" t="s">
        <v>39</v>
      </c>
      <c r="D1470" t="s">
        <v>3138</v>
      </c>
      <c r="E1470" t="s">
        <v>175</v>
      </c>
      <c r="L1470" t="s">
        <v>52</v>
      </c>
      <c r="M1470" s="1">
        <v>0</v>
      </c>
      <c r="N1470" s="1">
        <v>0</v>
      </c>
      <c r="O1470" t="s">
        <v>3139</v>
      </c>
      <c r="P1470" t="s">
        <v>176</v>
      </c>
      <c r="Q1470" t="s">
        <v>196</v>
      </c>
      <c r="S1470" t="s">
        <v>349</v>
      </c>
      <c r="T1470" t="s">
        <v>175</v>
      </c>
      <c r="X1470" t="s">
        <v>179</v>
      </c>
      <c r="AC1470" t="s">
        <v>225</v>
      </c>
      <c r="AD1470" t="s">
        <v>175</v>
      </c>
      <c r="AE1470" t="s">
        <v>175</v>
      </c>
      <c r="AF1470" t="s">
        <v>175</v>
      </c>
      <c r="AG1470" t="s">
        <v>175</v>
      </c>
      <c r="AH1470" t="s">
        <v>175</v>
      </c>
      <c r="AI1470" t="s">
        <v>175</v>
      </c>
      <c r="AJ1470" t="s">
        <v>175</v>
      </c>
      <c r="AK1470" t="s">
        <v>175</v>
      </c>
      <c r="AL1470" t="s">
        <v>52</v>
      </c>
      <c r="AM1470" t="s">
        <v>184</v>
      </c>
      <c r="AN1470" t="s">
        <v>183</v>
      </c>
      <c r="AO1470" t="s">
        <v>185</v>
      </c>
      <c r="AP1470" t="s">
        <v>182</v>
      </c>
      <c r="AQ1470" t="s">
        <v>205</v>
      </c>
      <c r="AR1470" t="s">
        <v>204</v>
      </c>
      <c r="AS1470" t="s">
        <v>202</v>
      </c>
      <c r="AT1470" t="s">
        <v>201</v>
      </c>
      <c r="AU1470" t="s">
        <v>203</v>
      </c>
      <c r="AV1470" t="s">
        <v>206</v>
      </c>
      <c r="AX1470" t="s">
        <v>186</v>
      </c>
      <c r="AY1470" t="s">
        <v>187</v>
      </c>
      <c r="AZ1470" t="s">
        <v>207</v>
      </c>
      <c r="BA1470" t="s">
        <v>188</v>
      </c>
      <c r="BF1470" t="s">
        <v>49</v>
      </c>
      <c r="BG1470" s="1">
        <v>0</v>
      </c>
      <c r="BH1470" t="s">
        <v>211</v>
      </c>
      <c r="BK1470" t="s">
        <v>191</v>
      </c>
      <c r="BL1470" t="s">
        <v>2187</v>
      </c>
      <c r="BM1470" t="s">
        <v>191</v>
      </c>
      <c r="BN1470" t="s">
        <v>1085</v>
      </c>
      <c r="BO1470" t="s">
        <v>218</v>
      </c>
      <c r="BP1470" t="s">
        <v>1093</v>
      </c>
    </row>
    <row r="1471" spans="1:69" x14ac:dyDescent="0.25">
      <c r="A1471" s="1">
        <v>30480772</v>
      </c>
      <c r="B1471" t="s">
        <v>3081</v>
      </c>
      <c r="C1471" t="s">
        <v>39</v>
      </c>
      <c r="D1471" t="s">
        <v>2512</v>
      </c>
      <c r="E1471" t="s">
        <v>195</v>
      </c>
      <c r="L1471" t="s">
        <v>52</v>
      </c>
      <c r="M1471" s="1">
        <v>0</v>
      </c>
      <c r="N1471" s="1">
        <v>0</v>
      </c>
      <c r="O1471" t="s">
        <v>2512</v>
      </c>
      <c r="P1471" t="s">
        <v>176</v>
      </c>
      <c r="Q1471" t="s">
        <v>177</v>
      </c>
      <c r="S1471" t="s">
        <v>178</v>
      </c>
      <c r="T1471" t="s">
        <v>197</v>
      </c>
      <c r="X1471" t="s">
        <v>179</v>
      </c>
      <c r="AC1471" t="s">
        <v>180</v>
      </c>
      <c r="AD1471" t="s">
        <v>230</v>
      </c>
      <c r="AE1471" t="s">
        <v>230</v>
      </c>
      <c r="AF1471" t="s">
        <v>230</v>
      </c>
      <c r="AG1471" t="s">
        <v>175</v>
      </c>
      <c r="AH1471" t="s">
        <v>175</v>
      </c>
      <c r="AI1471" t="s">
        <v>175</v>
      </c>
      <c r="AJ1471" t="s">
        <v>230</v>
      </c>
      <c r="AK1471" t="s">
        <v>230</v>
      </c>
      <c r="AL1471" t="s">
        <v>52</v>
      </c>
      <c r="AM1471" t="s">
        <v>205</v>
      </c>
      <c r="AN1471" t="s">
        <v>204</v>
      </c>
      <c r="AO1471" t="s">
        <v>206</v>
      </c>
      <c r="AP1471" t="s">
        <v>182</v>
      </c>
      <c r="AQ1471" t="s">
        <v>184</v>
      </c>
      <c r="AR1471" t="s">
        <v>185</v>
      </c>
      <c r="AS1471" t="s">
        <v>203</v>
      </c>
      <c r="AT1471" t="s">
        <v>202</v>
      </c>
      <c r="AU1471" t="s">
        <v>201</v>
      </c>
      <c r="AV1471" t="s">
        <v>183</v>
      </c>
      <c r="AX1471" t="s">
        <v>186</v>
      </c>
      <c r="AY1471" t="s">
        <v>187</v>
      </c>
      <c r="AZ1471" t="s">
        <v>207</v>
      </c>
      <c r="BA1471" t="s">
        <v>188</v>
      </c>
      <c r="BB1471" t="s">
        <v>208</v>
      </c>
      <c r="BC1471" t="s">
        <v>209</v>
      </c>
      <c r="BF1471" t="s">
        <v>189</v>
      </c>
      <c r="BG1471" s="1">
        <v>0</v>
      </c>
      <c r="BH1471" t="s">
        <v>211</v>
      </c>
      <c r="BK1471" t="s">
        <v>191</v>
      </c>
      <c r="BL1471" t="s">
        <v>3082</v>
      </c>
      <c r="BM1471" t="s">
        <v>191</v>
      </c>
      <c r="BN1471" t="s">
        <v>3083</v>
      </c>
      <c r="BO1471" t="s">
        <v>191</v>
      </c>
      <c r="BP1471" t="s">
        <v>3084</v>
      </c>
      <c r="BQ1471" t="s">
        <v>3085</v>
      </c>
    </row>
    <row r="1472" spans="1:69" x14ac:dyDescent="0.25">
      <c r="A1472" s="1">
        <v>30481130</v>
      </c>
      <c r="B1472" t="s">
        <v>2460</v>
      </c>
      <c r="C1472" t="s">
        <v>39</v>
      </c>
      <c r="D1472" t="s">
        <v>1616</v>
      </c>
      <c r="E1472" t="s">
        <v>175</v>
      </c>
      <c r="L1472" t="s">
        <v>52</v>
      </c>
      <c r="M1472" s="1">
        <v>0</v>
      </c>
      <c r="N1472" s="1">
        <v>0</v>
      </c>
      <c r="O1472" t="s">
        <v>1616</v>
      </c>
      <c r="P1472" t="s">
        <v>176</v>
      </c>
      <c r="Q1472" t="s">
        <v>177</v>
      </c>
      <c r="S1472" t="s">
        <v>178</v>
      </c>
      <c r="T1472" t="s">
        <v>175</v>
      </c>
      <c r="X1472" t="s">
        <v>179</v>
      </c>
      <c r="AC1472" t="s">
        <v>180</v>
      </c>
      <c r="AD1472" t="s">
        <v>200</v>
      </c>
      <c r="AE1472" t="s">
        <v>175</v>
      </c>
      <c r="AF1472" t="s">
        <v>175</v>
      </c>
      <c r="AG1472" t="s">
        <v>175</v>
      </c>
      <c r="AH1472" t="s">
        <v>200</v>
      </c>
      <c r="AI1472" t="s">
        <v>200</v>
      </c>
      <c r="AJ1472" t="s">
        <v>175</v>
      </c>
      <c r="AK1472" t="s">
        <v>175</v>
      </c>
      <c r="AL1472" t="s">
        <v>42</v>
      </c>
      <c r="AM1472" t="s">
        <v>185</v>
      </c>
      <c r="AN1472" t="s">
        <v>184</v>
      </c>
      <c r="AO1472" s="1">
        <v>0</v>
      </c>
      <c r="AP1472" s="1">
        <v>0</v>
      </c>
      <c r="AQ1472" s="1">
        <v>0</v>
      </c>
      <c r="AR1472" t="s">
        <v>182</v>
      </c>
      <c r="AS1472" s="1">
        <v>0</v>
      </c>
      <c r="AT1472" s="1">
        <v>0</v>
      </c>
      <c r="AU1472" s="1">
        <v>0</v>
      </c>
      <c r="AV1472" s="1">
        <v>0</v>
      </c>
      <c r="BA1472" t="s">
        <v>188</v>
      </c>
      <c r="BC1472" t="s">
        <v>209</v>
      </c>
      <c r="BF1472" t="s">
        <v>49</v>
      </c>
      <c r="BG1472" s="1">
        <v>0</v>
      </c>
      <c r="BH1472" t="s">
        <v>211</v>
      </c>
      <c r="BK1472" t="s">
        <v>191</v>
      </c>
      <c r="BL1472" t="s">
        <v>2461</v>
      </c>
      <c r="BM1472" t="s">
        <v>191</v>
      </c>
      <c r="BN1472" t="s">
        <v>2462</v>
      </c>
      <c r="BO1472" t="s">
        <v>191</v>
      </c>
      <c r="BP1472" t="s">
        <v>2463</v>
      </c>
    </row>
    <row r="1473" spans="1:69" x14ac:dyDescent="0.25">
      <c r="A1473" s="1">
        <v>30481215</v>
      </c>
      <c r="B1473" t="s">
        <v>851</v>
      </c>
      <c r="C1473" t="s">
        <v>39</v>
      </c>
      <c r="D1473" t="s">
        <v>174</v>
      </c>
      <c r="E1473" t="s">
        <v>200</v>
      </c>
      <c r="L1473" t="s">
        <v>52</v>
      </c>
      <c r="M1473" s="1">
        <v>0</v>
      </c>
      <c r="N1473" s="1">
        <v>0</v>
      </c>
      <c r="O1473" t="s">
        <v>174</v>
      </c>
      <c r="P1473" t="s">
        <v>216</v>
      </c>
      <c r="Q1473" t="s">
        <v>328</v>
      </c>
      <c r="S1473" s="1">
        <v>0</v>
      </c>
      <c r="T1473" t="s">
        <v>200</v>
      </c>
      <c r="X1473" t="s">
        <v>179</v>
      </c>
      <c r="AC1473" t="s">
        <v>180</v>
      </c>
      <c r="AD1473" t="s">
        <v>175</v>
      </c>
      <c r="AE1473" t="s">
        <v>181</v>
      </c>
      <c r="AF1473" t="s">
        <v>181</v>
      </c>
      <c r="AG1473" t="s">
        <v>181</v>
      </c>
      <c r="AH1473" t="s">
        <v>181</v>
      </c>
      <c r="AI1473" t="s">
        <v>175</v>
      </c>
      <c r="AJ1473" t="s">
        <v>181</v>
      </c>
      <c r="AK1473" t="s">
        <v>181</v>
      </c>
      <c r="AL1473" t="s">
        <v>52</v>
      </c>
      <c r="AM1473" t="s">
        <v>183</v>
      </c>
      <c r="AN1473" t="s">
        <v>185</v>
      </c>
      <c r="AO1473" t="s">
        <v>182</v>
      </c>
      <c r="AP1473" t="s">
        <v>203</v>
      </c>
      <c r="AQ1473" t="s">
        <v>205</v>
      </c>
      <c r="AR1473" t="s">
        <v>184</v>
      </c>
      <c r="AS1473" t="s">
        <v>204</v>
      </c>
      <c r="AT1473" t="s">
        <v>201</v>
      </c>
      <c r="AU1473" t="s">
        <v>202</v>
      </c>
      <c r="AV1473" t="s">
        <v>206</v>
      </c>
      <c r="AY1473" t="s">
        <v>187</v>
      </c>
      <c r="AZ1473" t="s">
        <v>207</v>
      </c>
      <c r="BA1473" t="s">
        <v>188</v>
      </c>
      <c r="BB1473" t="s">
        <v>208</v>
      </c>
      <c r="BC1473" t="s">
        <v>209</v>
      </c>
      <c r="BF1473" t="s">
        <v>189</v>
      </c>
      <c r="BG1473" s="1">
        <v>0</v>
      </c>
      <c r="BH1473" t="s">
        <v>247</v>
      </c>
      <c r="BK1473" t="s">
        <v>218</v>
      </c>
      <c r="BM1473" t="s">
        <v>191</v>
      </c>
      <c r="BO1473" t="s">
        <v>191</v>
      </c>
    </row>
    <row r="1474" spans="1:69" x14ac:dyDescent="0.25">
      <c r="A1474" s="1">
        <v>30481437</v>
      </c>
      <c r="B1474" t="s">
        <v>3086</v>
      </c>
      <c r="C1474" t="s">
        <v>39</v>
      </c>
      <c r="D1474" t="s">
        <v>2512</v>
      </c>
      <c r="E1474" t="s">
        <v>175</v>
      </c>
      <c r="L1474" t="s">
        <v>52</v>
      </c>
      <c r="M1474" s="1">
        <v>0</v>
      </c>
      <c r="N1474" s="1">
        <v>0</v>
      </c>
      <c r="O1474" t="s">
        <v>2512</v>
      </c>
      <c r="P1474" t="s">
        <v>216</v>
      </c>
      <c r="Q1474" t="s">
        <v>177</v>
      </c>
      <c r="S1474" s="1">
        <v>0</v>
      </c>
      <c r="T1474" t="s">
        <v>175</v>
      </c>
      <c r="X1474" t="s">
        <v>179</v>
      </c>
      <c r="AC1474" t="s">
        <v>180</v>
      </c>
      <c r="AD1474" t="s">
        <v>175</v>
      </c>
      <c r="AE1474" t="s">
        <v>299</v>
      </c>
      <c r="AF1474" t="s">
        <v>230</v>
      </c>
      <c r="AG1474" t="s">
        <v>175</v>
      </c>
      <c r="AH1474" t="s">
        <v>175</v>
      </c>
      <c r="AI1474" t="s">
        <v>175</v>
      </c>
      <c r="AJ1474" t="s">
        <v>175</v>
      </c>
      <c r="AK1474" t="s">
        <v>230</v>
      </c>
      <c r="AL1474" t="s">
        <v>52</v>
      </c>
      <c r="AM1474" t="s">
        <v>184</v>
      </c>
      <c r="AN1474" t="s">
        <v>183</v>
      </c>
      <c r="AO1474" t="s">
        <v>206</v>
      </c>
      <c r="AP1474" t="s">
        <v>185</v>
      </c>
      <c r="AQ1474" t="s">
        <v>203</v>
      </c>
      <c r="AR1474" t="s">
        <v>202</v>
      </c>
      <c r="AS1474" t="s">
        <v>182</v>
      </c>
      <c r="AT1474" t="s">
        <v>205</v>
      </c>
      <c r="AU1474" t="s">
        <v>204</v>
      </c>
      <c r="AV1474" t="s">
        <v>201</v>
      </c>
      <c r="AW1474" t="s">
        <v>3087</v>
      </c>
      <c r="AX1474" t="s">
        <v>186</v>
      </c>
      <c r="AZ1474" t="s">
        <v>207</v>
      </c>
      <c r="BA1474" t="s">
        <v>188</v>
      </c>
      <c r="BC1474" t="s">
        <v>209</v>
      </c>
      <c r="BF1474" t="s">
        <v>189</v>
      </c>
      <c r="BG1474" s="1">
        <v>0</v>
      </c>
      <c r="BH1474" t="s">
        <v>211</v>
      </c>
      <c r="BK1474" t="s">
        <v>191</v>
      </c>
      <c r="BL1474" t="s">
        <v>3088</v>
      </c>
      <c r="BM1474" t="s">
        <v>191</v>
      </c>
      <c r="BN1474" t="s">
        <v>3089</v>
      </c>
      <c r="BO1474" t="s">
        <v>191</v>
      </c>
      <c r="BP1474" t="s">
        <v>325</v>
      </c>
      <c r="BQ1474" t="s">
        <v>737</v>
      </c>
    </row>
    <row r="1475" spans="1:69" x14ac:dyDescent="0.25">
      <c r="A1475" s="1">
        <v>30481806</v>
      </c>
      <c r="B1475" t="s">
        <v>4558</v>
      </c>
      <c r="C1475" t="s">
        <v>39</v>
      </c>
      <c r="D1475" t="s">
        <v>3727</v>
      </c>
      <c r="E1475" t="s">
        <v>216</v>
      </c>
      <c r="L1475" t="s">
        <v>52</v>
      </c>
      <c r="M1475" s="1">
        <v>0</v>
      </c>
      <c r="N1475" s="1">
        <v>0</v>
      </c>
      <c r="O1475" t="s">
        <v>3728</v>
      </c>
      <c r="P1475" t="s">
        <v>216</v>
      </c>
      <c r="Q1475" t="s">
        <v>258</v>
      </c>
      <c r="S1475" s="1">
        <v>0</v>
      </c>
      <c r="T1475" s="1">
        <v>0</v>
      </c>
      <c r="AC1475" s="1">
        <v>0</v>
      </c>
      <c r="AD1475" s="1">
        <v>0</v>
      </c>
      <c r="AE1475" s="1">
        <v>0</v>
      </c>
      <c r="AF1475" s="1">
        <v>0</v>
      </c>
      <c r="AG1475" s="1">
        <v>0</v>
      </c>
      <c r="AH1475" s="1">
        <v>0</v>
      </c>
      <c r="AI1475" s="1">
        <v>0</v>
      </c>
      <c r="AJ1475" s="1">
        <v>0</v>
      </c>
      <c r="AK1475" s="1">
        <v>0</v>
      </c>
      <c r="AL1475" s="1">
        <v>0</v>
      </c>
      <c r="AM1475" s="1">
        <v>0</v>
      </c>
      <c r="AN1475" s="1">
        <v>0</v>
      </c>
      <c r="AO1475" s="1">
        <v>0</v>
      </c>
      <c r="AP1475" s="1">
        <v>0</v>
      </c>
      <c r="AQ1475" s="1">
        <v>0</v>
      </c>
      <c r="AR1475" s="1">
        <v>0</v>
      </c>
      <c r="AS1475" s="1">
        <v>0</v>
      </c>
      <c r="AT1475" s="1">
        <v>0</v>
      </c>
      <c r="AU1475" s="1">
        <v>0</v>
      </c>
      <c r="AV1475" s="1">
        <v>0</v>
      </c>
      <c r="BF1475" s="1">
        <v>0</v>
      </c>
      <c r="BG1475" s="1">
        <v>0</v>
      </c>
      <c r="BH1475" s="1">
        <v>0</v>
      </c>
      <c r="BK1475" s="1">
        <v>0</v>
      </c>
      <c r="BM1475" s="1">
        <v>0</v>
      </c>
      <c r="BO1475" s="1">
        <v>0</v>
      </c>
    </row>
    <row r="1476" spans="1:69" x14ac:dyDescent="0.25">
      <c r="A1476" s="1">
        <v>30482225</v>
      </c>
      <c r="B1476" t="s">
        <v>4559</v>
      </c>
      <c r="C1476" t="s">
        <v>39</v>
      </c>
      <c r="D1476" t="s">
        <v>3727</v>
      </c>
      <c r="E1476" t="s">
        <v>216</v>
      </c>
      <c r="L1476" t="s">
        <v>52</v>
      </c>
      <c r="M1476" s="1">
        <v>0</v>
      </c>
      <c r="N1476" s="1">
        <v>0</v>
      </c>
      <c r="O1476" t="s">
        <v>3728</v>
      </c>
      <c r="P1476" t="s">
        <v>216</v>
      </c>
      <c r="Q1476" t="s">
        <v>328</v>
      </c>
      <c r="S1476" s="1">
        <v>0</v>
      </c>
      <c r="T1476" t="s">
        <v>197</v>
      </c>
      <c r="W1476" t="s">
        <v>262</v>
      </c>
      <c r="X1476" t="s">
        <v>179</v>
      </c>
      <c r="AC1476" t="s">
        <v>199</v>
      </c>
      <c r="AD1476" t="s">
        <v>181</v>
      </c>
      <c r="AE1476" t="s">
        <v>230</v>
      </c>
      <c r="AF1476" t="s">
        <v>230</v>
      </c>
      <c r="AG1476" t="s">
        <v>181</v>
      </c>
      <c r="AH1476" t="s">
        <v>181</v>
      </c>
      <c r="AI1476" t="s">
        <v>175</v>
      </c>
      <c r="AJ1476" t="s">
        <v>181</v>
      </c>
      <c r="AK1476" t="s">
        <v>230</v>
      </c>
      <c r="AL1476" t="s">
        <v>42</v>
      </c>
      <c r="AM1476" t="s">
        <v>203</v>
      </c>
      <c r="AN1476" t="s">
        <v>201</v>
      </c>
      <c r="AO1476" t="s">
        <v>204</v>
      </c>
      <c r="AP1476" t="s">
        <v>205</v>
      </c>
      <c r="AQ1476" t="s">
        <v>185</v>
      </c>
      <c r="AR1476" t="s">
        <v>184</v>
      </c>
      <c r="AS1476" t="s">
        <v>182</v>
      </c>
      <c r="AT1476" t="s">
        <v>183</v>
      </c>
      <c r="AU1476" t="s">
        <v>202</v>
      </c>
      <c r="AV1476" t="s">
        <v>206</v>
      </c>
      <c r="AX1476" t="s">
        <v>186</v>
      </c>
      <c r="AZ1476" t="s">
        <v>207</v>
      </c>
      <c r="BA1476" t="s">
        <v>188</v>
      </c>
      <c r="BC1476" t="s">
        <v>209</v>
      </c>
      <c r="BF1476" t="s">
        <v>232</v>
      </c>
      <c r="BG1476" t="s">
        <v>49</v>
      </c>
      <c r="BH1476" t="s">
        <v>211</v>
      </c>
      <c r="BK1476" t="s">
        <v>191</v>
      </c>
      <c r="BM1476" t="s">
        <v>191</v>
      </c>
      <c r="BO1476" t="s">
        <v>191</v>
      </c>
    </row>
    <row r="1477" spans="1:69" x14ac:dyDescent="0.25">
      <c r="A1477" s="1">
        <v>30482285</v>
      </c>
      <c r="B1477" t="s">
        <v>4560</v>
      </c>
      <c r="C1477" t="s">
        <v>39</v>
      </c>
      <c r="D1477" t="s">
        <v>3727</v>
      </c>
      <c r="E1477" t="s">
        <v>175</v>
      </c>
      <c r="L1477" t="s">
        <v>52</v>
      </c>
      <c r="M1477" s="1">
        <v>0</v>
      </c>
      <c r="N1477" s="1">
        <v>0</v>
      </c>
      <c r="O1477" t="s">
        <v>3728</v>
      </c>
      <c r="P1477" t="s">
        <v>216</v>
      </c>
      <c r="Q1477" t="s">
        <v>177</v>
      </c>
      <c r="S1477" s="1">
        <v>0</v>
      </c>
      <c r="T1477" t="s">
        <v>175</v>
      </c>
      <c r="X1477" t="s">
        <v>179</v>
      </c>
      <c r="Z1477" t="s">
        <v>244</v>
      </c>
      <c r="AC1477" t="s">
        <v>180</v>
      </c>
      <c r="AD1477" t="s">
        <v>175</v>
      </c>
      <c r="AE1477" t="s">
        <v>175</v>
      </c>
      <c r="AF1477" t="s">
        <v>175</v>
      </c>
      <c r="AG1477" t="s">
        <v>175</v>
      </c>
      <c r="AH1477" t="s">
        <v>200</v>
      </c>
      <c r="AI1477" t="s">
        <v>175</v>
      </c>
      <c r="AJ1477" t="s">
        <v>181</v>
      </c>
      <c r="AK1477" t="s">
        <v>230</v>
      </c>
      <c r="AL1477" t="s">
        <v>42</v>
      </c>
      <c r="AM1477" t="s">
        <v>203</v>
      </c>
      <c r="AN1477" t="s">
        <v>205</v>
      </c>
      <c r="AO1477" t="s">
        <v>201</v>
      </c>
      <c r="AP1477" t="s">
        <v>182</v>
      </c>
      <c r="AQ1477" t="s">
        <v>184</v>
      </c>
      <c r="AR1477" t="s">
        <v>185</v>
      </c>
      <c r="AS1477" t="s">
        <v>183</v>
      </c>
      <c r="AT1477" t="s">
        <v>204</v>
      </c>
      <c r="AU1477" t="s">
        <v>202</v>
      </c>
      <c r="AV1477" t="s">
        <v>206</v>
      </c>
      <c r="AW1477" t="s">
        <v>4561</v>
      </c>
      <c r="AX1477" t="s">
        <v>186</v>
      </c>
      <c r="AY1477" t="s">
        <v>187</v>
      </c>
      <c r="AZ1477" t="s">
        <v>207</v>
      </c>
      <c r="BA1477" t="s">
        <v>188</v>
      </c>
      <c r="BC1477" t="s">
        <v>209</v>
      </c>
      <c r="BF1477" t="s">
        <v>232</v>
      </c>
      <c r="BG1477" t="s">
        <v>233</v>
      </c>
      <c r="BH1477" t="s">
        <v>247</v>
      </c>
      <c r="BK1477" t="s">
        <v>191</v>
      </c>
      <c r="BL1477" t="s">
        <v>4562</v>
      </c>
      <c r="BM1477" t="s">
        <v>191</v>
      </c>
      <c r="BN1477" t="s">
        <v>4563</v>
      </c>
      <c r="BO1477" t="s">
        <v>191</v>
      </c>
      <c r="BP1477" t="s">
        <v>4564</v>
      </c>
    </row>
    <row r="1478" spans="1:69" x14ac:dyDescent="0.25">
      <c r="A1478" s="1">
        <v>30482416</v>
      </c>
      <c r="B1478" t="s">
        <v>2464</v>
      </c>
      <c r="C1478" t="s">
        <v>39</v>
      </c>
      <c r="D1478" t="s">
        <v>1616</v>
      </c>
      <c r="E1478" t="s">
        <v>175</v>
      </c>
      <c r="L1478" t="s">
        <v>52</v>
      </c>
      <c r="M1478" s="1">
        <v>0</v>
      </c>
      <c r="N1478" s="1">
        <v>0</v>
      </c>
      <c r="O1478" t="s">
        <v>1616</v>
      </c>
      <c r="P1478" t="s">
        <v>176</v>
      </c>
      <c r="Q1478" t="s">
        <v>177</v>
      </c>
      <c r="S1478" t="s">
        <v>178</v>
      </c>
      <c r="T1478" t="s">
        <v>175</v>
      </c>
      <c r="Y1478" t="s">
        <v>224</v>
      </c>
      <c r="AC1478" t="s">
        <v>180</v>
      </c>
      <c r="AD1478" t="s">
        <v>200</v>
      </c>
      <c r="AE1478" t="s">
        <v>175</v>
      </c>
      <c r="AF1478" t="s">
        <v>175</v>
      </c>
      <c r="AG1478" t="s">
        <v>175</v>
      </c>
      <c r="AH1478" t="s">
        <v>200</v>
      </c>
      <c r="AI1478" t="s">
        <v>200</v>
      </c>
      <c r="AJ1478" t="s">
        <v>200</v>
      </c>
      <c r="AK1478" t="s">
        <v>200</v>
      </c>
      <c r="AL1478" t="s">
        <v>42</v>
      </c>
      <c r="AM1478" s="1">
        <v>0</v>
      </c>
      <c r="AN1478" t="s">
        <v>185</v>
      </c>
      <c r="AO1478" t="s">
        <v>184</v>
      </c>
      <c r="AP1478" s="1">
        <v>0</v>
      </c>
      <c r="AQ1478" s="1">
        <v>0</v>
      </c>
      <c r="AR1478" s="1">
        <v>0</v>
      </c>
      <c r="AS1478" s="1">
        <v>0</v>
      </c>
      <c r="AT1478" t="s">
        <v>183</v>
      </c>
      <c r="AU1478" s="1">
        <v>0</v>
      </c>
      <c r="AV1478" t="s">
        <v>182</v>
      </c>
      <c r="AX1478" t="s">
        <v>186</v>
      </c>
      <c r="AZ1478" t="s">
        <v>207</v>
      </c>
      <c r="BA1478" t="s">
        <v>188</v>
      </c>
      <c r="BF1478" t="s">
        <v>210</v>
      </c>
      <c r="BG1478" s="1">
        <v>0</v>
      </c>
      <c r="BH1478" t="s">
        <v>247</v>
      </c>
      <c r="BK1478" s="1">
        <v>0</v>
      </c>
      <c r="BM1478" t="s">
        <v>191</v>
      </c>
      <c r="BN1478" t="s">
        <v>2465</v>
      </c>
      <c r="BO1478" t="s">
        <v>191</v>
      </c>
      <c r="BP1478" t="s">
        <v>2465</v>
      </c>
    </row>
    <row r="1479" spans="1:69" x14ac:dyDescent="0.25">
      <c r="A1479" s="1">
        <v>30482592</v>
      </c>
      <c r="B1479" t="s">
        <v>3090</v>
      </c>
      <c r="C1479" t="s">
        <v>39</v>
      </c>
      <c r="D1479" t="s">
        <v>2512</v>
      </c>
      <c r="E1479" t="s">
        <v>200</v>
      </c>
      <c r="L1479" t="s">
        <v>52</v>
      </c>
      <c r="M1479" s="1">
        <v>0</v>
      </c>
      <c r="N1479" s="1">
        <v>0</v>
      </c>
      <c r="O1479" t="s">
        <v>2512</v>
      </c>
      <c r="P1479" t="s">
        <v>216</v>
      </c>
      <c r="Q1479" t="s">
        <v>322</v>
      </c>
      <c r="S1479" s="1">
        <v>0</v>
      </c>
      <c r="T1479" t="s">
        <v>200</v>
      </c>
      <c r="AC1479" t="s">
        <v>266</v>
      </c>
      <c r="AD1479" s="1">
        <v>0</v>
      </c>
      <c r="AE1479" t="s">
        <v>175</v>
      </c>
      <c r="AF1479" t="s">
        <v>175</v>
      </c>
      <c r="AG1479" t="s">
        <v>175</v>
      </c>
      <c r="AH1479" t="s">
        <v>175</v>
      </c>
      <c r="AI1479" t="s">
        <v>175</v>
      </c>
      <c r="AJ1479" t="s">
        <v>175</v>
      </c>
      <c r="AK1479" t="s">
        <v>200</v>
      </c>
      <c r="AL1479" t="s">
        <v>42</v>
      </c>
      <c r="AM1479" t="s">
        <v>182</v>
      </c>
      <c r="AN1479" t="s">
        <v>204</v>
      </c>
      <c r="AO1479" t="s">
        <v>205</v>
      </c>
      <c r="AP1479" t="s">
        <v>184</v>
      </c>
      <c r="AQ1479" t="s">
        <v>202</v>
      </c>
      <c r="AR1479" t="s">
        <v>203</v>
      </c>
      <c r="AS1479" t="s">
        <v>206</v>
      </c>
      <c r="AT1479" t="s">
        <v>183</v>
      </c>
      <c r="AU1479" t="s">
        <v>201</v>
      </c>
      <c r="AV1479" t="s">
        <v>185</v>
      </c>
      <c r="BF1479" s="1">
        <v>0</v>
      </c>
      <c r="BG1479" s="1">
        <v>0</v>
      </c>
      <c r="BH1479" s="1">
        <v>0</v>
      </c>
      <c r="BK1479" s="1">
        <v>0</v>
      </c>
      <c r="BM1479" s="1">
        <v>0</v>
      </c>
      <c r="BO1479" s="1">
        <v>0</v>
      </c>
    </row>
    <row r="1480" spans="1:69" x14ac:dyDescent="0.25">
      <c r="A1480" s="1">
        <v>30483055</v>
      </c>
      <c r="B1480" t="s">
        <v>157</v>
      </c>
      <c r="C1480" t="s">
        <v>39</v>
      </c>
      <c r="L1480" s="1">
        <v>0</v>
      </c>
      <c r="M1480" s="1">
        <v>0</v>
      </c>
      <c r="N1480" s="1">
        <v>0</v>
      </c>
      <c r="O1480" s="1">
        <v>0</v>
      </c>
      <c r="P1480" s="1">
        <v>0</v>
      </c>
      <c r="Q1480" s="1">
        <v>0</v>
      </c>
      <c r="S1480" s="1">
        <v>0</v>
      </c>
      <c r="T1480" s="1">
        <v>0</v>
      </c>
      <c r="AC1480" s="1">
        <v>0</v>
      </c>
      <c r="AD1480" s="1">
        <v>0</v>
      </c>
      <c r="AE1480" s="1">
        <v>0</v>
      </c>
      <c r="AF1480" s="1">
        <v>0</v>
      </c>
      <c r="AG1480" s="1">
        <v>0</v>
      </c>
      <c r="AH1480" s="1">
        <v>0</v>
      </c>
      <c r="AI1480" s="1">
        <v>0</v>
      </c>
      <c r="AJ1480" s="1">
        <v>0</v>
      </c>
      <c r="AK1480" s="1">
        <v>0</v>
      </c>
      <c r="AL1480" s="1">
        <v>0</v>
      </c>
      <c r="AM1480" s="1">
        <v>0</v>
      </c>
      <c r="AN1480" s="1">
        <v>0</v>
      </c>
      <c r="AO1480" s="1">
        <v>0</v>
      </c>
      <c r="AP1480" s="1">
        <v>0</v>
      </c>
      <c r="AQ1480" s="1">
        <v>0</v>
      </c>
      <c r="AR1480" s="1">
        <v>0</v>
      </c>
      <c r="AS1480" s="1">
        <v>0</v>
      </c>
      <c r="AT1480" s="1">
        <v>0</v>
      </c>
      <c r="AU1480" s="1">
        <v>0</v>
      </c>
      <c r="AV1480" s="1">
        <v>0</v>
      </c>
      <c r="BF1480" s="1">
        <v>0</v>
      </c>
      <c r="BG1480" s="1">
        <v>0</v>
      </c>
      <c r="BH1480" s="1">
        <v>0</v>
      </c>
      <c r="BK1480" s="1">
        <v>0</v>
      </c>
      <c r="BM1480" s="1">
        <v>0</v>
      </c>
      <c r="BO1480" s="1">
        <v>0</v>
      </c>
    </row>
    <row r="1481" spans="1:69" x14ac:dyDescent="0.25">
      <c r="A1481" s="1">
        <v>30483070</v>
      </c>
      <c r="B1481" t="s">
        <v>852</v>
      </c>
      <c r="C1481" t="s">
        <v>39</v>
      </c>
      <c r="D1481" t="s">
        <v>174</v>
      </c>
      <c r="E1481" t="s">
        <v>175</v>
      </c>
      <c r="L1481" t="s">
        <v>52</v>
      </c>
      <c r="M1481" s="1">
        <v>0</v>
      </c>
      <c r="N1481" s="1">
        <v>0</v>
      </c>
      <c r="O1481" t="s">
        <v>174</v>
      </c>
      <c r="P1481" t="s">
        <v>176</v>
      </c>
      <c r="Q1481" t="s">
        <v>177</v>
      </c>
      <c r="S1481" t="s">
        <v>178</v>
      </c>
      <c r="T1481" t="s">
        <v>175</v>
      </c>
      <c r="W1481" t="s">
        <v>262</v>
      </c>
      <c r="X1481" t="s">
        <v>179</v>
      </c>
      <c r="Y1481" t="s">
        <v>224</v>
      </c>
      <c r="AC1481" t="s">
        <v>199</v>
      </c>
      <c r="AD1481" t="s">
        <v>175</v>
      </c>
      <c r="AE1481" t="s">
        <v>181</v>
      </c>
      <c r="AF1481" t="s">
        <v>175</v>
      </c>
      <c r="AG1481" t="s">
        <v>181</v>
      </c>
      <c r="AH1481" t="s">
        <v>175</v>
      </c>
      <c r="AI1481" t="s">
        <v>175</v>
      </c>
      <c r="AJ1481" t="s">
        <v>175</v>
      </c>
      <c r="AK1481" t="s">
        <v>181</v>
      </c>
      <c r="AL1481" t="s">
        <v>42</v>
      </c>
      <c r="AM1481" t="s">
        <v>185</v>
      </c>
      <c r="AN1481" t="s">
        <v>184</v>
      </c>
      <c r="AO1481" t="s">
        <v>206</v>
      </c>
      <c r="AP1481" t="s">
        <v>205</v>
      </c>
      <c r="AQ1481" t="s">
        <v>204</v>
      </c>
      <c r="AR1481" t="s">
        <v>203</v>
      </c>
      <c r="AS1481" t="s">
        <v>202</v>
      </c>
      <c r="AT1481" t="s">
        <v>182</v>
      </c>
      <c r="AU1481" t="s">
        <v>183</v>
      </c>
      <c r="AV1481" t="s">
        <v>201</v>
      </c>
      <c r="AX1481" t="s">
        <v>186</v>
      </c>
      <c r="AY1481" t="s">
        <v>187</v>
      </c>
      <c r="AZ1481" t="s">
        <v>207</v>
      </c>
      <c r="BF1481" t="s">
        <v>292</v>
      </c>
      <c r="BG1481" t="s">
        <v>276</v>
      </c>
      <c r="BH1481" t="s">
        <v>211</v>
      </c>
      <c r="BK1481" t="s">
        <v>191</v>
      </c>
      <c r="BM1481" t="s">
        <v>191</v>
      </c>
      <c r="BO1481" t="s">
        <v>191</v>
      </c>
    </row>
    <row r="1482" spans="1:69" x14ac:dyDescent="0.25">
      <c r="A1482" s="1">
        <v>30483330</v>
      </c>
      <c r="B1482" t="s">
        <v>4565</v>
      </c>
      <c r="C1482" t="s">
        <v>39</v>
      </c>
      <c r="D1482" t="s">
        <v>3727</v>
      </c>
      <c r="E1482" t="s">
        <v>195</v>
      </c>
      <c r="L1482" t="s">
        <v>52</v>
      </c>
      <c r="M1482" s="1">
        <v>0</v>
      </c>
      <c r="N1482" s="1">
        <v>0</v>
      </c>
      <c r="O1482" t="s">
        <v>3728</v>
      </c>
      <c r="P1482" t="s">
        <v>176</v>
      </c>
      <c r="Q1482" t="s">
        <v>196</v>
      </c>
      <c r="S1482" t="s">
        <v>315</v>
      </c>
      <c r="T1482" t="s">
        <v>197</v>
      </c>
      <c r="V1482" t="s">
        <v>397</v>
      </c>
      <c r="AC1482" t="s">
        <v>180</v>
      </c>
      <c r="AD1482" t="s">
        <v>181</v>
      </c>
      <c r="AE1482" t="s">
        <v>181</v>
      </c>
      <c r="AF1482" t="s">
        <v>181</v>
      </c>
      <c r="AG1482" t="s">
        <v>230</v>
      </c>
      <c r="AH1482" t="s">
        <v>175</v>
      </c>
      <c r="AI1482" t="s">
        <v>175</v>
      </c>
      <c r="AJ1482" t="s">
        <v>181</v>
      </c>
      <c r="AK1482" t="s">
        <v>175</v>
      </c>
      <c r="AL1482" t="s">
        <v>42</v>
      </c>
      <c r="AM1482" s="1">
        <v>0</v>
      </c>
      <c r="AN1482" s="1">
        <v>0</v>
      </c>
      <c r="AO1482" s="1">
        <v>0</v>
      </c>
      <c r="AP1482" s="1">
        <v>0</v>
      </c>
      <c r="AQ1482" s="1">
        <v>0</v>
      </c>
      <c r="AR1482" s="1">
        <v>0</v>
      </c>
      <c r="AS1482" s="1">
        <v>0</v>
      </c>
      <c r="AT1482" s="1">
        <v>0</v>
      </c>
      <c r="AU1482" s="1">
        <v>0</v>
      </c>
      <c r="AV1482" s="1">
        <v>0</v>
      </c>
      <c r="BF1482" s="1">
        <v>0</v>
      </c>
      <c r="BG1482" s="1">
        <v>0</v>
      </c>
      <c r="BH1482" s="1">
        <v>0</v>
      </c>
      <c r="BK1482" s="1">
        <v>0</v>
      </c>
      <c r="BM1482" s="1">
        <v>0</v>
      </c>
      <c r="BO1482" s="1">
        <v>0</v>
      </c>
    </row>
    <row r="1483" spans="1:69" x14ac:dyDescent="0.25">
      <c r="A1483" s="1">
        <v>30483384</v>
      </c>
      <c r="B1483" t="s">
        <v>4566</v>
      </c>
      <c r="C1483" t="s">
        <v>39</v>
      </c>
      <c r="D1483" t="s">
        <v>3727</v>
      </c>
      <c r="E1483" t="s">
        <v>175</v>
      </c>
      <c r="L1483" t="s">
        <v>52</v>
      </c>
      <c r="M1483" s="1">
        <v>0</v>
      </c>
      <c r="N1483" s="1">
        <v>0</v>
      </c>
      <c r="O1483" t="s">
        <v>3728</v>
      </c>
      <c r="P1483" t="s">
        <v>216</v>
      </c>
      <c r="Q1483" t="s">
        <v>322</v>
      </c>
      <c r="S1483" s="1">
        <v>0</v>
      </c>
      <c r="T1483" t="s">
        <v>175</v>
      </c>
      <c r="AA1483" t="s">
        <v>273</v>
      </c>
      <c r="AC1483" t="s">
        <v>199</v>
      </c>
      <c r="AD1483" t="s">
        <v>299</v>
      </c>
      <c r="AE1483" t="s">
        <v>299</v>
      </c>
      <c r="AF1483" t="s">
        <v>175</v>
      </c>
      <c r="AG1483" t="s">
        <v>175</v>
      </c>
      <c r="AH1483" t="s">
        <v>299</v>
      </c>
      <c r="AI1483" t="s">
        <v>299</v>
      </c>
      <c r="AJ1483" t="s">
        <v>299</v>
      </c>
      <c r="AK1483" t="s">
        <v>299</v>
      </c>
      <c r="AL1483" t="s">
        <v>42</v>
      </c>
      <c r="AM1483" t="s">
        <v>206</v>
      </c>
      <c r="AN1483" t="s">
        <v>185</v>
      </c>
      <c r="AO1483" t="s">
        <v>182</v>
      </c>
      <c r="AP1483" t="s">
        <v>184</v>
      </c>
      <c r="AQ1483" t="s">
        <v>202</v>
      </c>
      <c r="AR1483" t="s">
        <v>203</v>
      </c>
      <c r="AS1483" t="s">
        <v>204</v>
      </c>
      <c r="AT1483" t="s">
        <v>183</v>
      </c>
      <c r="AU1483" t="s">
        <v>201</v>
      </c>
      <c r="AV1483" t="s">
        <v>205</v>
      </c>
      <c r="AW1483" t="s">
        <v>225</v>
      </c>
      <c r="AX1483" t="s">
        <v>186</v>
      </c>
      <c r="AY1483" t="s">
        <v>187</v>
      </c>
      <c r="AZ1483" t="s">
        <v>207</v>
      </c>
      <c r="BA1483" t="s">
        <v>188</v>
      </c>
      <c r="BB1483" t="s">
        <v>208</v>
      </c>
      <c r="BC1483" t="s">
        <v>209</v>
      </c>
      <c r="BF1483" t="s">
        <v>210</v>
      </c>
      <c r="BG1483" s="1">
        <v>0</v>
      </c>
      <c r="BH1483" t="s">
        <v>247</v>
      </c>
      <c r="BK1483" t="s">
        <v>191</v>
      </c>
      <c r="BL1483" t="s">
        <v>4567</v>
      </c>
      <c r="BM1483" t="s">
        <v>191</v>
      </c>
      <c r="BN1483" t="s">
        <v>4567</v>
      </c>
      <c r="BO1483" t="s">
        <v>191</v>
      </c>
      <c r="BP1483" t="s">
        <v>4568</v>
      </c>
      <c r="BQ1483" t="s">
        <v>4569</v>
      </c>
    </row>
    <row r="1484" spans="1:69" x14ac:dyDescent="0.25">
      <c r="A1484" s="1">
        <v>30483387</v>
      </c>
      <c r="B1484" t="s">
        <v>158</v>
      </c>
      <c r="C1484" t="s">
        <v>39</v>
      </c>
      <c r="L1484" s="1">
        <v>0</v>
      </c>
      <c r="M1484" s="1">
        <v>0</v>
      </c>
      <c r="N1484" s="1">
        <v>0</v>
      </c>
      <c r="O1484" s="1">
        <v>0</v>
      </c>
      <c r="P1484" s="1">
        <v>0</v>
      </c>
      <c r="Q1484" s="1">
        <v>0</v>
      </c>
      <c r="S1484" s="1">
        <v>0</v>
      </c>
      <c r="T1484" s="1">
        <v>0</v>
      </c>
      <c r="AC1484" s="1">
        <v>0</v>
      </c>
      <c r="AD1484" s="1">
        <v>0</v>
      </c>
      <c r="AE1484" s="1">
        <v>0</v>
      </c>
      <c r="AF1484" s="1">
        <v>0</v>
      </c>
      <c r="AG1484" s="1">
        <v>0</v>
      </c>
      <c r="AH1484" s="1">
        <v>0</v>
      </c>
      <c r="AI1484" s="1">
        <v>0</v>
      </c>
      <c r="AJ1484" s="1">
        <v>0</v>
      </c>
      <c r="AK1484" s="1">
        <v>0</v>
      </c>
      <c r="AL1484" s="1">
        <v>0</v>
      </c>
      <c r="AM1484" s="1">
        <v>0</v>
      </c>
      <c r="AN1484" s="1">
        <v>0</v>
      </c>
      <c r="AO1484" s="1">
        <v>0</v>
      </c>
      <c r="AP1484" s="1">
        <v>0</v>
      </c>
      <c r="AQ1484" s="1">
        <v>0</v>
      </c>
      <c r="AR1484" s="1">
        <v>0</v>
      </c>
      <c r="AS1484" s="1">
        <v>0</v>
      </c>
      <c r="AT1484" s="1">
        <v>0</v>
      </c>
      <c r="AU1484" s="1">
        <v>0</v>
      </c>
      <c r="AV1484" s="1">
        <v>0</v>
      </c>
      <c r="BF1484" s="1">
        <v>0</v>
      </c>
      <c r="BG1484" s="1">
        <v>0</v>
      </c>
      <c r="BH1484" s="1">
        <v>0</v>
      </c>
      <c r="BK1484" s="1">
        <v>0</v>
      </c>
      <c r="BM1484" s="1">
        <v>0</v>
      </c>
      <c r="BO1484" s="1">
        <v>0</v>
      </c>
    </row>
    <row r="1485" spans="1:69" x14ac:dyDescent="0.25">
      <c r="A1485" s="1">
        <v>30483857</v>
      </c>
      <c r="B1485" t="s">
        <v>159</v>
      </c>
      <c r="C1485" t="s">
        <v>39</v>
      </c>
      <c r="L1485" s="1">
        <v>0</v>
      </c>
      <c r="M1485" s="1">
        <v>0</v>
      </c>
      <c r="N1485" s="1">
        <v>0</v>
      </c>
      <c r="O1485" s="1">
        <v>0</v>
      </c>
      <c r="P1485" s="1">
        <v>0</v>
      </c>
      <c r="Q1485" s="1">
        <v>0</v>
      </c>
      <c r="S1485" s="1">
        <v>0</v>
      </c>
      <c r="T1485" s="1">
        <v>0</v>
      </c>
      <c r="AC1485" s="1">
        <v>0</v>
      </c>
      <c r="AD1485" s="1">
        <v>0</v>
      </c>
      <c r="AE1485" s="1">
        <v>0</v>
      </c>
      <c r="AF1485" s="1">
        <v>0</v>
      </c>
      <c r="AG1485" s="1">
        <v>0</v>
      </c>
      <c r="AH1485" s="1">
        <v>0</v>
      </c>
      <c r="AI1485" s="1">
        <v>0</v>
      </c>
      <c r="AJ1485" s="1">
        <v>0</v>
      </c>
      <c r="AK1485" s="1">
        <v>0</v>
      </c>
      <c r="AL1485" s="1">
        <v>0</v>
      </c>
      <c r="AM1485" s="1">
        <v>0</v>
      </c>
      <c r="AN1485" s="1">
        <v>0</v>
      </c>
      <c r="AO1485" s="1">
        <v>0</v>
      </c>
      <c r="AP1485" s="1">
        <v>0</v>
      </c>
      <c r="AQ1485" s="1">
        <v>0</v>
      </c>
      <c r="AR1485" s="1">
        <v>0</v>
      </c>
      <c r="AS1485" s="1">
        <v>0</v>
      </c>
      <c r="AT1485" s="1">
        <v>0</v>
      </c>
      <c r="AU1485" s="1">
        <v>0</v>
      </c>
      <c r="AV1485" s="1">
        <v>0</v>
      </c>
      <c r="BF1485" s="1">
        <v>0</v>
      </c>
      <c r="BG1485" s="1">
        <v>0</v>
      </c>
      <c r="BH1485" s="1">
        <v>0</v>
      </c>
      <c r="BK1485" s="1">
        <v>0</v>
      </c>
      <c r="BM1485" s="1">
        <v>0</v>
      </c>
      <c r="BO1485" s="1">
        <v>0</v>
      </c>
    </row>
    <row r="1486" spans="1:69" x14ac:dyDescent="0.25">
      <c r="A1486" s="1">
        <v>30483915</v>
      </c>
      <c r="B1486" t="s">
        <v>3091</v>
      </c>
      <c r="C1486" t="s">
        <v>39</v>
      </c>
      <c r="D1486" t="s">
        <v>2512</v>
      </c>
      <c r="E1486" t="s">
        <v>200</v>
      </c>
      <c r="L1486" t="s">
        <v>52</v>
      </c>
      <c r="M1486" s="1">
        <v>0</v>
      </c>
      <c r="N1486" s="1">
        <v>0</v>
      </c>
      <c r="O1486" t="s">
        <v>2512</v>
      </c>
      <c r="P1486" t="s">
        <v>216</v>
      </c>
      <c r="Q1486" t="s">
        <v>322</v>
      </c>
      <c r="S1486" s="1">
        <v>0</v>
      </c>
      <c r="T1486" t="s">
        <v>200</v>
      </c>
      <c r="W1486" t="s">
        <v>262</v>
      </c>
      <c r="Y1486" t="s">
        <v>224</v>
      </c>
      <c r="AC1486" t="s">
        <v>199</v>
      </c>
      <c r="AD1486" t="s">
        <v>181</v>
      </c>
      <c r="AE1486" t="s">
        <v>175</v>
      </c>
      <c r="AF1486" t="s">
        <v>175</v>
      </c>
      <c r="AG1486" t="s">
        <v>175</v>
      </c>
      <c r="AH1486" t="s">
        <v>200</v>
      </c>
      <c r="AI1486" t="s">
        <v>200</v>
      </c>
      <c r="AJ1486" t="s">
        <v>175</v>
      </c>
      <c r="AK1486" t="s">
        <v>175</v>
      </c>
      <c r="AL1486" t="s">
        <v>42</v>
      </c>
      <c r="AM1486" t="s">
        <v>184</v>
      </c>
      <c r="AN1486" t="s">
        <v>205</v>
      </c>
      <c r="AO1486" t="s">
        <v>183</v>
      </c>
      <c r="AP1486" t="s">
        <v>185</v>
      </c>
      <c r="AQ1486" t="s">
        <v>201</v>
      </c>
      <c r="AR1486" t="s">
        <v>206</v>
      </c>
      <c r="AS1486" t="s">
        <v>203</v>
      </c>
      <c r="AT1486" t="s">
        <v>204</v>
      </c>
      <c r="AU1486" t="s">
        <v>202</v>
      </c>
      <c r="AV1486" t="s">
        <v>182</v>
      </c>
      <c r="AY1486" t="s">
        <v>187</v>
      </c>
      <c r="AZ1486" t="s">
        <v>207</v>
      </c>
      <c r="BB1486" t="s">
        <v>208</v>
      </c>
      <c r="BF1486" t="s">
        <v>210</v>
      </c>
      <c r="BG1486" s="1">
        <v>0</v>
      </c>
      <c r="BH1486" t="s">
        <v>211</v>
      </c>
      <c r="BK1486" t="s">
        <v>191</v>
      </c>
      <c r="BM1486" t="s">
        <v>191</v>
      </c>
      <c r="BO1486" t="s">
        <v>218</v>
      </c>
    </row>
    <row r="1487" spans="1:69" x14ac:dyDescent="0.25">
      <c r="A1487" s="1">
        <v>30483948</v>
      </c>
      <c r="B1487" t="s">
        <v>4570</v>
      </c>
      <c r="C1487" t="s">
        <v>39</v>
      </c>
      <c r="D1487" t="s">
        <v>3727</v>
      </c>
      <c r="E1487" t="s">
        <v>200</v>
      </c>
      <c r="L1487" t="s">
        <v>52</v>
      </c>
      <c r="M1487" s="1">
        <v>0</v>
      </c>
      <c r="N1487" s="1">
        <v>0</v>
      </c>
      <c r="O1487" t="s">
        <v>3728</v>
      </c>
      <c r="P1487" t="s">
        <v>216</v>
      </c>
      <c r="Q1487" t="s">
        <v>328</v>
      </c>
      <c r="S1487" s="1">
        <v>0</v>
      </c>
      <c r="T1487" t="s">
        <v>200</v>
      </c>
      <c r="Y1487" t="s">
        <v>224</v>
      </c>
      <c r="Z1487" t="s">
        <v>244</v>
      </c>
      <c r="AC1487" t="s">
        <v>199</v>
      </c>
      <c r="AD1487" t="s">
        <v>200</v>
      </c>
      <c r="AE1487" t="s">
        <v>200</v>
      </c>
      <c r="AF1487" t="s">
        <v>181</v>
      </c>
      <c r="AG1487" t="s">
        <v>181</v>
      </c>
      <c r="AH1487" t="s">
        <v>200</v>
      </c>
      <c r="AI1487" t="s">
        <v>200</v>
      </c>
      <c r="AJ1487" t="s">
        <v>200</v>
      </c>
      <c r="AK1487" t="s">
        <v>200</v>
      </c>
      <c r="AL1487" t="s">
        <v>52</v>
      </c>
      <c r="AM1487" t="s">
        <v>204</v>
      </c>
      <c r="AN1487" t="s">
        <v>184</v>
      </c>
      <c r="AO1487" t="s">
        <v>201</v>
      </c>
      <c r="AP1487" t="s">
        <v>206</v>
      </c>
      <c r="AQ1487" t="s">
        <v>183</v>
      </c>
      <c r="AR1487" t="s">
        <v>185</v>
      </c>
      <c r="AS1487" t="s">
        <v>202</v>
      </c>
      <c r="AT1487" t="s">
        <v>182</v>
      </c>
      <c r="AU1487" t="s">
        <v>205</v>
      </c>
      <c r="AV1487" t="s">
        <v>203</v>
      </c>
      <c r="AX1487" t="s">
        <v>186</v>
      </c>
      <c r="AY1487" t="s">
        <v>187</v>
      </c>
      <c r="AZ1487" t="s">
        <v>207</v>
      </c>
      <c r="BA1487" t="s">
        <v>188</v>
      </c>
      <c r="BB1487" t="s">
        <v>208</v>
      </c>
      <c r="BC1487" t="s">
        <v>209</v>
      </c>
      <c r="BF1487" t="s">
        <v>210</v>
      </c>
      <c r="BG1487" s="1">
        <v>0</v>
      </c>
      <c r="BH1487" t="s">
        <v>464</v>
      </c>
      <c r="BK1487" t="s">
        <v>218</v>
      </c>
      <c r="BM1487" t="s">
        <v>218</v>
      </c>
      <c r="BO1487" t="s">
        <v>218</v>
      </c>
      <c r="BQ1487" t="s">
        <v>4571</v>
      </c>
    </row>
    <row r="1488" spans="1:69" x14ac:dyDescent="0.25">
      <c r="A1488" s="1">
        <v>30484022</v>
      </c>
      <c r="B1488" t="s">
        <v>853</v>
      </c>
      <c r="C1488" t="s">
        <v>39</v>
      </c>
      <c r="D1488" t="s">
        <v>174</v>
      </c>
      <c r="E1488" t="s">
        <v>175</v>
      </c>
      <c r="L1488" t="s">
        <v>52</v>
      </c>
      <c r="M1488" s="1">
        <v>0</v>
      </c>
      <c r="N1488" s="1">
        <v>0</v>
      </c>
      <c r="O1488" t="s">
        <v>174</v>
      </c>
      <c r="P1488" t="s">
        <v>216</v>
      </c>
      <c r="Q1488" t="s">
        <v>177</v>
      </c>
      <c r="S1488" s="1">
        <v>0</v>
      </c>
      <c r="T1488" t="s">
        <v>175</v>
      </c>
      <c r="Y1488" t="s">
        <v>224</v>
      </c>
      <c r="AC1488" t="s">
        <v>180</v>
      </c>
      <c r="AD1488" t="s">
        <v>181</v>
      </c>
      <c r="AE1488" t="s">
        <v>181</v>
      </c>
      <c r="AF1488" t="s">
        <v>230</v>
      </c>
      <c r="AG1488" t="s">
        <v>175</v>
      </c>
      <c r="AH1488" t="s">
        <v>200</v>
      </c>
      <c r="AI1488" t="s">
        <v>175</v>
      </c>
      <c r="AJ1488" t="s">
        <v>181</v>
      </c>
      <c r="AK1488" t="s">
        <v>181</v>
      </c>
      <c r="AL1488" t="s">
        <v>42</v>
      </c>
      <c r="AM1488" t="s">
        <v>205</v>
      </c>
      <c r="AN1488" t="s">
        <v>183</v>
      </c>
      <c r="AO1488" t="s">
        <v>184</v>
      </c>
      <c r="AP1488" t="s">
        <v>185</v>
      </c>
      <c r="AQ1488" t="s">
        <v>203</v>
      </c>
      <c r="AR1488" t="s">
        <v>202</v>
      </c>
      <c r="AS1488" t="s">
        <v>204</v>
      </c>
      <c r="AT1488" t="s">
        <v>206</v>
      </c>
      <c r="AU1488" t="s">
        <v>201</v>
      </c>
      <c r="AV1488" t="s">
        <v>182</v>
      </c>
      <c r="AY1488" t="s">
        <v>187</v>
      </c>
      <c r="AZ1488" t="s">
        <v>207</v>
      </c>
      <c r="BF1488" t="s">
        <v>210</v>
      </c>
      <c r="BG1488" s="1">
        <v>0</v>
      </c>
      <c r="BH1488" t="s">
        <v>190</v>
      </c>
      <c r="BK1488" t="s">
        <v>191</v>
      </c>
      <c r="BL1488" t="s">
        <v>854</v>
      </c>
      <c r="BM1488" t="s">
        <v>191</v>
      </c>
      <c r="BN1488" t="s">
        <v>855</v>
      </c>
      <c r="BO1488" t="s">
        <v>218</v>
      </c>
      <c r="BP1488" t="s">
        <v>856</v>
      </c>
    </row>
    <row r="1489" spans="1:69" x14ac:dyDescent="0.25">
      <c r="A1489" s="1">
        <v>30484038</v>
      </c>
      <c r="B1489" t="s">
        <v>3691</v>
      </c>
      <c r="C1489" t="s">
        <v>39</v>
      </c>
      <c r="D1489" t="s">
        <v>3138</v>
      </c>
      <c r="E1489" t="s">
        <v>175</v>
      </c>
      <c r="L1489" t="s">
        <v>52</v>
      </c>
      <c r="M1489" s="1">
        <v>0</v>
      </c>
      <c r="N1489" s="1">
        <v>0</v>
      </c>
      <c r="O1489" t="s">
        <v>3139</v>
      </c>
      <c r="P1489" t="s">
        <v>176</v>
      </c>
      <c r="Q1489" t="s">
        <v>238</v>
      </c>
      <c r="S1489" t="s">
        <v>178</v>
      </c>
      <c r="T1489" t="s">
        <v>175</v>
      </c>
      <c r="AA1489" t="s">
        <v>273</v>
      </c>
      <c r="AB1489" t="s">
        <v>3692</v>
      </c>
      <c r="AC1489" t="s">
        <v>180</v>
      </c>
      <c r="AD1489" t="s">
        <v>181</v>
      </c>
      <c r="AE1489" t="s">
        <v>181</v>
      </c>
      <c r="AF1489" t="s">
        <v>181</v>
      </c>
      <c r="AG1489" t="s">
        <v>181</v>
      </c>
      <c r="AH1489" t="s">
        <v>181</v>
      </c>
      <c r="AI1489" t="s">
        <v>181</v>
      </c>
      <c r="AJ1489" t="s">
        <v>181</v>
      </c>
      <c r="AK1489" t="s">
        <v>181</v>
      </c>
      <c r="AL1489" t="s">
        <v>42</v>
      </c>
      <c r="AM1489" t="s">
        <v>185</v>
      </c>
      <c r="AN1489" t="s">
        <v>184</v>
      </c>
      <c r="AO1489" t="s">
        <v>182</v>
      </c>
      <c r="AP1489" t="s">
        <v>205</v>
      </c>
      <c r="AQ1489" t="s">
        <v>204</v>
      </c>
      <c r="AR1489" t="s">
        <v>202</v>
      </c>
      <c r="AS1489" t="s">
        <v>203</v>
      </c>
      <c r="AT1489" t="s">
        <v>183</v>
      </c>
      <c r="AU1489" t="s">
        <v>201</v>
      </c>
      <c r="AV1489" t="s">
        <v>206</v>
      </c>
      <c r="AX1489" t="s">
        <v>186</v>
      </c>
      <c r="AZ1489" t="s">
        <v>207</v>
      </c>
      <c r="BA1489" t="s">
        <v>188</v>
      </c>
      <c r="BC1489" t="s">
        <v>209</v>
      </c>
      <c r="BF1489" t="s">
        <v>232</v>
      </c>
      <c r="BG1489" t="s">
        <v>276</v>
      </c>
      <c r="BH1489" t="s">
        <v>247</v>
      </c>
      <c r="BK1489" t="s">
        <v>191</v>
      </c>
      <c r="BL1489" t="s">
        <v>3693</v>
      </c>
      <c r="BM1489" t="s">
        <v>191</v>
      </c>
      <c r="BN1489" t="s">
        <v>3694</v>
      </c>
      <c r="BO1489" t="s">
        <v>191</v>
      </c>
      <c r="BP1489" t="s">
        <v>3695</v>
      </c>
    </row>
    <row r="1490" spans="1:69" x14ac:dyDescent="0.25">
      <c r="A1490" s="1">
        <v>30484103</v>
      </c>
      <c r="B1490" t="s">
        <v>2466</v>
      </c>
      <c r="C1490" t="s">
        <v>39</v>
      </c>
      <c r="D1490" t="s">
        <v>1616</v>
      </c>
      <c r="E1490" t="s">
        <v>175</v>
      </c>
      <c r="L1490" t="s">
        <v>52</v>
      </c>
      <c r="M1490" s="1">
        <v>0</v>
      </c>
      <c r="N1490" s="1">
        <v>0</v>
      </c>
      <c r="O1490" t="s">
        <v>1616</v>
      </c>
      <c r="P1490" t="s">
        <v>216</v>
      </c>
      <c r="Q1490" t="s">
        <v>322</v>
      </c>
      <c r="S1490" s="1">
        <v>0</v>
      </c>
      <c r="T1490" t="s">
        <v>175</v>
      </c>
      <c r="Z1490" t="s">
        <v>244</v>
      </c>
      <c r="AC1490" t="s">
        <v>199</v>
      </c>
      <c r="AD1490" t="s">
        <v>181</v>
      </c>
      <c r="AE1490" t="s">
        <v>181</v>
      </c>
      <c r="AF1490" t="s">
        <v>181</v>
      </c>
      <c r="AG1490" t="s">
        <v>181</v>
      </c>
      <c r="AH1490" t="s">
        <v>175</v>
      </c>
      <c r="AI1490" t="s">
        <v>175</v>
      </c>
      <c r="AJ1490" t="s">
        <v>181</v>
      </c>
      <c r="AK1490" t="s">
        <v>175</v>
      </c>
      <c r="AL1490" t="s">
        <v>42</v>
      </c>
      <c r="AM1490" t="s">
        <v>204</v>
      </c>
      <c r="AN1490" t="s">
        <v>182</v>
      </c>
      <c r="AO1490" t="s">
        <v>206</v>
      </c>
      <c r="AP1490" t="s">
        <v>205</v>
      </c>
      <c r="AQ1490" t="s">
        <v>202</v>
      </c>
      <c r="AR1490" t="s">
        <v>203</v>
      </c>
      <c r="AS1490" t="s">
        <v>185</v>
      </c>
      <c r="AT1490" t="s">
        <v>201</v>
      </c>
      <c r="AU1490" t="s">
        <v>183</v>
      </c>
      <c r="AV1490" t="s">
        <v>184</v>
      </c>
      <c r="AX1490" t="s">
        <v>186</v>
      </c>
      <c r="AY1490" t="s">
        <v>187</v>
      </c>
      <c r="AZ1490" t="s">
        <v>207</v>
      </c>
      <c r="BA1490" t="s">
        <v>188</v>
      </c>
      <c r="BB1490" t="s">
        <v>208</v>
      </c>
      <c r="BC1490" t="s">
        <v>209</v>
      </c>
      <c r="BD1490" t="s">
        <v>273</v>
      </c>
      <c r="BF1490" t="s">
        <v>49</v>
      </c>
      <c r="BG1490" s="1">
        <v>0</v>
      </c>
      <c r="BH1490" t="s">
        <v>211</v>
      </c>
      <c r="BK1490" t="s">
        <v>191</v>
      </c>
      <c r="BL1490" t="s">
        <v>2467</v>
      </c>
      <c r="BM1490" t="s">
        <v>191</v>
      </c>
      <c r="BN1490" t="s">
        <v>2468</v>
      </c>
      <c r="BO1490" t="s">
        <v>218</v>
      </c>
      <c r="BP1490" t="s">
        <v>2469</v>
      </c>
    </row>
    <row r="1491" spans="1:69" x14ac:dyDescent="0.25">
      <c r="A1491" s="1">
        <v>30484157</v>
      </c>
      <c r="B1491" t="s">
        <v>857</v>
      </c>
      <c r="C1491" t="s">
        <v>39</v>
      </c>
      <c r="D1491" t="s">
        <v>174</v>
      </c>
      <c r="E1491" t="s">
        <v>175</v>
      </c>
      <c r="L1491" t="s">
        <v>52</v>
      </c>
      <c r="M1491" s="1">
        <v>0</v>
      </c>
      <c r="N1491" s="1">
        <v>0</v>
      </c>
      <c r="O1491" t="s">
        <v>174</v>
      </c>
      <c r="P1491" t="s">
        <v>216</v>
      </c>
      <c r="Q1491" t="s">
        <v>196</v>
      </c>
      <c r="S1491" s="1">
        <v>0</v>
      </c>
      <c r="T1491" t="s">
        <v>175</v>
      </c>
      <c r="AC1491" t="s">
        <v>180</v>
      </c>
      <c r="AD1491" t="s">
        <v>175</v>
      </c>
      <c r="AE1491" t="s">
        <v>175</v>
      </c>
      <c r="AF1491" t="s">
        <v>181</v>
      </c>
      <c r="AG1491" t="s">
        <v>181</v>
      </c>
      <c r="AH1491" t="s">
        <v>181</v>
      </c>
      <c r="AI1491" t="s">
        <v>181</v>
      </c>
      <c r="AJ1491" t="s">
        <v>181</v>
      </c>
      <c r="AK1491" t="s">
        <v>181</v>
      </c>
      <c r="AL1491" t="s">
        <v>52</v>
      </c>
      <c r="AM1491" s="1">
        <v>0</v>
      </c>
      <c r="AN1491" s="1">
        <v>0</v>
      </c>
      <c r="AO1491" s="1">
        <v>0</v>
      </c>
      <c r="AP1491" s="1">
        <v>0</v>
      </c>
      <c r="AQ1491" s="1">
        <v>0</v>
      </c>
      <c r="AR1491" s="1">
        <v>0</v>
      </c>
      <c r="AS1491" s="1">
        <v>0</v>
      </c>
      <c r="AT1491" s="1">
        <v>0</v>
      </c>
      <c r="AU1491" s="1">
        <v>0</v>
      </c>
      <c r="AV1491" s="1">
        <v>0</v>
      </c>
      <c r="BF1491" s="1">
        <v>0</v>
      </c>
      <c r="BG1491" s="1">
        <v>0</v>
      </c>
      <c r="BH1491" s="1">
        <v>0</v>
      </c>
      <c r="BK1491" s="1">
        <v>0</v>
      </c>
      <c r="BM1491" s="1">
        <v>0</v>
      </c>
      <c r="BO1491" s="1">
        <v>0</v>
      </c>
    </row>
    <row r="1492" spans="1:69" x14ac:dyDescent="0.25">
      <c r="A1492" s="1">
        <v>30484201</v>
      </c>
      <c r="B1492" t="s">
        <v>858</v>
      </c>
      <c r="C1492" t="s">
        <v>39</v>
      </c>
      <c r="D1492" t="s">
        <v>174</v>
      </c>
      <c r="E1492" t="s">
        <v>175</v>
      </c>
      <c r="L1492" t="s">
        <v>52</v>
      </c>
      <c r="M1492" s="1">
        <v>0</v>
      </c>
      <c r="N1492" s="1">
        <v>0</v>
      </c>
      <c r="O1492" t="s">
        <v>174</v>
      </c>
      <c r="P1492" t="s">
        <v>176</v>
      </c>
      <c r="Q1492" t="s">
        <v>238</v>
      </c>
      <c r="S1492" t="s">
        <v>178</v>
      </c>
      <c r="T1492" t="s">
        <v>175</v>
      </c>
      <c r="W1492" t="s">
        <v>262</v>
      </c>
      <c r="X1492" t="s">
        <v>179</v>
      </c>
      <c r="Z1492" t="s">
        <v>244</v>
      </c>
      <c r="AC1492" t="s">
        <v>199</v>
      </c>
      <c r="AD1492" t="s">
        <v>175</v>
      </c>
      <c r="AE1492" t="s">
        <v>175</v>
      </c>
      <c r="AF1492" t="s">
        <v>181</v>
      </c>
      <c r="AG1492" t="s">
        <v>175</v>
      </c>
      <c r="AH1492" t="s">
        <v>200</v>
      </c>
      <c r="AI1492" t="s">
        <v>175</v>
      </c>
      <c r="AJ1492" t="s">
        <v>175</v>
      </c>
      <c r="AK1492" t="s">
        <v>175</v>
      </c>
      <c r="AL1492" t="s">
        <v>42</v>
      </c>
      <c r="AM1492" t="s">
        <v>183</v>
      </c>
      <c r="AN1492" t="s">
        <v>205</v>
      </c>
      <c r="AO1492" t="s">
        <v>182</v>
      </c>
      <c r="AP1492" t="s">
        <v>184</v>
      </c>
      <c r="AQ1492" t="s">
        <v>185</v>
      </c>
      <c r="AR1492" t="s">
        <v>202</v>
      </c>
      <c r="AS1492" t="s">
        <v>203</v>
      </c>
      <c r="AT1492" t="s">
        <v>201</v>
      </c>
      <c r="AU1492" t="s">
        <v>204</v>
      </c>
      <c r="AV1492" t="s">
        <v>206</v>
      </c>
      <c r="AX1492" t="s">
        <v>186</v>
      </c>
      <c r="AZ1492" t="s">
        <v>207</v>
      </c>
      <c r="BA1492" t="s">
        <v>188</v>
      </c>
      <c r="BF1492" t="s">
        <v>189</v>
      </c>
      <c r="BG1492" s="1">
        <v>0</v>
      </c>
      <c r="BH1492" t="s">
        <v>464</v>
      </c>
      <c r="BK1492" t="s">
        <v>191</v>
      </c>
      <c r="BL1492" t="s">
        <v>859</v>
      </c>
      <c r="BM1492" t="s">
        <v>191</v>
      </c>
      <c r="BN1492" t="s">
        <v>860</v>
      </c>
      <c r="BO1492" t="s">
        <v>191</v>
      </c>
      <c r="BP1492" t="s">
        <v>861</v>
      </c>
    </row>
    <row r="1493" spans="1:69" x14ac:dyDescent="0.25">
      <c r="A1493" s="1">
        <v>30484465</v>
      </c>
      <c r="B1493" t="s">
        <v>160</v>
      </c>
      <c r="C1493" t="s">
        <v>39</v>
      </c>
      <c r="L1493" s="1">
        <v>0</v>
      </c>
      <c r="M1493" s="1">
        <v>0</v>
      </c>
      <c r="N1493" s="1">
        <v>0</v>
      </c>
      <c r="O1493" s="1">
        <v>0</v>
      </c>
      <c r="P1493" s="1">
        <v>0</v>
      </c>
      <c r="Q1493" s="1">
        <v>0</v>
      </c>
      <c r="S1493" s="1">
        <v>0</v>
      </c>
      <c r="T1493" s="1">
        <v>0</v>
      </c>
      <c r="AC1493" s="1">
        <v>0</v>
      </c>
      <c r="AD1493" s="1">
        <v>0</v>
      </c>
      <c r="AE1493" s="1">
        <v>0</v>
      </c>
      <c r="AF1493" s="1">
        <v>0</v>
      </c>
      <c r="AG1493" s="1">
        <v>0</v>
      </c>
      <c r="AH1493" s="1">
        <v>0</v>
      </c>
      <c r="AI1493" s="1">
        <v>0</v>
      </c>
      <c r="AJ1493" s="1">
        <v>0</v>
      </c>
      <c r="AK1493" s="1">
        <v>0</v>
      </c>
      <c r="AL1493" s="1">
        <v>0</v>
      </c>
      <c r="AM1493" s="1">
        <v>0</v>
      </c>
      <c r="AN1493" s="1">
        <v>0</v>
      </c>
      <c r="AO1493" s="1">
        <v>0</v>
      </c>
      <c r="AP1493" s="1">
        <v>0</v>
      </c>
      <c r="AQ1493" s="1">
        <v>0</v>
      </c>
      <c r="AR1493" s="1">
        <v>0</v>
      </c>
      <c r="AS1493" s="1">
        <v>0</v>
      </c>
      <c r="AT1493" s="1">
        <v>0</v>
      </c>
      <c r="AU1493" s="1">
        <v>0</v>
      </c>
      <c r="AV1493" s="1">
        <v>0</v>
      </c>
      <c r="BF1493" s="1">
        <v>0</v>
      </c>
      <c r="BG1493" s="1">
        <v>0</v>
      </c>
      <c r="BH1493" s="1">
        <v>0</v>
      </c>
      <c r="BK1493" s="1">
        <v>0</v>
      </c>
      <c r="BM1493" s="1">
        <v>0</v>
      </c>
      <c r="BO1493" s="1">
        <v>0</v>
      </c>
    </row>
    <row r="1494" spans="1:69" x14ac:dyDescent="0.25">
      <c r="A1494" s="1">
        <v>30485069</v>
      </c>
      <c r="B1494" t="s">
        <v>4572</v>
      </c>
      <c r="C1494" t="s">
        <v>39</v>
      </c>
      <c r="D1494" t="s">
        <v>3727</v>
      </c>
      <c r="E1494" t="s">
        <v>200</v>
      </c>
      <c r="L1494" t="s">
        <v>52</v>
      </c>
      <c r="M1494" s="1">
        <v>0</v>
      </c>
      <c r="N1494" s="1">
        <v>0</v>
      </c>
      <c r="O1494" t="s">
        <v>3728</v>
      </c>
      <c r="P1494" t="s">
        <v>176</v>
      </c>
      <c r="Q1494" t="s">
        <v>196</v>
      </c>
      <c r="S1494" t="s">
        <v>349</v>
      </c>
      <c r="T1494" t="s">
        <v>200</v>
      </c>
      <c r="X1494" t="s">
        <v>179</v>
      </c>
      <c r="AC1494" t="s">
        <v>180</v>
      </c>
      <c r="AD1494" s="1">
        <v>0</v>
      </c>
      <c r="AE1494" s="1">
        <v>0</v>
      </c>
      <c r="AF1494" s="1">
        <v>0</v>
      </c>
      <c r="AG1494" s="1">
        <v>0</v>
      </c>
      <c r="AH1494" s="1">
        <v>0</v>
      </c>
      <c r="AI1494" s="1">
        <v>0</v>
      </c>
      <c r="AJ1494" s="1">
        <v>0</v>
      </c>
      <c r="AK1494" s="1">
        <v>0</v>
      </c>
      <c r="AL1494" s="1">
        <v>0</v>
      </c>
      <c r="AM1494" s="1">
        <v>0</v>
      </c>
      <c r="AN1494" s="1">
        <v>0</v>
      </c>
      <c r="AO1494" s="1">
        <v>0</v>
      </c>
      <c r="AP1494" s="1">
        <v>0</v>
      </c>
      <c r="AQ1494" s="1">
        <v>0</v>
      </c>
      <c r="AR1494" s="1">
        <v>0</v>
      </c>
      <c r="AS1494" s="1">
        <v>0</v>
      </c>
      <c r="AT1494" s="1">
        <v>0</v>
      </c>
      <c r="AU1494" s="1">
        <v>0</v>
      </c>
      <c r="AV1494" s="1">
        <v>0</v>
      </c>
      <c r="BF1494" s="1">
        <v>0</v>
      </c>
      <c r="BG1494" s="1">
        <v>0</v>
      </c>
      <c r="BH1494" s="1">
        <v>0</v>
      </c>
      <c r="BK1494" s="1">
        <v>0</v>
      </c>
      <c r="BM1494" s="1">
        <v>0</v>
      </c>
      <c r="BO1494" s="1">
        <v>0</v>
      </c>
    </row>
    <row r="1495" spans="1:69" x14ac:dyDescent="0.25">
      <c r="A1495" s="1">
        <v>30485225</v>
      </c>
      <c r="B1495" t="s">
        <v>4573</v>
      </c>
      <c r="C1495" t="s">
        <v>39</v>
      </c>
      <c r="D1495" t="s">
        <v>3727</v>
      </c>
      <c r="E1495" t="s">
        <v>175</v>
      </c>
      <c r="L1495" t="s">
        <v>52</v>
      </c>
      <c r="M1495" s="1">
        <v>0</v>
      </c>
      <c r="N1495" s="1">
        <v>0</v>
      </c>
      <c r="O1495" t="s">
        <v>3728</v>
      </c>
      <c r="P1495" t="s">
        <v>176</v>
      </c>
      <c r="Q1495" t="s">
        <v>238</v>
      </c>
      <c r="S1495" t="s">
        <v>178</v>
      </c>
      <c r="T1495" t="s">
        <v>175</v>
      </c>
      <c r="Z1495" t="s">
        <v>244</v>
      </c>
      <c r="AC1495" t="s">
        <v>199</v>
      </c>
      <c r="AD1495" t="s">
        <v>175</v>
      </c>
      <c r="AE1495" t="s">
        <v>175</v>
      </c>
      <c r="AF1495" t="s">
        <v>175</v>
      </c>
      <c r="AG1495" t="s">
        <v>175</v>
      </c>
      <c r="AH1495" t="s">
        <v>175</v>
      </c>
      <c r="AI1495" t="s">
        <v>175</v>
      </c>
      <c r="AJ1495" t="s">
        <v>175</v>
      </c>
      <c r="AK1495" t="s">
        <v>175</v>
      </c>
      <c r="AL1495" t="s">
        <v>42</v>
      </c>
      <c r="AM1495" t="s">
        <v>185</v>
      </c>
      <c r="AN1495" t="s">
        <v>202</v>
      </c>
      <c r="AO1495" t="s">
        <v>206</v>
      </c>
      <c r="AP1495" t="s">
        <v>201</v>
      </c>
      <c r="AQ1495" t="s">
        <v>182</v>
      </c>
      <c r="AR1495" t="s">
        <v>203</v>
      </c>
      <c r="AS1495" t="s">
        <v>184</v>
      </c>
      <c r="AT1495" t="s">
        <v>183</v>
      </c>
      <c r="AU1495" t="s">
        <v>204</v>
      </c>
      <c r="AV1495" t="s">
        <v>205</v>
      </c>
      <c r="AX1495" t="s">
        <v>186</v>
      </c>
      <c r="AZ1495" t="s">
        <v>207</v>
      </c>
      <c r="BA1495" t="s">
        <v>188</v>
      </c>
      <c r="BC1495" t="s">
        <v>209</v>
      </c>
      <c r="BF1495" t="s">
        <v>210</v>
      </c>
      <c r="BG1495" s="1">
        <v>0</v>
      </c>
      <c r="BH1495" t="s">
        <v>211</v>
      </c>
      <c r="BK1495" t="s">
        <v>191</v>
      </c>
      <c r="BL1495" t="s">
        <v>4574</v>
      </c>
      <c r="BM1495" t="s">
        <v>191</v>
      </c>
      <c r="BN1495" t="s">
        <v>4575</v>
      </c>
      <c r="BO1495" t="s">
        <v>218</v>
      </c>
      <c r="BP1495" t="s">
        <v>4576</v>
      </c>
    </row>
    <row r="1496" spans="1:69" x14ac:dyDescent="0.25">
      <c r="A1496" s="1">
        <v>30485838</v>
      </c>
      <c r="B1496" t="s">
        <v>4577</v>
      </c>
      <c r="C1496" t="s">
        <v>39</v>
      </c>
      <c r="D1496" t="s">
        <v>3727</v>
      </c>
      <c r="E1496" t="s">
        <v>200</v>
      </c>
      <c r="L1496" t="s">
        <v>52</v>
      </c>
      <c r="M1496" s="1">
        <v>0</v>
      </c>
      <c r="N1496" s="1">
        <v>0</v>
      </c>
      <c r="O1496" t="s">
        <v>3728</v>
      </c>
      <c r="P1496" t="s">
        <v>176</v>
      </c>
      <c r="Q1496" t="s">
        <v>196</v>
      </c>
      <c r="S1496" t="s">
        <v>349</v>
      </c>
      <c r="T1496" t="s">
        <v>200</v>
      </c>
      <c r="Y1496" t="s">
        <v>224</v>
      </c>
      <c r="AC1496" t="s">
        <v>180</v>
      </c>
      <c r="AD1496" t="s">
        <v>200</v>
      </c>
      <c r="AE1496" t="s">
        <v>200</v>
      </c>
      <c r="AF1496" t="s">
        <v>200</v>
      </c>
      <c r="AG1496" t="s">
        <v>200</v>
      </c>
      <c r="AH1496" t="s">
        <v>200</v>
      </c>
      <c r="AI1496" t="s">
        <v>200</v>
      </c>
      <c r="AJ1496" t="s">
        <v>200</v>
      </c>
      <c r="AK1496" t="s">
        <v>200</v>
      </c>
      <c r="AL1496" t="s">
        <v>42</v>
      </c>
      <c r="AM1496" s="1">
        <v>0</v>
      </c>
      <c r="AN1496" s="1">
        <v>0</v>
      </c>
      <c r="AO1496" s="1">
        <v>0</v>
      </c>
      <c r="AP1496" s="1">
        <v>0</v>
      </c>
      <c r="AQ1496" s="1">
        <v>0</v>
      </c>
      <c r="AR1496" s="1">
        <v>0</v>
      </c>
      <c r="AS1496" s="1">
        <v>0</v>
      </c>
      <c r="AT1496" s="1">
        <v>0</v>
      </c>
      <c r="AU1496" s="1">
        <v>0</v>
      </c>
      <c r="AV1496" s="1">
        <v>0</v>
      </c>
      <c r="BF1496" s="1">
        <v>0</v>
      </c>
      <c r="BG1496" s="1">
        <v>0</v>
      </c>
      <c r="BH1496" s="1">
        <v>0</v>
      </c>
      <c r="BK1496" s="1">
        <v>0</v>
      </c>
      <c r="BM1496" s="1">
        <v>0</v>
      </c>
      <c r="BO1496" s="1">
        <v>0</v>
      </c>
    </row>
    <row r="1497" spans="1:69" x14ac:dyDescent="0.25">
      <c r="A1497" s="1">
        <v>30485969</v>
      </c>
      <c r="B1497" t="s">
        <v>1562</v>
      </c>
      <c r="C1497" t="s">
        <v>39</v>
      </c>
      <c r="D1497" t="s">
        <v>942</v>
      </c>
      <c r="E1497" t="s">
        <v>175</v>
      </c>
      <c r="L1497" t="s">
        <v>52</v>
      </c>
      <c r="M1497" s="1">
        <v>0</v>
      </c>
      <c r="N1497" s="1">
        <v>0</v>
      </c>
      <c r="O1497" t="s">
        <v>942</v>
      </c>
      <c r="P1497" t="s">
        <v>216</v>
      </c>
      <c r="Q1497" t="s">
        <v>177</v>
      </c>
      <c r="S1497" s="1">
        <v>0</v>
      </c>
      <c r="T1497" t="s">
        <v>175</v>
      </c>
      <c r="Y1497" t="s">
        <v>224</v>
      </c>
      <c r="Z1497" t="s">
        <v>244</v>
      </c>
      <c r="AC1497" t="s">
        <v>199</v>
      </c>
      <c r="AD1497" s="1">
        <v>0</v>
      </c>
      <c r="AE1497" s="1">
        <v>0</v>
      </c>
      <c r="AF1497" s="1">
        <v>0</v>
      </c>
      <c r="AG1497" s="1">
        <v>0</v>
      </c>
      <c r="AH1497" s="1">
        <v>0</v>
      </c>
      <c r="AI1497" s="1">
        <v>0</v>
      </c>
      <c r="AJ1497" s="1">
        <v>0</v>
      </c>
      <c r="AK1497" s="1">
        <v>0</v>
      </c>
      <c r="AL1497" s="1">
        <v>0</v>
      </c>
      <c r="AM1497" s="1">
        <v>0</v>
      </c>
      <c r="AN1497" s="1">
        <v>0</v>
      </c>
      <c r="AO1497" s="1">
        <v>0</v>
      </c>
      <c r="AP1497" s="1">
        <v>0</v>
      </c>
      <c r="AQ1497" s="1">
        <v>0</v>
      </c>
      <c r="AR1497" s="1">
        <v>0</v>
      </c>
      <c r="AS1497" s="1">
        <v>0</v>
      </c>
      <c r="AT1497" s="1">
        <v>0</v>
      </c>
      <c r="AU1497" s="1">
        <v>0</v>
      </c>
      <c r="AV1497" s="1">
        <v>0</v>
      </c>
      <c r="BF1497" s="1">
        <v>0</v>
      </c>
      <c r="BG1497" s="1">
        <v>0</v>
      </c>
      <c r="BH1497" s="1">
        <v>0</v>
      </c>
      <c r="BK1497" s="1">
        <v>0</v>
      </c>
      <c r="BM1497" s="1">
        <v>0</v>
      </c>
      <c r="BO1497" s="1">
        <v>0</v>
      </c>
    </row>
    <row r="1498" spans="1:69" x14ac:dyDescent="0.25">
      <c r="A1498" s="1">
        <v>30486086</v>
      </c>
      <c r="B1498" t="s">
        <v>2470</v>
      </c>
      <c r="C1498" t="s">
        <v>39</v>
      </c>
      <c r="D1498" t="s">
        <v>1616</v>
      </c>
      <c r="E1498" t="s">
        <v>175</v>
      </c>
      <c r="L1498" t="s">
        <v>52</v>
      </c>
      <c r="M1498" s="1">
        <v>0</v>
      </c>
      <c r="N1498" s="1">
        <v>0</v>
      </c>
      <c r="O1498" t="s">
        <v>1616</v>
      </c>
      <c r="P1498" t="s">
        <v>176</v>
      </c>
      <c r="Q1498" t="s">
        <v>322</v>
      </c>
      <c r="S1498" t="s">
        <v>349</v>
      </c>
      <c r="T1498" t="s">
        <v>175</v>
      </c>
      <c r="Y1498" t="s">
        <v>224</v>
      </c>
      <c r="AC1498" t="s">
        <v>180</v>
      </c>
      <c r="AD1498" t="s">
        <v>230</v>
      </c>
      <c r="AE1498" t="s">
        <v>181</v>
      </c>
      <c r="AF1498" t="s">
        <v>181</v>
      </c>
      <c r="AG1498" t="s">
        <v>181</v>
      </c>
      <c r="AH1498" t="s">
        <v>230</v>
      </c>
      <c r="AI1498" t="s">
        <v>181</v>
      </c>
      <c r="AJ1498" t="s">
        <v>181</v>
      </c>
      <c r="AK1498" t="s">
        <v>175</v>
      </c>
      <c r="AL1498" t="s">
        <v>42</v>
      </c>
      <c r="AM1498" t="s">
        <v>184</v>
      </c>
      <c r="AN1498" t="s">
        <v>201</v>
      </c>
      <c r="AO1498" t="s">
        <v>203</v>
      </c>
      <c r="AP1498" t="s">
        <v>205</v>
      </c>
      <c r="AQ1498" t="s">
        <v>183</v>
      </c>
      <c r="AR1498" t="s">
        <v>182</v>
      </c>
      <c r="AS1498" t="s">
        <v>185</v>
      </c>
      <c r="AT1498" t="s">
        <v>206</v>
      </c>
      <c r="AU1498" t="s">
        <v>204</v>
      </c>
      <c r="AV1498" t="s">
        <v>202</v>
      </c>
      <c r="AW1498" t="s">
        <v>2471</v>
      </c>
      <c r="AZ1498" t="s">
        <v>207</v>
      </c>
      <c r="BC1498" t="s">
        <v>209</v>
      </c>
      <c r="BF1498" t="s">
        <v>49</v>
      </c>
      <c r="BG1498" s="1">
        <v>0</v>
      </c>
      <c r="BH1498" t="s">
        <v>211</v>
      </c>
      <c r="BK1498" t="s">
        <v>191</v>
      </c>
      <c r="BL1498" t="s">
        <v>2472</v>
      </c>
      <c r="BM1498" t="s">
        <v>191</v>
      </c>
      <c r="BN1498" t="s">
        <v>2473</v>
      </c>
      <c r="BO1498" t="s">
        <v>191</v>
      </c>
      <c r="BP1498" t="s">
        <v>2474</v>
      </c>
    </row>
    <row r="1499" spans="1:69" x14ac:dyDescent="0.25">
      <c r="A1499" s="1">
        <v>30486442</v>
      </c>
      <c r="B1499" t="s">
        <v>2475</v>
      </c>
      <c r="C1499" t="s">
        <v>39</v>
      </c>
      <c r="D1499" t="s">
        <v>1616</v>
      </c>
      <c r="E1499" t="s">
        <v>175</v>
      </c>
      <c r="L1499" t="s">
        <v>52</v>
      </c>
      <c r="M1499" s="1">
        <v>0</v>
      </c>
      <c r="N1499" s="1">
        <v>0</v>
      </c>
      <c r="O1499" t="s">
        <v>1616</v>
      </c>
      <c r="P1499" t="s">
        <v>176</v>
      </c>
      <c r="Q1499" t="s">
        <v>196</v>
      </c>
      <c r="S1499" t="s">
        <v>349</v>
      </c>
      <c r="T1499" t="s">
        <v>175</v>
      </c>
      <c r="X1499" t="s">
        <v>179</v>
      </c>
      <c r="AC1499" t="s">
        <v>199</v>
      </c>
      <c r="AD1499" t="s">
        <v>175</v>
      </c>
      <c r="AE1499" t="s">
        <v>175</v>
      </c>
      <c r="AF1499" t="s">
        <v>181</v>
      </c>
      <c r="AG1499" t="s">
        <v>181</v>
      </c>
      <c r="AH1499" t="s">
        <v>175</v>
      </c>
      <c r="AI1499" t="s">
        <v>175</v>
      </c>
      <c r="AJ1499" t="s">
        <v>181</v>
      </c>
      <c r="AK1499" t="s">
        <v>175</v>
      </c>
      <c r="AL1499" t="s">
        <v>42</v>
      </c>
      <c r="AM1499" t="s">
        <v>185</v>
      </c>
      <c r="AN1499" t="s">
        <v>182</v>
      </c>
      <c r="AO1499" t="s">
        <v>206</v>
      </c>
      <c r="AP1499" t="s">
        <v>184</v>
      </c>
      <c r="AQ1499" t="s">
        <v>202</v>
      </c>
      <c r="AR1499" t="s">
        <v>203</v>
      </c>
      <c r="AS1499" t="s">
        <v>204</v>
      </c>
      <c r="AT1499" t="s">
        <v>201</v>
      </c>
      <c r="AU1499" t="s">
        <v>183</v>
      </c>
      <c r="AV1499" t="s">
        <v>205</v>
      </c>
      <c r="AX1499" t="s">
        <v>186</v>
      </c>
      <c r="AY1499" t="s">
        <v>187</v>
      </c>
      <c r="BF1499" t="s">
        <v>232</v>
      </c>
      <c r="BG1499" t="s">
        <v>276</v>
      </c>
      <c r="BH1499" t="s">
        <v>211</v>
      </c>
      <c r="BK1499" t="s">
        <v>191</v>
      </c>
      <c r="BL1499" t="s">
        <v>2476</v>
      </c>
      <c r="BM1499" t="s">
        <v>218</v>
      </c>
      <c r="BN1499" t="s">
        <v>2477</v>
      </c>
      <c r="BO1499" t="s">
        <v>191</v>
      </c>
      <c r="BP1499" t="s">
        <v>2478</v>
      </c>
      <c r="BQ1499" t="s">
        <v>737</v>
      </c>
    </row>
    <row r="1500" spans="1:69" x14ac:dyDescent="0.25">
      <c r="A1500" s="1">
        <v>30486443</v>
      </c>
      <c r="B1500" t="s">
        <v>4578</v>
      </c>
      <c r="C1500" t="s">
        <v>39</v>
      </c>
      <c r="D1500" t="s">
        <v>3727</v>
      </c>
      <c r="E1500" t="s">
        <v>195</v>
      </c>
      <c r="L1500" t="s">
        <v>52</v>
      </c>
      <c r="M1500" s="1">
        <v>0</v>
      </c>
      <c r="N1500" s="1">
        <v>0</v>
      </c>
      <c r="O1500" t="s">
        <v>3728</v>
      </c>
      <c r="P1500" t="s">
        <v>176</v>
      </c>
      <c r="Q1500" t="s">
        <v>238</v>
      </c>
      <c r="S1500" t="s">
        <v>315</v>
      </c>
      <c r="T1500" t="s">
        <v>197</v>
      </c>
      <c r="W1500" t="s">
        <v>262</v>
      </c>
      <c r="X1500" t="s">
        <v>179</v>
      </c>
      <c r="Y1500" t="s">
        <v>224</v>
      </c>
      <c r="AC1500" t="s">
        <v>225</v>
      </c>
      <c r="AD1500" t="s">
        <v>175</v>
      </c>
      <c r="AE1500" t="s">
        <v>175</v>
      </c>
      <c r="AF1500" t="s">
        <v>175</v>
      </c>
      <c r="AG1500" t="s">
        <v>181</v>
      </c>
      <c r="AH1500" t="s">
        <v>175</v>
      </c>
      <c r="AI1500" t="s">
        <v>175</v>
      </c>
      <c r="AJ1500" t="s">
        <v>230</v>
      </c>
      <c r="AK1500" t="s">
        <v>175</v>
      </c>
      <c r="AL1500" t="s">
        <v>42</v>
      </c>
      <c r="AM1500" t="s">
        <v>185</v>
      </c>
      <c r="AN1500" t="s">
        <v>183</v>
      </c>
      <c r="AO1500" t="s">
        <v>201</v>
      </c>
      <c r="AP1500" t="s">
        <v>184</v>
      </c>
      <c r="AQ1500" t="s">
        <v>205</v>
      </c>
      <c r="AR1500" t="s">
        <v>206</v>
      </c>
      <c r="AS1500" t="s">
        <v>182</v>
      </c>
      <c r="AT1500" t="s">
        <v>202</v>
      </c>
      <c r="AU1500" t="s">
        <v>203</v>
      </c>
      <c r="AV1500" t="s">
        <v>204</v>
      </c>
      <c r="AX1500" t="s">
        <v>186</v>
      </c>
      <c r="AY1500" t="s">
        <v>187</v>
      </c>
      <c r="AZ1500" t="s">
        <v>207</v>
      </c>
      <c r="BF1500" t="s">
        <v>232</v>
      </c>
      <c r="BG1500" t="s">
        <v>301</v>
      </c>
      <c r="BH1500" t="s">
        <v>211</v>
      </c>
      <c r="BK1500" t="s">
        <v>191</v>
      </c>
      <c r="BL1500" t="s">
        <v>4579</v>
      </c>
      <c r="BM1500" t="s">
        <v>191</v>
      </c>
      <c r="BN1500" t="s">
        <v>844</v>
      </c>
      <c r="BO1500" t="s">
        <v>191</v>
      </c>
      <c r="BP1500" t="s">
        <v>4580</v>
      </c>
    </row>
    <row r="1501" spans="1:69" x14ac:dyDescent="0.25">
      <c r="A1501" s="1">
        <v>30486530</v>
      </c>
      <c r="B1501" t="s">
        <v>3092</v>
      </c>
      <c r="C1501" t="s">
        <v>39</v>
      </c>
      <c r="D1501" t="s">
        <v>2512</v>
      </c>
      <c r="E1501" t="s">
        <v>216</v>
      </c>
      <c r="L1501" t="s">
        <v>52</v>
      </c>
      <c r="M1501" s="1">
        <v>0</v>
      </c>
      <c r="N1501" s="1">
        <v>0</v>
      </c>
      <c r="O1501" t="s">
        <v>2512</v>
      </c>
      <c r="P1501" t="s">
        <v>216</v>
      </c>
      <c r="Q1501" t="s">
        <v>322</v>
      </c>
      <c r="S1501" s="1">
        <v>0</v>
      </c>
      <c r="T1501" t="s">
        <v>197</v>
      </c>
      <c r="U1501" t="s">
        <v>3093</v>
      </c>
      <c r="W1501" t="s">
        <v>262</v>
      </c>
      <c r="AC1501" t="s">
        <v>266</v>
      </c>
      <c r="AD1501" t="s">
        <v>299</v>
      </c>
      <c r="AE1501" t="s">
        <v>299</v>
      </c>
      <c r="AF1501" t="s">
        <v>299</v>
      </c>
      <c r="AG1501" t="s">
        <v>299</v>
      </c>
      <c r="AH1501" t="s">
        <v>299</v>
      </c>
      <c r="AI1501" t="s">
        <v>299</v>
      </c>
      <c r="AJ1501" t="s">
        <v>299</v>
      </c>
      <c r="AK1501" t="s">
        <v>299</v>
      </c>
      <c r="AL1501" t="s">
        <v>52</v>
      </c>
      <c r="AM1501" t="s">
        <v>184</v>
      </c>
      <c r="AN1501" t="s">
        <v>205</v>
      </c>
      <c r="AO1501" t="s">
        <v>185</v>
      </c>
      <c r="AP1501" t="s">
        <v>183</v>
      </c>
      <c r="AQ1501" t="s">
        <v>201</v>
      </c>
      <c r="AR1501" t="s">
        <v>206</v>
      </c>
      <c r="AS1501" t="s">
        <v>203</v>
      </c>
      <c r="AT1501" t="s">
        <v>204</v>
      </c>
      <c r="AU1501" t="s">
        <v>202</v>
      </c>
      <c r="AV1501" t="s">
        <v>182</v>
      </c>
      <c r="AW1501" t="s">
        <v>3094</v>
      </c>
      <c r="AX1501" t="s">
        <v>186</v>
      </c>
      <c r="AY1501" t="s">
        <v>187</v>
      </c>
      <c r="AZ1501" t="s">
        <v>207</v>
      </c>
      <c r="BA1501" t="s">
        <v>188</v>
      </c>
      <c r="BB1501" t="s">
        <v>208</v>
      </c>
      <c r="BC1501" t="s">
        <v>209</v>
      </c>
      <c r="BD1501" t="s">
        <v>273</v>
      </c>
      <c r="BE1501" t="s">
        <v>3095</v>
      </c>
      <c r="BF1501" t="s">
        <v>210</v>
      </c>
      <c r="BG1501" s="1">
        <v>0</v>
      </c>
      <c r="BH1501" t="s">
        <v>247</v>
      </c>
      <c r="BK1501" t="s">
        <v>191</v>
      </c>
      <c r="BL1501" t="s">
        <v>3096</v>
      </c>
      <c r="BM1501" t="s">
        <v>191</v>
      </c>
      <c r="BN1501" t="s">
        <v>3097</v>
      </c>
      <c r="BO1501" t="s">
        <v>218</v>
      </c>
      <c r="BP1501" t="s">
        <v>3098</v>
      </c>
      <c r="BQ1501" t="s">
        <v>3099</v>
      </c>
    </row>
    <row r="1502" spans="1:69" x14ac:dyDescent="0.25">
      <c r="A1502" s="1">
        <v>30486679</v>
      </c>
      <c r="B1502" t="s">
        <v>3100</v>
      </c>
      <c r="C1502" t="s">
        <v>39</v>
      </c>
      <c r="D1502" t="s">
        <v>2512</v>
      </c>
      <c r="E1502" t="s">
        <v>175</v>
      </c>
      <c r="L1502" t="s">
        <v>52</v>
      </c>
      <c r="M1502" s="1">
        <v>0</v>
      </c>
      <c r="N1502" s="1">
        <v>0</v>
      </c>
      <c r="O1502" t="s">
        <v>2512</v>
      </c>
      <c r="P1502" t="s">
        <v>216</v>
      </c>
      <c r="Q1502" t="s">
        <v>196</v>
      </c>
      <c r="S1502" s="1">
        <v>0</v>
      </c>
      <c r="T1502" t="s">
        <v>175</v>
      </c>
      <c r="X1502" t="s">
        <v>179</v>
      </c>
      <c r="AC1502" t="s">
        <v>609</v>
      </c>
      <c r="AD1502" t="s">
        <v>230</v>
      </c>
      <c r="AE1502" t="s">
        <v>230</v>
      </c>
      <c r="AF1502" t="s">
        <v>230</v>
      </c>
      <c r="AG1502" t="s">
        <v>230</v>
      </c>
      <c r="AH1502" t="s">
        <v>299</v>
      </c>
      <c r="AI1502" t="s">
        <v>299</v>
      </c>
      <c r="AJ1502" t="s">
        <v>230</v>
      </c>
      <c r="AK1502" t="s">
        <v>230</v>
      </c>
      <c r="AL1502" t="s">
        <v>52</v>
      </c>
      <c r="AM1502" t="s">
        <v>184</v>
      </c>
      <c r="AN1502" t="s">
        <v>185</v>
      </c>
      <c r="AO1502" t="s">
        <v>183</v>
      </c>
      <c r="AP1502" t="s">
        <v>205</v>
      </c>
      <c r="AQ1502" t="s">
        <v>182</v>
      </c>
      <c r="AR1502" t="s">
        <v>202</v>
      </c>
      <c r="AS1502" t="s">
        <v>206</v>
      </c>
      <c r="AT1502" t="s">
        <v>204</v>
      </c>
      <c r="AU1502" t="s">
        <v>203</v>
      </c>
      <c r="AV1502" t="s">
        <v>201</v>
      </c>
      <c r="AY1502" t="s">
        <v>187</v>
      </c>
      <c r="AZ1502" t="s">
        <v>207</v>
      </c>
      <c r="BB1502" t="s">
        <v>208</v>
      </c>
      <c r="BF1502" t="s">
        <v>232</v>
      </c>
      <c r="BG1502" t="s">
        <v>233</v>
      </c>
      <c r="BH1502" t="s">
        <v>211</v>
      </c>
      <c r="BK1502" t="s">
        <v>191</v>
      </c>
      <c r="BM1502" t="s">
        <v>191</v>
      </c>
      <c r="BO1502" t="s">
        <v>191</v>
      </c>
    </row>
    <row r="1503" spans="1:69" x14ac:dyDescent="0.25">
      <c r="A1503" s="1">
        <v>30486754</v>
      </c>
      <c r="B1503" t="s">
        <v>4581</v>
      </c>
      <c r="C1503" t="s">
        <v>39</v>
      </c>
      <c r="D1503" t="s">
        <v>3727</v>
      </c>
      <c r="E1503" t="s">
        <v>175</v>
      </c>
      <c r="L1503" t="s">
        <v>52</v>
      </c>
      <c r="M1503" s="1">
        <v>0</v>
      </c>
      <c r="N1503" s="1">
        <v>0</v>
      </c>
      <c r="O1503" t="s">
        <v>3728</v>
      </c>
      <c r="P1503" t="s">
        <v>216</v>
      </c>
      <c r="Q1503" t="s">
        <v>328</v>
      </c>
      <c r="S1503" s="1">
        <v>0</v>
      </c>
      <c r="T1503" t="s">
        <v>175</v>
      </c>
      <c r="X1503" t="s">
        <v>179</v>
      </c>
      <c r="AC1503" t="s">
        <v>199</v>
      </c>
      <c r="AD1503" t="s">
        <v>181</v>
      </c>
      <c r="AE1503" t="s">
        <v>230</v>
      </c>
      <c r="AF1503" t="s">
        <v>230</v>
      </c>
      <c r="AG1503" t="s">
        <v>230</v>
      </c>
      <c r="AH1503" t="s">
        <v>175</v>
      </c>
      <c r="AI1503" t="s">
        <v>181</v>
      </c>
      <c r="AJ1503" t="s">
        <v>181</v>
      </c>
      <c r="AK1503" t="s">
        <v>181</v>
      </c>
      <c r="AL1503" t="s">
        <v>49</v>
      </c>
      <c r="AM1503" t="s">
        <v>182</v>
      </c>
      <c r="AN1503" s="1">
        <v>0</v>
      </c>
      <c r="AO1503" s="1">
        <v>0</v>
      </c>
      <c r="AP1503" s="1">
        <v>0</v>
      </c>
      <c r="AQ1503" s="1">
        <v>0</v>
      </c>
      <c r="AR1503" s="1">
        <v>0</v>
      </c>
      <c r="AS1503" s="1">
        <v>0</v>
      </c>
      <c r="AT1503" t="s">
        <v>185</v>
      </c>
      <c r="AU1503" s="1">
        <v>0</v>
      </c>
      <c r="AV1503" t="s">
        <v>184</v>
      </c>
      <c r="AY1503" t="s">
        <v>187</v>
      </c>
      <c r="BC1503" t="s">
        <v>209</v>
      </c>
      <c r="BF1503" t="s">
        <v>49</v>
      </c>
      <c r="BG1503" s="1">
        <v>0</v>
      </c>
      <c r="BH1503" t="s">
        <v>211</v>
      </c>
      <c r="BK1503" t="s">
        <v>191</v>
      </c>
      <c r="BL1503" t="s">
        <v>4582</v>
      </c>
      <c r="BM1503" t="s">
        <v>191</v>
      </c>
      <c r="BN1503" t="s">
        <v>4583</v>
      </c>
      <c r="BO1503" t="s">
        <v>191</v>
      </c>
      <c r="BP1503" t="s">
        <v>317</v>
      </c>
    </row>
    <row r="1504" spans="1:69" x14ac:dyDescent="0.25">
      <c r="A1504" s="1">
        <v>30486839</v>
      </c>
      <c r="B1504" t="s">
        <v>3696</v>
      </c>
      <c r="C1504" t="s">
        <v>39</v>
      </c>
      <c r="D1504" t="s">
        <v>3138</v>
      </c>
      <c r="E1504" t="s">
        <v>175</v>
      </c>
      <c r="L1504" t="s">
        <v>52</v>
      </c>
      <c r="M1504" s="1">
        <v>0</v>
      </c>
      <c r="N1504" s="1">
        <v>0</v>
      </c>
      <c r="O1504" t="s">
        <v>3139</v>
      </c>
      <c r="P1504" t="s">
        <v>216</v>
      </c>
      <c r="Q1504" t="s">
        <v>322</v>
      </c>
      <c r="S1504" s="1">
        <v>0</v>
      </c>
      <c r="T1504" t="s">
        <v>175</v>
      </c>
      <c r="Y1504" t="s">
        <v>224</v>
      </c>
      <c r="AC1504" t="s">
        <v>199</v>
      </c>
      <c r="AD1504" t="s">
        <v>175</v>
      </c>
      <c r="AE1504" t="s">
        <v>175</v>
      </c>
      <c r="AF1504" t="s">
        <v>175</v>
      </c>
      <c r="AG1504" t="s">
        <v>175</v>
      </c>
      <c r="AH1504" t="s">
        <v>175</v>
      </c>
      <c r="AI1504" t="s">
        <v>175</v>
      </c>
      <c r="AJ1504" t="s">
        <v>175</v>
      </c>
      <c r="AK1504" t="s">
        <v>175</v>
      </c>
      <c r="AL1504" t="s">
        <v>42</v>
      </c>
      <c r="AM1504" s="1">
        <v>0</v>
      </c>
      <c r="AN1504" s="1">
        <v>0</v>
      </c>
      <c r="AO1504" s="1">
        <v>0</v>
      </c>
      <c r="AP1504" s="1">
        <v>0</v>
      </c>
      <c r="AQ1504" s="1">
        <v>0</v>
      </c>
      <c r="AR1504" s="1">
        <v>0</v>
      </c>
      <c r="AS1504" s="1">
        <v>0</v>
      </c>
      <c r="AT1504" s="1">
        <v>0</v>
      </c>
      <c r="AU1504" s="1">
        <v>0</v>
      </c>
      <c r="AV1504" s="1">
        <v>0</v>
      </c>
      <c r="AX1504" t="s">
        <v>186</v>
      </c>
      <c r="AZ1504" t="s">
        <v>207</v>
      </c>
      <c r="BB1504" t="s">
        <v>208</v>
      </c>
      <c r="BF1504" t="s">
        <v>210</v>
      </c>
      <c r="BG1504" s="1">
        <v>0</v>
      </c>
      <c r="BH1504" s="1">
        <v>0</v>
      </c>
      <c r="BI1504" t="s">
        <v>1756</v>
      </c>
      <c r="BK1504" s="1">
        <v>0</v>
      </c>
      <c r="BL1504" t="s">
        <v>3697</v>
      </c>
      <c r="BM1504" s="1">
        <v>0</v>
      </c>
      <c r="BN1504" t="s">
        <v>3698</v>
      </c>
      <c r="BO1504" s="1">
        <v>0</v>
      </c>
    </row>
    <row r="1505" spans="1:69" x14ac:dyDescent="0.25">
      <c r="A1505" s="1">
        <v>30486869</v>
      </c>
      <c r="B1505" t="s">
        <v>4584</v>
      </c>
      <c r="C1505" t="s">
        <v>39</v>
      </c>
      <c r="D1505" t="s">
        <v>3727</v>
      </c>
      <c r="E1505" t="s">
        <v>216</v>
      </c>
      <c r="L1505" t="s">
        <v>52</v>
      </c>
      <c r="M1505" s="1">
        <v>0</v>
      </c>
      <c r="N1505" s="1">
        <v>0</v>
      </c>
      <c r="O1505" t="s">
        <v>3728</v>
      </c>
      <c r="P1505" t="s">
        <v>216</v>
      </c>
      <c r="Q1505" t="s">
        <v>177</v>
      </c>
      <c r="S1505" s="1">
        <v>0</v>
      </c>
      <c r="T1505" t="s">
        <v>197</v>
      </c>
      <c r="U1505" t="s">
        <v>4585</v>
      </c>
      <c r="AA1505" t="s">
        <v>273</v>
      </c>
      <c r="AC1505" t="s">
        <v>49</v>
      </c>
      <c r="AD1505" t="s">
        <v>175</v>
      </c>
      <c r="AE1505" t="s">
        <v>175</v>
      </c>
      <c r="AF1505" t="s">
        <v>175</v>
      </c>
      <c r="AG1505" t="s">
        <v>175</v>
      </c>
      <c r="AH1505" t="s">
        <v>200</v>
      </c>
      <c r="AI1505" t="s">
        <v>175</v>
      </c>
      <c r="AJ1505" t="s">
        <v>175</v>
      </c>
      <c r="AK1505" t="s">
        <v>175</v>
      </c>
      <c r="AL1505" t="s">
        <v>52</v>
      </c>
      <c r="AM1505" t="s">
        <v>202</v>
      </c>
      <c r="AN1505" t="s">
        <v>184</v>
      </c>
      <c r="AO1505" t="s">
        <v>201</v>
      </c>
      <c r="AP1505" t="s">
        <v>204</v>
      </c>
      <c r="AQ1505" t="s">
        <v>205</v>
      </c>
      <c r="AR1505" t="s">
        <v>206</v>
      </c>
      <c r="AS1505" t="s">
        <v>185</v>
      </c>
      <c r="AT1505" t="s">
        <v>182</v>
      </c>
      <c r="AU1505" t="s">
        <v>203</v>
      </c>
      <c r="AV1505" t="s">
        <v>183</v>
      </c>
      <c r="AW1505" t="s">
        <v>4586</v>
      </c>
      <c r="AX1505" t="s">
        <v>186</v>
      </c>
      <c r="AY1505" t="s">
        <v>187</v>
      </c>
      <c r="AZ1505" t="s">
        <v>207</v>
      </c>
      <c r="BA1505" t="s">
        <v>188</v>
      </c>
      <c r="BB1505" t="s">
        <v>208</v>
      </c>
      <c r="BC1505" t="s">
        <v>209</v>
      </c>
      <c r="BF1505" t="s">
        <v>232</v>
      </c>
      <c r="BG1505" t="s">
        <v>301</v>
      </c>
      <c r="BH1505" t="s">
        <v>211</v>
      </c>
      <c r="BK1505" t="s">
        <v>191</v>
      </c>
      <c r="BL1505" t="s">
        <v>4587</v>
      </c>
      <c r="BM1505" t="s">
        <v>191</v>
      </c>
      <c r="BN1505" t="s">
        <v>4588</v>
      </c>
      <c r="BO1505" t="s">
        <v>191</v>
      </c>
      <c r="BP1505" t="s">
        <v>4589</v>
      </c>
      <c r="BQ1505" t="s">
        <v>4590</v>
      </c>
    </row>
    <row r="1506" spans="1:69" x14ac:dyDescent="0.25">
      <c r="A1506" s="1">
        <v>30486892</v>
      </c>
      <c r="B1506" t="s">
        <v>3699</v>
      </c>
      <c r="C1506" t="s">
        <v>39</v>
      </c>
      <c r="D1506" t="s">
        <v>3138</v>
      </c>
      <c r="E1506" t="s">
        <v>175</v>
      </c>
      <c r="L1506" t="s">
        <v>52</v>
      </c>
      <c r="M1506" s="1">
        <v>0</v>
      </c>
      <c r="N1506" s="1">
        <v>0</v>
      </c>
      <c r="O1506" t="s">
        <v>3139</v>
      </c>
      <c r="P1506" t="s">
        <v>216</v>
      </c>
      <c r="Q1506" t="s">
        <v>322</v>
      </c>
      <c r="S1506" s="1">
        <v>0</v>
      </c>
      <c r="T1506" t="s">
        <v>175</v>
      </c>
      <c r="W1506" t="s">
        <v>262</v>
      </c>
      <c r="AC1506" t="s">
        <v>180</v>
      </c>
      <c r="AD1506" t="s">
        <v>175</v>
      </c>
      <c r="AE1506" t="s">
        <v>175</v>
      </c>
      <c r="AF1506" t="s">
        <v>175</v>
      </c>
      <c r="AG1506" t="s">
        <v>175</v>
      </c>
      <c r="AH1506" t="s">
        <v>175</v>
      </c>
      <c r="AI1506" t="s">
        <v>175</v>
      </c>
      <c r="AJ1506" t="s">
        <v>175</v>
      </c>
      <c r="AK1506" t="s">
        <v>175</v>
      </c>
      <c r="AL1506" t="s">
        <v>42</v>
      </c>
      <c r="AM1506" t="s">
        <v>206</v>
      </c>
      <c r="AN1506" t="s">
        <v>204</v>
      </c>
      <c r="AO1506" t="s">
        <v>205</v>
      </c>
      <c r="AP1506" t="s">
        <v>183</v>
      </c>
      <c r="AQ1506" t="s">
        <v>184</v>
      </c>
      <c r="AR1506" t="s">
        <v>185</v>
      </c>
      <c r="AS1506" t="s">
        <v>201</v>
      </c>
      <c r="AT1506" t="s">
        <v>202</v>
      </c>
      <c r="AU1506" t="s">
        <v>203</v>
      </c>
      <c r="AV1506" t="s">
        <v>182</v>
      </c>
      <c r="AX1506" t="s">
        <v>186</v>
      </c>
      <c r="AZ1506" t="s">
        <v>207</v>
      </c>
      <c r="BC1506" t="s">
        <v>209</v>
      </c>
      <c r="BF1506" t="s">
        <v>49</v>
      </c>
      <c r="BG1506" s="1">
        <v>0</v>
      </c>
      <c r="BH1506" t="s">
        <v>190</v>
      </c>
      <c r="BK1506" t="s">
        <v>191</v>
      </c>
      <c r="BL1506" t="s">
        <v>3700</v>
      </c>
      <c r="BM1506" t="s">
        <v>191</v>
      </c>
      <c r="BN1506" t="s">
        <v>3701</v>
      </c>
      <c r="BO1506" t="s">
        <v>191</v>
      </c>
      <c r="BP1506" t="s">
        <v>3702</v>
      </c>
    </row>
    <row r="1507" spans="1:69" x14ac:dyDescent="0.25">
      <c r="A1507" s="1">
        <v>30487015</v>
      </c>
      <c r="B1507" t="s">
        <v>2479</v>
      </c>
      <c r="C1507" t="s">
        <v>39</v>
      </c>
      <c r="D1507" t="s">
        <v>1616</v>
      </c>
      <c r="E1507" t="s">
        <v>200</v>
      </c>
      <c r="L1507" t="s">
        <v>52</v>
      </c>
      <c r="M1507" s="1">
        <v>0</v>
      </c>
      <c r="N1507" s="1">
        <v>0</v>
      </c>
      <c r="O1507" t="s">
        <v>1616</v>
      </c>
      <c r="P1507" t="s">
        <v>216</v>
      </c>
      <c r="Q1507" t="s">
        <v>322</v>
      </c>
      <c r="S1507" s="1">
        <v>0</v>
      </c>
      <c r="T1507" t="s">
        <v>200</v>
      </c>
      <c r="AC1507" t="s">
        <v>180</v>
      </c>
      <c r="AD1507" t="s">
        <v>175</v>
      </c>
      <c r="AE1507" t="s">
        <v>175</v>
      </c>
      <c r="AF1507" t="s">
        <v>181</v>
      </c>
      <c r="AG1507" t="s">
        <v>181</v>
      </c>
      <c r="AH1507" t="s">
        <v>175</v>
      </c>
      <c r="AI1507" t="s">
        <v>175</v>
      </c>
      <c r="AJ1507" t="s">
        <v>230</v>
      </c>
      <c r="AK1507" t="s">
        <v>175</v>
      </c>
      <c r="AL1507" t="s">
        <v>42</v>
      </c>
      <c r="AM1507" t="s">
        <v>201</v>
      </c>
      <c r="AN1507" t="s">
        <v>182</v>
      </c>
      <c r="AO1507" t="s">
        <v>183</v>
      </c>
      <c r="AP1507" t="s">
        <v>204</v>
      </c>
      <c r="AQ1507" t="s">
        <v>205</v>
      </c>
      <c r="AR1507" t="s">
        <v>202</v>
      </c>
      <c r="AS1507" t="s">
        <v>203</v>
      </c>
      <c r="AT1507" t="s">
        <v>185</v>
      </c>
      <c r="AU1507" t="s">
        <v>184</v>
      </c>
      <c r="AV1507" t="s">
        <v>206</v>
      </c>
      <c r="AX1507" t="s">
        <v>186</v>
      </c>
      <c r="BC1507" t="s">
        <v>209</v>
      </c>
      <c r="BF1507" t="s">
        <v>210</v>
      </c>
      <c r="BG1507" s="1">
        <v>0</v>
      </c>
      <c r="BH1507" s="1">
        <v>0</v>
      </c>
      <c r="BK1507" s="1">
        <v>0</v>
      </c>
      <c r="BM1507" s="1">
        <v>0</v>
      </c>
      <c r="BO1507" s="1">
        <v>0</v>
      </c>
    </row>
    <row r="1508" spans="1:69" x14ac:dyDescent="0.25">
      <c r="A1508" s="1">
        <v>30487032</v>
      </c>
      <c r="B1508" t="s">
        <v>862</v>
      </c>
      <c r="C1508" t="s">
        <v>39</v>
      </c>
      <c r="D1508" t="s">
        <v>174</v>
      </c>
      <c r="E1508" t="s">
        <v>200</v>
      </c>
      <c r="L1508" t="s">
        <v>52</v>
      </c>
      <c r="M1508" s="1">
        <v>0</v>
      </c>
      <c r="N1508" s="1">
        <v>0</v>
      </c>
      <c r="O1508" t="s">
        <v>174</v>
      </c>
      <c r="P1508" t="s">
        <v>216</v>
      </c>
      <c r="Q1508" t="s">
        <v>322</v>
      </c>
      <c r="S1508" s="1">
        <v>0</v>
      </c>
      <c r="T1508" t="s">
        <v>200</v>
      </c>
      <c r="AA1508" t="s">
        <v>273</v>
      </c>
      <c r="AB1508" t="s">
        <v>863</v>
      </c>
      <c r="AC1508" t="s">
        <v>199</v>
      </c>
      <c r="AD1508" t="s">
        <v>175</v>
      </c>
      <c r="AE1508" t="s">
        <v>200</v>
      </c>
      <c r="AF1508" t="s">
        <v>200</v>
      </c>
      <c r="AG1508" t="s">
        <v>200</v>
      </c>
      <c r="AH1508" t="s">
        <v>200</v>
      </c>
      <c r="AI1508" t="s">
        <v>200</v>
      </c>
      <c r="AJ1508" t="s">
        <v>200</v>
      </c>
      <c r="AK1508" t="s">
        <v>200</v>
      </c>
      <c r="AL1508" t="s">
        <v>52</v>
      </c>
      <c r="AM1508" t="s">
        <v>185</v>
      </c>
      <c r="AN1508" s="1">
        <v>0</v>
      </c>
      <c r="AO1508" s="1">
        <v>0</v>
      </c>
      <c r="AP1508" s="1">
        <v>0</v>
      </c>
      <c r="AQ1508" s="1">
        <v>0</v>
      </c>
      <c r="AR1508" s="1">
        <v>0</v>
      </c>
      <c r="AS1508" s="1">
        <v>0</v>
      </c>
      <c r="AT1508" s="1">
        <v>0</v>
      </c>
      <c r="AU1508" s="1">
        <v>0</v>
      </c>
      <c r="AV1508" s="1">
        <v>0</v>
      </c>
      <c r="AY1508" t="s">
        <v>187</v>
      </c>
      <c r="BD1508" t="s">
        <v>273</v>
      </c>
      <c r="BE1508" t="s">
        <v>864</v>
      </c>
      <c r="BF1508" t="s">
        <v>210</v>
      </c>
      <c r="BG1508" s="1">
        <v>0</v>
      </c>
      <c r="BH1508" t="s">
        <v>190</v>
      </c>
      <c r="BK1508" t="s">
        <v>191</v>
      </c>
      <c r="BM1508" t="s">
        <v>218</v>
      </c>
      <c r="BO1508" t="s">
        <v>191</v>
      </c>
    </row>
    <row r="1509" spans="1:69" x14ac:dyDescent="0.25">
      <c r="A1509" s="1">
        <v>30487188</v>
      </c>
      <c r="B1509" t="s">
        <v>3703</v>
      </c>
      <c r="C1509" t="s">
        <v>39</v>
      </c>
      <c r="D1509" t="s">
        <v>3138</v>
      </c>
      <c r="E1509" t="s">
        <v>195</v>
      </c>
      <c r="L1509" t="s">
        <v>52</v>
      </c>
      <c r="M1509" s="1">
        <v>0</v>
      </c>
      <c r="N1509" s="1">
        <v>0</v>
      </c>
      <c r="O1509" t="s">
        <v>3139</v>
      </c>
      <c r="P1509" t="s">
        <v>176</v>
      </c>
      <c r="Q1509" t="s">
        <v>177</v>
      </c>
      <c r="S1509" t="s">
        <v>349</v>
      </c>
      <c r="T1509" s="1">
        <v>0</v>
      </c>
      <c r="AC1509" s="1">
        <v>0</v>
      </c>
      <c r="AD1509" s="1">
        <v>0</v>
      </c>
      <c r="AE1509" s="1">
        <v>0</v>
      </c>
      <c r="AF1509" s="1">
        <v>0</v>
      </c>
      <c r="AG1509" s="1">
        <v>0</v>
      </c>
      <c r="AH1509" s="1">
        <v>0</v>
      </c>
      <c r="AI1509" s="1">
        <v>0</v>
      </c>
      <c r="AJ1509" s="1">
        <v>0</v>
      </c>
      <c r="AK1509" s="1">
        <v>0</v>
      </c>
      <c r="AL1509" s="1">
        <v>0</v>
      </c>
      <c r="AM1509" s="1">
        <v>0</v>
      </c>
      <c r="AN1509" s="1">
        <v>0</v>
      </c>
      <c r="AO1509" s="1">
        <v>0</v>
      </c>
      <c r="AP1509" s="1">
        <v>0</v>
      </c>
      <c r="AQ1509" s="1">
        <v>0</v>
      </c>
      <c r="AR1509" s="1">
        <v>0</v>
      </c>
      <c r="AS1509" s="1">
        <v>0</v>
      </c>
      <c r="AT1509" s="1">
        <v>0</v>
      </c>
      <c r="AU1509" s="1">
        <v>0</v>
      </c>
      <c r="AV1509" s="1">
        <v>0</v>
      </c>
      <c r="BF1509" s="1">
        <v>0</v>
      </c>
      <c r="BG1509" s="1">
        <v>0</v>
      </c>
      <c r="BH1509" s="1">
        <v>0</v>
      </c>
      <c r="BK1509" s="1">
        <v>0</v>
      </c>
      <c r="BM1509" s="1">
        <v>0</v>
      </c>
      <c r="BO1509" s="1">
        <v>0</v>
      </c>
    </row>
    <row r="1510" spans="1:69" x14ac:dyDescent="0.25">
      <c r="A1510" s="1">
        <v>30487221</v>
      </c>
      <c r="B1510" t="s">
        <v>2480</v>
      </c>
      <c r="C1510" t="s">
        <v>39</v>
      </c>
      <c r="D1510" t="s">
        <v>1616</v>
      </c>
      <c r="E1510" t="s">
        <v>195</v>
      </c>
      <c r="L1510" t="s">
        <v>52</v>
      </c>
      <c r="M1510" s="1">
        <v>0</v>
      </c>
      <c r="N1510" s="1">
        <v>0</v>
      </c>
      <c r="O1510" t="s">
        <v>1616</v>
      </c>
      <c r="P1510" t="s">
        <v>176</v>
      </c>
      <c r="Q1510" t="s">
        <v>328</v>
      </c>
      <c r="S1510" t="s">
        <v>178</v>
      </c>
      <c r="T1510" t="s">
        <v>197</v>
      </c>
      <c r="Z1510" t="s">
        <v>244</v>
      </c>
      <c r="AC1510" t="s">
        <v>180</v>
      </c>
      <c r="AD1510" s="1">
        <v>0</v>
      </c>
      <c r="AE1510" s="1">
        <v>0</v>
      </c>
      <c r="AF1510" s="1">
        <v>0</v>
      </c>
      <c r="AG1510" s="1">
        <v>0</v>
      </c>
      <c r="AH1510" s="1">
        <v>0</v>
      </c>
      <c r="AI1510" s="1">
        <v>0</v>
      </c>
      <c r="AJ1510" s="1">
        <v>0</v>
      </c>
      <c r="AK1510" s="1">
        <v>0</v>
      </c>
      <c r="AL1510" s="1">
        <v>0</v>
      </c>
      <c r="AM1510" s="1">
        <v>0</v>
      </c>
      <c r="AN1510" s="1">
        <v>0</v>
      </c>
      <c r="AO1510" s="1">
        <v>0</v>
      </c>
      <c r="AP1510" s="1">
        <v>0</v>
      </c>
      <c r="AQ1510" s="1">
        <v>0</v>
      </c>
      <c r="AR1510" s="1">
        <v>0</v>
      </c>
      <c r="AS1510" s="1">
        <v>0</v>
      </c>
      <c r="AT1510" s="1">
        <v>0</v>
      </c>
      <c r="AU1510" s="1">
        <v>0</v>
      </c>
      <c r="AV1510" s="1">
        <v>0</v>
      </c>
      <c r="BF1510" s="1">
        <v>0</v>
      </c>
      <c r="BG1510" s="1">
        <v>0</v>
      </c>
      <c r="BH1510" s="1">
        <v>0</v>
      </c>
      <c r="BK1510" s="1">
        <v>0</v>
      </c>
      <c r="BM1510" s="1">
        <v>0</v>
      </c>
      <c r="BO1510" s="1">
        <v>0</v>
      </c>
    </row>
    <row r="1511" spans="1:69" x14ac:dyDescent="0.25">
      <c r="A1511" s="1">
        <v>30487300</v>
      </c>
      <c r="B1511" t="s">
        <v>865</v>
      </c>
      <c r="C1511" t="s">
        <v>39</v>
      </c>
      <c r="D1511" t="s">
        <v>174</v>
      </c>
      <c r="E1511" t="s">
        <v>216</v>
      </c>
      <c r="L1511" t="s">
        <v>52</v>
      </c>
      <c r="M1511" s="1">
        <v>0</v>
      </c>
      <c r="N1511" s="1">
        <v>0</v>
      </c>
      <c r="O1511" t="s">
        <v>174</v>
      </c>
      <c r="P1511" t="s">
        <v>216</v>
      </c>
      <c r="Q1511" t="s">
        <v>322</v>
      </c>
      <c r="S1511" s="1">
        <v>0</v>
      </c>
      <c r="T1511" t="s">
        <v>197</v>
      </c>
      <c r="AC1511" s="1">
        <v>0</v>
      </c>
      <c r="AD1511" s="1">
        <v>0</v>
      </c>
      <c r="AE1511" s="1">
        <v>0</v>
      </c>
      <c r="AF1511" s="1">
        <v>0</v>
      </c>
      <c r="AG1511" s="1">
        <v>0</v>
      </c>
      <c r="AH1511" s="1">
        <v>0</v>
      </c>
      <c r="AI1511" s="1">
        <v>0</v>
      </c>
      <c r="AJ1511" s="1">
        <v>0</v>
      </c>
      <c r="AK1511" s="1">
        <v>0</v>
      </c>
      <c r="AL1511" s="1">
        <v>0</v>
      </c>
      <c r="AM1511" s="1">
        <v>0</v>
      </c>
      <c r="AN1511" s="1">
        <v>0</v>
      </c>
      <c r="AO1511" s="1">
        <v>0</v>
      </c>
      <c r="AP1511" s="1">
        <v>0</v>
      </c>
      <c r="AQ1511" s="1">
        <v>0</v>
      </c>
      <c r="AR1511" s="1">
        <v>0</v>
      </c>
      <c r="AS1511" s="1">
        <v>0</v>
      </c>
      <c r="AT1511" s="1">
        <v>0</v>
      </c>
      <c r="AU1511" s="1">
        <v>0</v>
      </c>
      <c r="AV1511" s="1">
        <v>0</v>
      </c>
      <c r="BF1511" s="1">
        <v>0</v>
      </c>
      <c r="BG1511" s="1">
        <v>0</v>
      </c>
      <c r="BH1511" s="1">
        <v>0</v>
      </c>
      <c r="BK1511" s="1">
        <v>0</v>
      </c>
      <c r="BM1511" s="1">
        <v>0</v>
      </c>
      <c r="BO1511" s="1">
        <v>0</v>
      </c>
    </row>
    <row r="1512" spans="1:69" x14ac:dyDescent="0.25">
      <c r="A1512" s="1">
        <v>30487385</v>
      </c>
      <c r="B1512" t="s">
        <v>2481</v>
      </c>
      <c r="C1512" t="s">
        <v>39</v>
      </c>
      <c r="D1512" t="s">
        <v>1616</v>
      </c>
      <c r="E1512" t="s">
        <v>175</v>
      </c>
      <c r="L1512" t="s">
        <v>52</v>
      </c>
      <c r="M1512" s="1">
        <v>0</v>
      </c>
      <c r="N1512" s="1">
        <v>0</v>
      </c>
      <c r="O1512" t="s">
        <v>1616</v>
      </c>
      <c r="P1512" t="s">
        <v>216</v>
      </c>
      <c r="Q1512" t="s">
        <v>238</v>
      </c>
      <c r="S1512" s="1">
        <v>0</v>
      </c>
      <c r="T1512" t="s">
        <v>175</v>
      </c>
      <c r="Y1512" t="s">
        <v>224</v>
      </c>
      <c r="AC1512" t="s">
        <v>180</v>
      </c>
      <c r="AD1512" t="s">
        <v>200</v>
      </c>
      <c r="AE1512" t="s">
        <v>175</v>
      </c>
      <c r="AF1512" t="s">
        <v>175</v>
      </c>
      <c r="AG1512" t="s">
        <v>175</v>
      </c>
      <c r="AH1512" t="s">
        <v>200</v>
      </c>
      <c r="AI1512" t="s">
        <v>200</v>
      </c>
      <c r="AJ1512" t="s">
        <v>200</v>
      </c>
      <c r="AK1512" t="s">
        <v>175</v>
      </c>
      <c r="AL1512" t="s">
        <v>42</v>
      </c>
      <c r="AM1512" t="s">
        <v>185</v>
      </c>
      <c r="AN1512" t="s">
        <v>206</v>
      </c>
      <c r="AO1512" t="s">
        <v>182</v>
      </c>
      <c r="AP1512" t="s">
        <v>184</v>
      </c>
      <c r="AQ1512" t="s">
        <v>203</v>
      </c>
      <c r="AR1512" t="s">
        <v>204</v>
      </c>
      <c r="AS1512" t="s">
        <v>201</v>
      </c>
      <c r="AT1512" t="s">
        <v>183</v>
      </c>
      <c r="AU1512" t="s">
        <v>205</v>
      </c>
      <c r="AV1512" t="s">
        <v>202</v>
      </c>
      <c r="AZ1512" t="s">
        <v>207</v>
      </c>
      <c r="BA1512" t="s">
        <v>188</v>
      </c>
      <c r="BC1512" t="s">
        <v>209</v>
      </c>
      <c r="BF1512" t="s">
        <v>232</v>
      </c>
      <c r="BG1512" t="s">
        <v>276</v>
      </c>
      <c r="BH1512" t="s">
        <v>211</v>
      </c>
      <c r="BK1512" t="s">
        <v>191</v>
      </c>
      <c r="BL1512" t="s">
        <v>2482</v>
      </c>
      <c r="BM1512" t="s">
        <v>191</v>
      </c>
      <c r="BN1512" t="s">
        <v>2483</v>
      </c>
      <c r="BO1512" t="s">
        <v>218</v>
      </c>
      <c r="BP1512" t="s">
        <v>2484</v>
      </c>
    </row>
    <row r="1513" spans="1:69" x14ac:dyDescent="0.25">
      <c r="A1513" s="1">
        <v>30487461</v>
      </c>
      <c r="B1513" t="s">
        <v>866</v>
      </c>
      <c r="C1513" t="s">
        <v>39</v>
      </c>
      <c r="D1513" t="s">
        <v>174</v>
      </c>
      <c r="E1513" t="s">
        <v>216</v>
      </c>
      <c r="L1513" t="s">
        <v>52</v>
      </c>
      <c r="M1513" s="1">
        <v>0</v>
      </c>
      <c r="N1513" s="1">
        <v>0</v>
      </c>
      <c r="O1513" t="s">
        <v>174</v>
      </c>
      <c r="P1513" t="s">
        <v>216</v>
      </c>
      <c r="Q1513" t="s">
        <v>177</v>
      </c>
      <c r="S1513" s="1">
        <v>0</v>
      </c>
      <c r="T1513" t="s">
        <v>197</v>
      </c>
      <c r="X1513" t="s">
        <v>179</v>
      </c>
      <c r="Y1513" t="s">
        <v>224</v>
      </c>
      <c r="AC1513" t="s">
        <v>180</v>
      </c>
      <c r="AD1513" t="s">
        <v>175</v>
      </c>
      <c r="AE1513" t="s">
        <v>181</v>
      </c>
      <c r="AF1513" t="s">
        <v>181</v>
      </c>
      <c r="AG1513" t="s">
        <v>175</v>
      </c>
      <c r="AH1513" t="s">
        <v>200</v>
      </c>
      <c r="AI1513" t="s">
        <v>175</v>
      </c>
      <c r="AJ1513" t="s">
        <v>175</v>
      </c>
      <c r="AK1513" t="s">
        <v>181</v>
      </c>
      <c r="AL1513" t="s">
        <v>42</v>
      </c>
      <c r="AM1513" t="s">
        <v>185</v>
      </c>
      <c r="AN1513" t="s">
        <v>201</v>
      </c>
      <c r="AO1513" t="s">
        <v>205</v>
      </c>
      <c r="AP1513" t="s">
        <v>184</v>
      </c>
      <c r="AQ1513" t="s">
        <v>203</v>
      </c>
      <c r="AR1513" t="s">
        <v>202</v>
      </c>
      <c r="AS1513" t="s">
        <v>204</v>
      </c>
      <c r="AT1513" t="s">
        <v>183</v>
      </c>
      <c r="AU1513" t="s">
        <v>206</v>
      </c>
      <c r="AV1513" t="s">
        <v>182</v>
      </c>
      <c r="AX1513" t="s">
        <v>186</v>
      </c>
      <c r="AZ1513" t="s">
        <v>207</v>
      </c>
      <c r="BF1513" t="s">
        <v>232</v>
      </c>
      <c r="BG1513" t="s">
        <v>233</v>
      </c>
      <c r="BH1513" t="s">
        <v>211</v>
      </c>
      <c r="BK1513" t="s">
        <v>191</v>
      </c>
      <c r="BL1513" t="s">
        <v>518</v>
      </c>
      <c r="BM1513" t="s">
        <v>191</v>
      </c>
      <c r="BN1513" t="s">
        <v>867</v>
      </c>
      <c r="BO1513" t="s">
        <v>191</v>
      </c>
      <c r="BP1513" t="s">
        <v>868</v>
      </c>
    </row>
    <row r="1514" spans="1:69" x14ac:dyDescent="0.25">
      <c r="A1514" s="1">
        <v>30487720</v>
      </c>
      <c r="B1514" t="s">
        <v>1563</v>
      </c>
      <c r="C1514" t="s">
        <v>39</v>
      </c>
      <c r="D1514" t="s">
        <v>942</v>
      </c>
      <c r="E1514" t="s">
        <v>216</v>
      </c>
      <c r="L1514" t="s">
        <v>52</v>
      </c>
      <c r="M1514" s="1">
        <v>0</v>
      </c>
      <c r="N1514" s="1">
        <v>0</v>
      </c>
      <c r="O1514" t="s">
        <v>942</v>
      </c>
      <c r="P1514" t="s">
        <v>216</v>
      </c>
      <c r="Q1514" t="s">
        <v>322</v>
      </c>
      <c r="S1514" s="1">
        <v>0</v>
      </c>
      <c r="T1514" t="s">
        <v>197</v>
      </c>
      <c r="Y1514" t="s">
        <v>224</v>
      </c>
      <c r="AC1514" t="s">
        <v>266</v>
      </c>
      <c r="AD1514" t="s">
        <v>230</v>
      </c>
      <c r="AE1514" t="s">
        <v>299</v>
      </c>
      <c r="AF1514" t="s">
        <v>299</v>
      </c>
      <c r="AG1514" t="s">
        <v>299</v>
      </c>
      <c r="AH1514" t="s">
        <v>181</v>
      </c>
      <c r="AI1514" t="s">
        <v>181</v>
      </c>
      <c r="AJ1514" t="s">
        <v>181</v>
      </c>
      <c r="AK1514" t="s">
        <v>299</v>
      </c>
      <c r="AL1514" t="s">
        <v>42</v>
      </c>
      <c r="AM1514" t="s">
        <v>203</v>
      </c>
      <c r="AN1514" t="s">
        <v>185</v>
      </c>
      <c r="AO1514" t="s">
        <v>204</v>
      </c>
      <c r="AP1514" t="s">
        <v>202</v>
      </c>
      <c r="AQ1514" t="s">
        <v>183</v>
      </c>
      <c r="AR1514" t="s">
        <v>206</v>
      </c>
      <c r="AS1514" t="s">
        <v>201</v>
      </c>
      <c r="AT1514" t="s">
        <v>184</v>
      </c>
      <c r="AU1514" t="s">
        <v>182</v>
      </c>
      <c r="AV1514" t="s">
        <v>205</v>
      </c>
      <c r="BD1514" t="s">
        <v>273</v>
      </c>
      <c r="BE1514" t="s">
        <v>225</v>
      </c>
      <c r="BF1514" t="s">
        <v>49</v>
      </c>
      <c r="BG1514" s="1">
        <v>0</v>
      </c>
      <c r="BH1514" t="s">
        <v>190</v>
      </c>
      <c r="BK1514" t="s">
        <v>191</v>
      </c>
      <c r="BM1514" t="s">
        <v>218</v>
      </c>
      <c r="BO1514" t="s">
        <v>191</v>
      </c>
    </row>
    <row r="1515" spans="1:69" x14ac:dyDescent="0.25">
      <c r="A1515" s="1">
        <v>30487821</v>
      </c>
      <c r="B1515" t="s">
        <v>3135</v>
      </c>
      <c r="C1515" t="s">
        <v>39</v>
      </c>
      <c r="D1515" t="s">
        <v>3125</v>
      </c>
      <c r="L1515" t="s">
        <v>52</v>
      </c>
      <c r="M1515" s="1">
        <v>0</v>
      </c>
      <c r="N1515" s="1">
        <v>0</v>
      </c>
      <c r="O1515" t="s">
        <v>49</v>
      </c>
      <c r="P1515" s="1">
        <v>0</v>
      </c>
      <c r="Q1515" s="1">
        <v>0</v>
      </c>
      <c r="S1515" s="1">
        <v>0</v>
      </c>
      <c r="T1515" s="1">
        <v>0</v>
      </c>
      <c r="AC1515" s="1">
        <v>0</v>
      </c>
      <c r="AD1515" s="1">
        <v>0</v>
      </c>
      <c r="AE1515" s="1">
        <v>0</v>
      </c>
      <c r="AF1515" s="1">
        <v>0</v>
      </c>
      <c r="AG1515" s="1">
        <v>0</v>
      </c>
      <c r="AH1515" s="1">
        <v>0</v>
      </c>
      <c r="AI1515" s="1">
        <v>0</v>
      </c>
      <c r="AJ1515" s="1">
        <v>0</v>
      </c>
      <c r="AK1515" s="1">
        <v>0</v>
      </c>
      <c r="AL1515" s="1">
        <v>0</v>
      </c>
      <c r="AM1515" s="1">
        <v>0</v>
      </c>
      <c r="AN1515" s="1">
        <v>0</v>
      </c>
      <c r="AO1515" s="1">
        <v>0</v>
      </c>
      <c r="AP1515" s="1">
        <v>0</v>
      </c>
      <c r="AQ1515" s="1">
        <v>0</v>
      </c>
      <c r="AR1515" s="1">
        <v>0</v>
      </c>
      <c r="AS1515" s="1">
        <v>0</v>
      </c>
      <c r="AT1515" s="1">
        <v>0</v>
      </c>
      <c r="AU1515" s="1">
        <v>0</v>
      </c>
      <c r="AV1515" s="1">
        <v>0</v>
      </c>
      <c r="BF1515" s="1">
        <v>0</v>
      </c>
      <c r="BG1515" s="1">
        <v>0</v>
      </c>
      <c r="BH1515" s="1">
        <v>0</v>
      </c>
      <c r="BK1515" s="1">
        <v>0</v>
      </c>
      <c r="BM1515" s="1">
        <v>0</v>
      </c>
      <c r="BO1515" s="1">
        <v>0</v>
      </c>
    </row>
    <row r="1516" spans="1:69" x14ac:dyDescent="0.25">
      <c r="A1516" s="1">
        <v>30487900</v>
      </c>
      <c r="B1516" t="s">
        <v>869</v>
      </c>
      <c r="C1516" t="s">
        <v>39</v>
      </c>
      <c r="D1516" t="s">
        <v>174</v>
      </c>
      <c r="E1516" t="s">
        <v>216</v>
      </c>
      <c r="L1516" t="s">
        <v>52</v>
      </c>
      <c r="M1516" s="1">
        <v>0</v>
      </c>
      <c r="N1516" s="1">
        <v>0</v>
      </c>
      <c r="O1516" t="s">
        <v>174</v>
      </c>
      <c r="P1516" t="s">
        <v>216</v>
      </c>
      <c r="Q1516" t="s">
        <v>177</v>
      </c>
      <c r="S1516" s="1">
        <v>0</v>
      </c>
      <c r="T1516" t="s">
        <v>197</v>
      </c>
      <c r="Z1516" t="s">
        <v>244</v>
      </c>
      <c r="AC1516" t="s">
        <v>199</v>
      </c>
      <c r="AD1516" t="s">
        <v>181</v>
      </c>
      <c r="AE1516" t="s">
        <v>181</v>
      </c>
      <c r="AF1516" t="s">
        <v>181</v>
      </c>
      <c r="AG1516" t="s">
        <v>181</v>
      </c>
      <c r="AH1516" t="s">
        <v>181</v>
      </c>
      <c r="AI1516" t="s">
        <v>181</v>
      </c>
      <c r="AJ1516" t="s">
        <v>181</v>
      </c>
      <c r="AK1516" t="s">
        <v>181</v>
      </c>
      <c r="AL1516" t="s">
        <v>42</v>
      </c>
      <c r="AM1516" s="1">
        <v>0</v>
      </c>
      <c r="AN1516" t="s">
        <v>201</v>
      </c>
      <c r="AO1516" s="1">
        <v>0</v>
      </c>
      <c r="AP1516" s="1">
        <v>0</v>
      </c>
      <c r="AQ1516" t="s">
        <v>185</v>
      </c>
      <c r="AR1516" t="s">
        <v>184</v>
      </c>
      <c r="AS1516" t="s">
        <v>183</v>
      </c>
      <c r="AT1516" s="1">
        <v>0</v>
      </c>
      <c r="AU1516" s="1">
        <v>0</v>
      </c>
      <c r="AV1516" t="s">
        <v>182</v>
      </c>
      <c r="AZ1516" t="s">
        <v>207</v>
      </c>
      <c r="BF1516" t="s">
        <v>49</v>
      </c>
      <c r="BG1516" s="1">
        <v>0</v>
      </c>
      <c r="BH1516" t="s">
        <v>211</v>
      </c>
      <c r="BK1516" t="s">
        <v>191</v>
      </c>
      <c r="BL1516" t="s">
        <v>870</v>
      </c>
      <c r="BM1516" t="s">
        <v>191</v>
      </c>
      <c r="BO1516" t="s">
        <v>191</v>
      </c>
    </row>
    <row r="1517" spans="1:69" x14ac:dyDescent="0.25">
      <c r="A1517" s="1">
        <v>30487978</v>
      </c>
      <c r="B1517" t="s">
        <v>3704</v>
      </c>
      <c r="C1517" t="s">
        <v>39</v>
      </c>
      <c r="D1517" t="s">
        <v>3138</v>
      </c>
      <c r="E1517" t="s">
        <v>175</v>
      </c>
      <c r="L1517" t="s">
        <v>52</v>
      </c>
      <c r="M1517" s="1">
        <v>0</v>
      </c>
      <c r="N1517" s="1">
        <v>0</v>
      </c>
      <c r="O1517" t="s">
        <v>3139</v>
      </c>
      <c r="P1517" t="s">
        <v>216</v>
      </c>
      <c r="Q1517" t="s">
        <v>238</v>
      </c>
      <c r="S1517" s="1">
        <v>0</v>
      </c>
      <c r="T1517" t="s">
        <v>175</v>
      </c>
      <c r="Y1517" t="s">
        <v>224</v>
      </c>
      <c r="AC1517" t="s">
        <v>180</v>
      </c>
      <c r="AD1517" t="s">
        <v>175</v>
      </c>
      <c r="AE1517" t="s">
        <v>175</v>
      </c>
      <c r="AF1517" t="s">
        <v>175</v>
      </c>
      <c r="AG1517" t="s">
        <v>175</v>
      </c>
      <c r="AH1517" t="s">
        <v>175</v>
      </c>
      <c r="AI1517" t="s">
        <v>175</v>
      </c>
      <c r="AJ1517" t="s">
        <v>175</v>
      </c>
      <c r="AK1517" t="s">
        <v>175</v>
      </c>
      <c r="AL1517" t="s">
        <v>52</v>
      </c>
      <c r="AM1517" t="s">
        <v>204</v>
      </c>
      <c r="AN1517" t="s">
        <v>184</v>
      </c>
      <c r="AO1517" t="s">
        <v>201</v>
      </c>
      <c r="AP1517" t="s">
        <v>206</v>
      </c>
      <c r="AQ1517" t="s">
        <v>203</v>
      </c>
      <c r="AR1517" t="s">
        <v>202</v>
      </c>
      <c r="AS1517" t="s">
        <v>185</v>
      </c>
      <c r="AT1517" t="s">
        <v>182</v>
      </c>
      <c r="AU1517" t="s">
        <v>183</v>
      </c>
      <c r="AV1517" t="s">
        <v>205</v>
      </c>
      <c r="AW1517" t="s">
        <v>225</v>
      </c>
      <c r="AX1517" t="s">
        <v>186</v>
      </c>
      <c r="AY1517" t="s">
        <v>187</v>
      </c>
      <c r="AZ1517" t="s">
        <v>207</v>
      </c>
      <c r="BC1517" t="s">
        <v>209</v>
      </c>
      <c r="BF1517" t="s">
        <v>210</v>
      </c>
      <c r="BG1517" s="1">
        <v>0</v>
      </c>
      <c r="BH1517" t="s">
        <v>211</v>
      </c>
      <c r="BK1517" t="s">
        <v>191</v>
      </c>
      <c r="BL1517" t="s">
        <v>3705</v>
      </c>
      <c r="BM1517" t="s">
        <v>191</v>
      </c>
      <c r="BN1517" t="s">
        <v>3706</v>
      </c>
      <c r="BO1517" t="s">
        <v>191</v>
      </c>
      <c r="BP1517" t="s">
        <v>3707</v>
      </c>
      <c r="BQ1517" t="s">
        <v>225</v>
      </c>
    </row>
    <row r="1518" spans="1:69" x14ac:dyDescent="0.25">
      <c r="A1518" s="1">
        <v>30488607</v>
      </c>
      <c r="B1518" t="s">
        <v>3708</v>
      </c>
      <c r="C1518" t="s">
        <v>39</v>
      </c>
      <c r="D1518" t="s">
        <v>3138</v>
      </c>
      <c r="E1518" t="s">
        <v>200</v>
      </c>
      <c r="L1518" t="s">
        <v>52</v>
      </c>
      <c r="M1518" s="1">
        <v>0</v>
      </c>
      <c r="N1518" s="1">
        <v>0</v>
      </c>
      <c r="O1518" t="s">
        <v>3139</v>
      </c>
      <c r="P1518" t="s">
        <v>216</v>
      </c>
      <c r="Q1518" t="s">
        <v>258</v>
      </c>
      <c r="S1518" s="1">
        <v>0</v>
      </c>
      <c r="T1518" t="s">
        <v>200</v>
      </c>
      <c r="Y1518" t="s">
        <v>224</v>
      </c>
      <c r="AC1518" t="s">
        <v>266</v>
      </c>
      <c r="AD1518" t="s">
        <v>175</v>
      </c>
      <c r="AE1518" t="s">
        <v>175</v>
      </c>
      <c r="AF1518" t="s">
        <v>175</v>
      </c>
      <c r="AG1518" t="s">
        <v>175</v>
      </c>
      <c r="AH1518" t="s">
        <v>200</v>
      </c>
      <c r="AI1518" t="s">
        <v>175</v>
      </c>
      <c r="AJ1518" t="s">
        <v>181</v>
      </c>
      <c r="AK1518" t="s">
        <v>181</v>
      </c>
      <c r="AL1518" t="s">
        <v>42</v>
      </c>
      <c r="AM1518" t="s">
        <v>185</v>
      </c>
      <c r="AN1518" s="1">
        <v>0</v>
      </c>
      <c r="AO1518" s="1">
        <v>0</v>
      </c>
      <c r="AP1518" s="1">
        <v>0</v>
      </c>
      <c r="AQ1518" t="s">
        <v>182</v>
      </c>
      <c r="AR1518" t="s">
        <v>184</v>
      </c>
      <c r="AS1518" s="1">
        <v>0</v>
      </c>
      <c r="AT1518" s="1">
        <v>0</v>
      </c>
      <c r="AU1518" s="1">
        <v>0</v>
      </c>
      <c r="AV1518" s="1">
        <v>0</v>
      </c>
      <c r="AZ1518" t="s">
        <v>207</v>
      </c>
      <c r="BC1518" t="s">
        <v>209</v>
      </c>
      <c r="BF1518" t="s">
        <v>189</v>
      </c>
      <c r="BG1518" s="1">
        <v>0</v>
      </c>
      <c r="BH1518" t="s">
        <v>464</v>
      </c>
      <c r="BK1518" t="s">
        <v>191</v>
      </c>
      <c r="BM1518" t="s">
        <v>191</v>
      </c>
      <c r="BO1518" s="1">
        <v>0</v>
      </c>
      <c r="BP1518" t="s">
        <v>1395</v>
      </c>
    </row>
    <row r="1519" spans="1:69" x14ac:dyDescent="0.25">
      <c r="A1519" s="1">
        <v>30489417</v>
      </c>
      <c r="B1519" t="s">
        <v>3709</v>
      </c>
      <c r="C1519" t="s">
        <v>39</v>
      </c>
      <c r="D1519" t="s">
        <v>3138</v>
      </c>
      <c r="E1519" t="s">
        <v>175</v>
      </c>
      <c r="L1519" t="s">
        <v>52</v>
      </c>
      <c r="M1519" s="1">
        <v>0</v>
      </c>
      <c r="N1519" s="1">
        <v>0</v>
      </c>
      <c r="O1519" t="s">
        <v>3139</v>
      </c>
      <c r="P1519" t="s">
        <v>176</v>
      </c>
      <c r="Q1519" t="s">
        <v>177</v>
      </c>
      <c r="S1519" t="s">
        <v>222</v>
      </c>
      <c r="T1519" t="s">
        <v>175</v>
      </c>
      <c r="AC1519" t="s">
        <v>180</v>
      </c>
      <c r="AD1519" t="s">
        <v>230</v>
      </c>
      <c r="AE1519" t="s">
        <v>230</v>
      </c>
      <c r="AF1519" t="s">
        <v>230</v>
      </c>
      <c r="AG1519" t="s">
        <v>230</v>
      </c>
      <c r="AH1519" t="s">
        <v>230</v>
      </c>
      <c r="AI1519" t="s">
        <v>230</v>
      </c>
      <c r="AJ1519" t="s">
        <v>230</v>
      </c>
      <c r="AK1519" t="s">
        <v>230</v>
      </c>
      <c r="AL1519" t="s">
        <v>42</v>
      </c>
      <c r="AM1519" t="s">
        <v>182</v>
      </c>
      <c r="AN1519" t="s">
        <v>184</v>
      </c>
      <c r="AO1519" s="1">
        <v>0</v>
      </c>
      <c r="AP1519" s="1">
        <v>0</v>
      </c>
      <c r="AQ1519" s="1">
        <v>0</v>
      </c>
      <c r="AR1519" s="1">
        <v>0</v>
      </c>
      <c r="AS1519" s="1">
        <v>0</v>
      </c>
      <c r="AT1519" t="s">
        <v>185</v>
      </c>
      <c r="AU1519" s="1">
        <v>0</v>
      </c>
      <c r="AV1519" s="1">
        <v>0</v>
      </c>
      <c r="AY1519" t="s">
        <v>187</v>
      </c>
      <c r="AZ1519" t="s">
        <v>207</v>
      </c>
      <c r="BF1519" t="s">
        <v>210</v>
      </c>
      <c r="BG1519" s="1">
        <v>0</v>
      </c>
      <c r="BH1519" s="1">
        <v>0</v>
      </c>
      <c r="BK1519" s="1">
        <v>0</v>
      </c>
      <c r="BM1519" s="1">
        <v>0</v>
      </c>
      <c r="BO1519" s="1">
        <v>0</v>
      </c>
    </row>
    <row r="1520" spans="1:69" x14ac:dyDescent="0.25">
      <c r="A1520" s="1">
        <v>30489486</v>
      </c>
      <c r="B1520" t="s">
        <v>3101</v>
      </c>
      <c r="C1520" t="s">
        <v>39</v>
      </c>
      <c r="D1520" t="s">
        <v>2512</v>
      </c>
      <c r="E1520" t="s">
        <v>200</v>
      </c>
      <c r="L1520" t="s">
        <v>52</v>
      </c>
      <c r="M1520" s="1">
        <v>0</v>
      </c>
      <c r="N1520" s="1">
        <v>0</v>
      </c>
      <c r="O1520" t="s">
        <v>2512</v>
      </c>
      <c r="P1520" t="s">
        <v>176</v>
      </c>
      <c r="Q1520" t="s">
        <v>177</v>
      </c>
      <c r="S1520" t="s">
        <v>178</v>
      </c>
      <c r="T1520" t="s">
        <v>200</v>
      </c>
      <c r="AA1520" t="s">
        <v>273</v>
      </c>
      <c r="AB1520" t="s">
        <v>952</v>
      </c>
      <c r="AC1520" t="s">
        <v>180</v>
      </c>
      <c r="AD1520" t="s">
        <v>200</v>
      </c>
      <c r="AE1520" t="s">
        <v>200</v>
      </c>
      <c r="AF1520" t="s">
        <v>200</v>
      </c>
      <c r="AG1520" t="s">
        <v>200</v>
      </c>
      <c r="AH1520" t="s">
        <v>200</v>
      </c>
      <c r="AI1520" t="s">
        <v>200</v>
      </c>
      <c r="AJ1520" t="s">
        <v>200</v>
      </c>
      <c r="AK1520" t="s">
        <v>200</v>
      </c>
      <c r="AL1520" t="s">
        <v>52</v>
      </c>
      <c r="AM1520" t="s">
        <v>184</v>
      </c>
      <c r="AN1520" t="s">
        <v>205</v>
      </c>
      <c r="AO1520" t="s">
        <v>201</v>
      </c>
      <c r="AP1520" t="s">
        <v>202</v>
      </c>
      <c r="AQ1520" t="s">
        <v>204</v>
      </c>
      <c r="AR1520" t="s">
        <v>183</v>
      </c>
      <c r="AS1520" s="1">
        <v>0</v>
      </c>
      <c r="AT1520" t="s">
        <v>185</v>
      </c>
      <c r="AU1520" t="s">
        <v>182</v>
      </c>
      <c r="AV1520" t="s">
        <v>206</v>
      </c>
      <c r="BC1520" t="s">
        <v>209</v>
      </c>
      <c r="BF1520" s="1">
        <v>0</v>
      </c>
      <c r="BG1520" s="1">
        <v>0</v>
      </c>
      <c r="BH1520" t="s">
        <v>211</v>
      </c>
      <c r="BK1520" t="s">
        <v>191</v>
      </c>
      <c r="BM1520" t="s">
        <v>218</v>
      </c>
      <c r="BO1520" t="s">
        <v>218</v>
      </c>
    </row>
    <row r="1521" spans="1:69" x14ac:dyDescent="0.25">
      <c r="A1521" s="1">
        <v>30489766</v>
      </c>
      <c r="B1521" t="s">
        <v>1564</v>
      </c>
      <c r="C1521" t="s">
        <v>39</v>
      </c>
      <c r="D1521" t="s">
        <v>942</v>
      </c>
      <c r="E1521" t="s">
        <v>216</v>
      </c>
      <c r="L1521" t="s">
        <v>52</v>
      </c>
      <c r="M1521" s="1">
        <v>0</v>
      </c>
      <c r="N1521" s="1">
        <v>0</v>
      </c>
      <c r="O1521" t="s">
        <v>942</v>
      </c>
      <c r="P1521" t="s">
        <v>216</v>
      </c>
      <c r="Q1521" t="s">
        <v>196</v>
      </c>
      <c r="S1521" s="1">
        <v>0</v>
      </c>
      <c r="T1521" t="s">
        <v>297</v>
      </c>
      <c r="U1521" t="s">
        <v>1565</v>
      </c>
      <c r="W1521" t="s">
        <v>262</v>
      </c>
      <c r="AA1521" t="s">
        <v>273</v>
      </c>
      <c r="AB1521" t="s">
        <v>1566</v>
      </c>
      <c r="AC1521" t="s">
        <v>199</v>
      </c>
      <c r="AD1521" t="s">
        <v>299</v>
      </c>
      <c r="AE1521" t="s">
        <v>299</v>
      </c>
      <c r="AF1521" t="s">
        <v>175</v>
      </c>
      <c r="AG1521" t="s">
        <v>200</v>
      </c>
      <c r="AH1521" t="s">
        <v>200</v>
      </c>
      <c r="AI1521" t="s">
        <v>175</v>
      </c>
      <c r="AJ1521" t="s">
        <v>175</v>
      </c>
      <c r="AK1521" t="s">
        <v>175</v>
      </c>
      <c r="AL1521" t="s">
        <v>42</v>
      </c>
      <c r="AM1521" t="s">
        <v>185</v>
      </c>
      <c r="AN1521" t="s">
        <v>201</v>
      </c>
      <c r="AO1521" t="s">
        <v>182</v>
      </c>
      <c r="AP1521" t="s">
        <v>184</v>
      </c>
      <c r="AQ1521" t="s">
        <v>204</v>
      </c>
      <c r="AR1521" t="s">
        <v>202</v>
      </c>
      <c r="AS1521" t="s">
        <v>203</v>
      </c>
      <c r="AT1521" t="s">
        <v>206</v>
      </c>
      <c r="AU1521" t="s">
        <v>205</v>
      </c>
      <c r="AV1521" t="s">
        <v>183</v>
      </c>
      <c r="AW1521" t="s">
        <v>1567</v>
      </c>
      <c r="AX1521" t="s">
        <v>186</v>
      </c>
      <c r="AZ1521" t="s">
        <v>207</v>
      </c>
      <c r="BF1521" t="s">
        <v>210</v>
      </c>
      <c r="BG1521" s="1">
        <v>0</v>
      </c>
      <c r="BH1521" t="s">
        <v>190</v>
      </c>
      <c r="BK1521" t="s">
        <v>191</v>
      </c>
      <c r="BL1521" t="s">
        <v>1568</v>
      </c>
      <c r="BM1521" t="s">
        <v>191</v>
      </c>
      <c r="BN1521" t="s">
        <v>1568</v>
      </c>
      <c r="BO1521" t="s">
        <v>218</v>
      </c>
      <c r="BP1521" t="s">
        <v>1569</v>
      </c>
      <c r="BQ1521" t="s">
        <v>1570</v>
      </c>
    </row>
    <row r="1522" spans="1:69" x14ac:dyDescent="0.25">
      <c r="A1522" s="1">
        <v>30490035</v>
      </c>
      <c r="B1522" t="s">
        <v>3102</v>
      </c>
      <c r="C1522" t="s">
        <v>39</v>
      </c>
      <c r="D1522" t="s">
        <v>2512</v>
      </c>
      <c r="E1522" t="s">
        <v>216</v>
      </c>
      <c r="L1522" t="s">
        <v>52</v>
      </c>
      <c r="M1522" s="1">
        <v>0</v>
      </c>
      <c r="N1522" s="1">
        <v>0</v>
      </c>
      <c r="O1522" t="s">
        <v>2512</v>
      </c>
      <c r="P1522" t="s">
        <v>216</v>
      </c>
      <c r="Q1522" t="s">
        <v>177</v>
      </c>
      <c r="S1522" s="1">
        <v>0</v>
      </c>
      <c r="T1522" t="s">
        <v>197</v>
      </c>
      <c r="AC1522" s="1">
        <v>0</v>
      </c>
      <c r="AD1522" s="1">
        <v>0</v>
      </c>
      <c r="AE1522" s="1">
        <v>0</v>
      </c>
      <c r="AF1522" s="1">
        <v>0</v>
      </c>
      <c r="AG1522" s="1">
        <v>0</v>
      </c>
      <c r="AH1522" s="1">
        <v>0</v>
      </c>
      <c r="AI1522" s="1">
        <v>0</v>
      </c>
      <c r="AJ1522" s="1">
        <v>0</v>
      </c>
      <c r="AK1522" s="1">
        <v>0</v>
      </c>
      <c r="AL1522" s="1">
        <v>0</v>
      </c>
      <c r="AM1522" s="1">
        <v>0</v>
      </c>
      <c r="AN1522" s="1">
        <v>0</v>
      </c>
      <c r="AO1522" s="1">
        <v>0</v>
      </c>
      <c r="AP1522" s="1">
        <v>0</v>
      </c>
      <c r="AQ1522" s="1">
        <v>0</v>
      </c>
      <c r="AR1522" s="1">
        <v>0</v>
      </c>
      <c r="AS1522" s="1">
        <v>0</v>
      </c>
      <c r="AT1522" s="1">
        <v>0</v>
      </c>
      <c r="AU1522" s="1">
        <v>0</v>
      </c>
      <c r="AV1522" s="1">
        <v>0</v>
      </c>
      <c r="BF1522" s="1">
        <v>0</v>
      </c>
      <c r="BG1522" s="1">
        <v>0</v>
      </c>
      <c r="BH1522" s="1">
        <v>0</v>
      </c>
      <c r="BK1522" s="1">
        <v>0</v>
      </c>
      <c r="BM1522" s="1">
        <v>0</v>
      </c>
      <c r="BO1522" s="1">
        <v>0</v>
      </c>
    </row>
    <row r="1523" spans="1:69" x14ac:dyDescent="0.25">
      <c r="A1523" s="1">
        <v>30490096</v>
      </c>
      <c r="B1523" t="s">
        <v>3103</v>
      </c>
      <c r="C1523" t="s">
        <v>39</v>
      </c>
      <c r="D1523" t="s">
        <v>2512</v>
      </c>
      <c r="E1523" t="s">
        <v>175</v>
      </c>
      <c r="L1523" t="s">
        <v>52</v>
      </c>
      <c r="M1523" s="1">
        <v>0</v>
      </c>
      <c r="N1523" s="1">
        <v>0</v>
      </c>
      <c r="O1523" t="s">
        <v>2512</v>
      </c>
      <c r="P1523" t="s">
        <v>216</v>
      </c>
      <c r="Q1523" t="s">
        <v>177</v>
      </c>
      <c r="S1523" s="1">
        <v>0</v>
      </c>
      <c r="T1523" t="s">
        <v>175</v>
      </c>
      <c r="W1523" t="s">
        <v>262</v>
      </c>
      <c r="Z1523" t="s">
        <v>244</v>
      </c>
      <c r="AC1523" t="s">
        <v>180</v>
      </c>
      <c r="AD1523" t="s">
        <v>181</v>
      </c>
      <c r="AE1523" t="s">
        <v>230</v>
      </c>
      <c r="AF1523" t="s">
        <v>175</v>
      </c>
      <c r="AG1523" t="s">
        <v>230</v>
      </c>
      <c r="AH1523" t="s">
        <v>175</v>
      </c>
      <c r="AI1523" t="s">
        <v>175</v>
      </c>
      <c r="AJ1523" t="s">
        <v>175</v>
      </c>
      <c r="AK1523" t="s">
        <v>175</v>
      </c>
      <c r="AL1523" t="s">
        <v>49</v>
      </c>
      <c r="AM1523" t="s">
        <v>206</v>
      </c>
      <c r="AN1523" t="s">
        <v>184</v>
      </c>
      <c r="AO1523" t="s">
        <v>185</v>
      </c>
      <c r="AP1523" t="s">
        <v>201</v>
      </c>
      <c r="AQ1523" t="s">
        <v>202</v>
      </c>
      <c r="AR1523" t="s">
        <v>203</v>
      </c>
      <c r="AS1523" t="s">
        <v>205</v>
      </c>
      <c r="AT1523" t="s">
        <v>182</v>
      </c>
      <c r="AU1523" t="s">
        <v>183</v>
      </c>
      <c r="AV1523" t="s">
        <v>204</v>
      </c>
      <c r="AX1523" t="s">
        <v>186</v>
      </c>
      <c r="AY1523" t="s">
        <v>187</v>
      </c>
      <c r="AZ1523" t="s">
        <v>207</v>
      </c>
      <c r="BA1523" t="s">
        <v>188</v>
      </c>
      <c r="BB1523" t="s">
        <v>208</v>
      </c>
      <c r="BC1523" t="s">
        <v>209</v>
      </c>
      <c r="BF1523" t="s">
        <v>232</v>
      </c>
      <c r="BG1523" t="s">
        <v>301</v>
      </c>
      <c r="BH1523" t="s">
        <v>211</v>
      </c>
      <c r="BK1523" t="s">
        <v>191</v>
      </c>
      <c r="BL1523" t="s">
        <v>3104</v>
      </c>
      <c r="BM1523" t="s">
        <v>191</v>
      </c>
      <c r="BN1523" t="s">
        <v>3105</v>
      </c>
      <c r="BO1523" t="s">
        <v>191</v>
      </c>
      <c r="BP1523" t="s">
        <v>3106</v>
      </c>
      <c r="BQ1523" t="s">
        <v>3107</v>
      </c>
    </row>
    <row r="1524" spans="1:69" x14ac:dyDescent="0.25">
      <c r="A1524" s="1">
        <v>30491415</v>
      </c>
      <c r="B1524" t="s">
        <v>1571</v>
      </c>
      <c r="C1524" t="s">
        <v>39</v>
      </c>
      <c r="D1524" t="s">
        <v>942</v>
      </c>
      <c r="E1524" t="s">
        <v>200</v>
      </c>
      <c r="L1524" t="s">
        <v>52</v>
      </c>
      <c r="M1524" s="1">
        <v>0</v>
      </c>
      <c r="N1524" s="1">
        <v>0</v>
      </c>
      <c r="O1524" t="s">
        <v>942</v>
      </c>
      <c r="P1524" t="s">
        <v>176</v>
      </c>
      <c r="Q1524" t="s">
        <v>238</v>
      </c>
      <c r="S1524" t="s">
        <v>178</v>
      </c>
      <c r="T1524" t="s">
        <v>200</v>
      </c>
      <c r="AA1524" t="s">
        <v>273</v>
      </c>
      <c r="AB1524" t="s">
        <v>1572</v>
      </c>
      <c r="AC1524" t="s">
        <v>609</v>
      </c>
      <c r="AD1524" t="s">
        <v>181</v>
      </c>
      <c r="AE1524" t="s">
        <v>181</v>
      </c>
      <c r="AF1524" t="s">
        <v>181</v>
      </c>
      <c r="AG1524" t="s">
        <v>181</v>
      </c>
      <c r="AH1524" t="s">
        <v>181</v>
      </c>
      <c r="AI1524" t="s">
        <v>181</v>
      </c>
      <c r="AJ1524" t="s">
        <v>181</v>
      </c>
      <c r="AK1524" t="s">
        <v>181</v>
      </c>
      <c r="AL1524" t="s">
        <v>42</v>
      </c>
      <c r="AM1524" s="1">
        <v>0</v>
      </c>
      <c r="AN1524" s="1">
        <v>0</v>
      </c>
      <c r="AO1524" s="1">
        <v>0</v>
      </c>
      <c r="AP1524" s="1">
        <v>0</v>
      </c>
      <c r="AQ1524" s="1">
        <v>0</v>
      </c>
      <c r="AR1524" s="1">
        <v>0</v>
      </c>
      <c r="AS1524" s="1">
        <v>0</v>
      </c>
      <c r="AT1524" s="1">
        <v>0</v>
      </c>
      <c r="AU1524" s="1">
        <v>0</v>
      </c>
      <c r="AV1524" s="1">
        <v>0</v>
      </c>
      <c r="AX1524" t="s">
        <v>186</v>
      </c>
      <c r="AY1524" t="s">
        <v>187</v>
      </c>
      <c r="AZ1524" t="s">
        <v>207</v>
      </c>
      <c r="BB1524" t="s">
        <v>208</v>
      </c>
      <c r="BF1524" t="s">
        <v>210</v>
      </c>
      <c r="BG1524" s="1">
        <v>0</v>
      </c>
      <c r="BH1524" t="s">
        <v>211</v>
      </c>
      <c r="BK1524" t="s">
        <v>191</v>
      </c>
      <c r="BM1524" t="s">
        <v>191</v>
      </c>
      <c r="BO1524" t="s">
        <v>218</v>
      </c>
    </row>
    <row r="1525" spans="1:69" x14ac:dyDescent="0.25">
      <c r="A1525" s="1">
        <v>30491794</v>
      </c>
      <c r="B1525" t="s">
        <v>161</v>
      </c>
      <c r="C1525" t="s">
        <v>39</v>
      </c>
      <c r="L1525" s="1">
        <v>0</v>
      </c>
      <c r="M1525" s="1">
        <v>0</v>
      </c>
      <c r="N1525" s="1">
        <v>0</v>
      </c>
      <c r="O1525" s="1">
        <v>0</v>
      </c>
      <c r="P1525" s="1">
        <v>0</v>
      </c>
      <c r="Q1525" s="1">
        <v>0</v>
      </c>
      <c r="S1525" s="1">
        <v>0</v>
      </c>
      <c r="T1525" s="1">
        <v>0</v>
      </c>
      <c r="AC1525" s="1">
        <v>0</v>
      </c>
      <c r="AD1525" s="1">
        <v>0</v>
      </c>
      <c r="AE1525" s="1">
        <v>0</v>
      </c>
      <c r="AF1525" s="1">
        <v>0</v>
      </c>
      <c r="AG1525" s="1">
        <v>0</v>
      </c>
      <c r="AH1525" s="1">
        <v>0</v>
      </c>
      <c r="AI1525" s="1">
        <v>0</v>
      </c>
      <c r="AJ1525" s="1">
        <v>0</v>
      </c>
      <c r="AK1525" s="1">
        <v>0</v>
      </c>
      <c r="AL1525" s="1">
        <v>0</v>
      </c>
      <c r="AM1525" s="1">
        <v>0</v>
      </c>
      <c r="AN1525" s="1">
        <v>0</v>
      </c>
      <c r="AO1525" s="1">
        <v>0</v>
      </c>
      <c r="AP1525" s="1">
        <v>0</v>
      </c>
      <c r="AQ1525" s="1">
        <v>0</v>
      </c>
      <c r="AR1525" s="1">
        <v>0</v>
      </c>
      <c r="AS1525" s="1">
        <v>0</v>
      </c>
      <c r="AT1525" s="1">
        <v>0</v>
      </c>
      <c r="AU1525" s="1">
        <v>0</v>
      </c>
      <c r="AV1525" s="1">
        <v>0</v>
      </c>
      <c r="BF1525" s="1">
        <v>0</v>
      </c>
      <c r="BG1525" s="1">
        <v>0</v>
      </c>
      <c r="BH1525" s="1">
        <v>0</v>
      </c>
      <c r="BK1525" s="1">
        <v>0</v>
      </c>
      <c r="BM1525" s="1">
        <v>0</v>
      </c>
      <c r="BO1525" s="1">
        <v>0</v>
      </c>
    </row>
    <row r="1526" spans="1:69" x14ac:dyDescent="0.25">
      <c r="A1526" s="1">
        <v>30492161</v>
      </c>
      <c r="B1526" t="s">
        <v>2485</v>
      </c>
      <c r="C1526" t="s">
        <v>39</v>
      </c>
      <c r="D1526" t="s">
        <v>1616</v>
      </c>
      <c r="E1526" t="s">
        <v>200</v>
      </c>
      <c r="L1526" t="s">
        <v>52</v>
      </c>
      <c r="M1526" s="1">
        <v>0</v>
      </c>
      <c r="N1526" s="1">
        <v>0</v>
      </c>
      <c r="O1526" t="s">
        <v>1616</v>
      </c>
      <c r="P1526" t="s">
        <v>176</v>
      </c>
      <c r="Q1526" t="s">
        <v>177</v>
      </c>
      <c r="S1526" t="s">
        <v>315</v>
      </c>
      <c r="T1526" t="s">
        <v>200</v>
      </c>
      <c r="AC1526" t="s">
        <v>199</v>
      </c>
      <c r="AD1526" t="s">
        <v>200</v>
      </c>
      <c r="AE1526" t="s">
        <v>200</v>
      </c>
      <c r="AF1526" t="s">
        <v>181</v>
      </c>
      <c r="AG1526" t="s">
        <v>200</v>
      </c>
      <c r="AH1526" t="s">
        <v>200</v>
      </c>
      <c r="AI1526" t="s">
        <v>200</v>
      </c>
      <c r="AJ1526" t="s">
        <v>200</v>
      </c>
      <c r="AK1526" t="s">
        <v>200</v>
      </c>
      <c r="AL1526" t="s">
        <v>42</v>
      </c>
      <c r="AM1526" t="s">
        <v>182</v>
      </c>
      <c r="AN1526" t="s">
        <v>201</v>
      </c>
      <c r="AO1526" t="s">
        <v>185</v>
      </c>
      <c r="AP1526" t="s">
        <v>184</v>
      </c>
      <c r="AQ1526" t="s">
        <v>203</v>
      </c>
      <c r="AR1526" t="s">
        <v>202</v>
      </c>
      <c r="AS1526" t="s">
        <v>183</v>
      </c>
      <c r="AT1526" t="s">
        <v>205</v>
      </c>
      <c r="AU1526" t="s">
        <v>206</v>
      </c>
      <c r="AV1526" t="s">
        <v>204</v>
      </c>
      <c r="AX1526" t="s">
        <v>186</v>
      </c>
      <c r="AY1526" t="s">
        <v>187</v>
      </c>
      <c r="AZ1526" t="s">
        <v>207</v>
      </c>
      <c r="BA1526" t="s">
        <v>188</v>
      </c>
      <c r="BB1526" t="s">
        <v>208</v>
      </c>
      <c r="BF1526" t="s">
        <v>210</v>
      </c>
      <c r="BG1526" s="1">
        <v>0</v>
      </c>
      <c r="BH1526" t="s">
        <v>412</v>
      </c>
      <c r="BK1526" t="s">
        <v>191</v>
      </c>
      <c r="BL1526" t="s">
        <v>2486</v>
      </c>
      <c r="BM1526" t="s">
        <v>191</v>
      </c>
      <c r="BN1526" t="s">
        <v>2487</v>
      </c>
      <c r="BO1526" t="s">
        <v>191</v>
      </c>
      <c r="BP1526" t="s">
        <v>2488</v>
      </c>
      <c r="BQ1526" t="s">
        <v>2489</v>
      </c>
    </row>
    <row r="1527" spans="1:69" x14ac:dyDescent="0.25">
      <c r="A1527" s="1">
        <v>30492308</v>
      </c>
      <c r="B1527" t="s">
        <v>871</v>
      </c>
      <c r="C1527" t="s">
        <v>39</v>
      </c>
      <c r="D1527" t="s">
        <v>174</v>
      </c>
      <c r="E1527" t="s">
        <v>175</v>
      </c>
      <c r="L1527" t="s">
        <v>52</v>
      </c>
      <c r="M1527" s="1">
        <v>0</v>
      </c>
      <c r="N1527" s="1">
        <v>0</v>
      </c>
      <c r="O1527" t="s">
        <v>174</v>
      </c>
      <c r="P1527" t="s">
        <v>176</v>
      </c>
      <c r="Q1527" t="s">
        <v>177</v>
      </c>
      <c r="S1527" t="s">
        <v>222</v>
      </c>
      <c r="T1527" t="s">
        <v>175</v>
      </c>
      <c r="Y1527" t="s">
        <v>224</v>
      </c>
      <c r="AC1527" t="s">
        <v>180</v>
      </c>
      <c r="AD1527" t="s">
        <v>175</v>
      </c>
      <c r="AE1527" t="s">
        <v>175</v>
      </c>
      <c r="AF1527" t="s">
        <v>175</v>
      </c>
      <c r="AG1527" t="s">
        <v>175</v>
      </c>
      <c r="AH1527" t="s">
        <v>175</v>
      </c>
      <c r="AI1527" t="s">
        <v>175</v>
      </c>
      <c r="AJ1527" t="s">
        <v>175</v>
      </c>
      <c r="AK1527" t="s">
        <v>175</v>
      </c>
      <c r="AL1527" t="s">
        <v>42</v>
      </c>
      <c r="AM1527" s="1">
        <v>0</v>
      </c>
      <c r="AN1527" s="1">
        <v>0</v>
      </c>
      <c r="AO1527" s="1">
        <v>0</v>
      </c>
      <c r="AP1527" s="1">
        <v>0</v>
      </c>
      <c r="AQ1527" s="1">
        <v>0</v>
      </c>
      <c r="AR1527" s="1">
        <v>0</v>
      </c>
      <c r="AS1527" s="1">
        <v>0</v>
      </c>
      <c r="AT1527" s="1">
        <v>0</v>
      </c>
      <c r="AU1527" s="1">
        <v>0</v>
      </c>
      <c r="AV1527" s="1">
        <v>0</v>
      </c>
      <c r="AY1527" t="s">
        <v>187</v>
      </c>
      <c r="BA1527" t="s">
        <v>188</v>
      </c>
      <c r="BB1527" t="s">
        <v>208</v>
      </c>
      <c r="BC1527" t="s">
        <v>209</v>
      </c>
      <c r="BF1527" t="s">
        <v>232</v>
      </c>
      <c r="BG1527" t="s">
        <v>301</v>
      </c>
      <c r="BH1527" t="s">
        <v>211</v>
      </c>
      <c r="BK1527" t="s">
        <v>191</v>
      </c>
      <c r="BL1527" t="s">
        <v>872</v>
      </c>
      <c r="BM1527" t="s">
        <v>191</v>
      </c>
      <c r="BN1527" t="s">
        <v>873</v>
      </c>
      <c r="BO1527" s="1">
        <v>0</v>
      </c>
      <c r="BP1527" t="s">
        <v>874</v>
      </c>
    </row>
    <row r="1528" spans="1:69" x14ac:dyDescent="0.25">
      <c r="A1528" s="1">
        <v>30492618</v>
      </c>
      <c r="B1528" t="s">
        <v>875</v>
      </c>
      <c r="C1528" t="s">
        <v>39</v>
      </c>
      <c r="D1528" t="s">
        <v>174</v>
      </c>
      <c r="E1528" t="s">
        <v>195</v>
      </c>
      <c r="L1528" t="s">
        <v>52</v>
      </c>
      <c r="M1528" s="1">
        <v>0</v>
      </c>
      <c r="N1528" s="1">
        <v>0</v>
      </c>
      <c r="O1528" t="s">
        <v>174</v>
      </c>
      <c r="P1528" t="s">
        <v>176</v>
      </c>
      <c r="Q1528" t="s">
        <v>177</v>
      </c>
      <c r="S1528" t="s">
        <v>178</v>
      </c>
      <c r="T1528" t="s">
        <v>297</v>
      </c>
      <c r="U1528" t="s">
        <v>876</v>
      </c>
      <c r="AA1528" t="s">
        <v>273</v>
      </c>
      <c r="AB1528" t="s">
        <v>877</v>
      </c>
      <c r="AC1528" t="s">
        <v>180</v>
      </c>
      <c r="AD1528" t="s">
        <v>230</v>
      </c>
      <c r="AE1528" t="s">
        <v>230</v>
      </c>
      <c r="AF1528" t="s">
        <v>175</v>
      </c>
      <c r="AG1528" t="s">
        <v>175</v>
      </c>
      <c r="AH1528" t="s">
        <v>175</v>
      </c>
      <c r="AI1528" t="s">
        <v>200</v>
      </c>
      <c r="AJ1528" t="s">
        <v>200</v>
      </c>
      <c r="AK1528" t="s">
        <v>230</v>
      </c>
      <c r="AL1528" t="s">
        <v>52</v>
      </c>
      <c r="AM1528" t="s">
        <v>205</v>
      </c>
      <c r="AN1528" t="s">
        <v>182</v>
      </c>
      <c r="AO1528" t="s">
        <v>185</v>
      </c>
      <c r="AP1528" t="s">
        <v>184</v>
      </c>
      <c r="AQ1528" t="s">
        <v>203</v>
      </c>
      <c r="AR1528" t="s">
        <v>202</v>
      </c>
      <c r="AS1528" t="s">
        <v>206</v>
      </c>
      <c r="AT1528" t="s">
        <v>183</v>
      </c>
      <c r="AU1528" t="s">
        <v>201</v>
      </c>
      <c r="AV1528" t="s">
        <v>204</v>
      </c>
      <c r="AW1528" t="s">
        <v>878</v>
      </c>
      <c r="AX1528" t="s">
        <v>186</v>
      </c>
      <c r="AY1528" t="s">
        <v>187</v>
      </c>
      <c r="AZ1528" t="s">
        <v>207</v>
      </c>
      <c r="BA1528" t="s">
        <v>188</v>
      </c>
      <c r="BB1528" t="s">
        <v>208</v>
      </c>
      <c r="BC1528" t="s">
        <v>209</v>
      </c>
      <c r="BF1528" t="s">
        <v>232</v>
      </c>
      <c r="BG1528" t="s">
        <v>301</v>
      </c>
      <c r="BH1528" t="s">
        <v>302</v>
      </c>
      <c r="BI1528" t="s">
        <v>879</v>
      </c>
      <c r="BK1528" t="s">
        <v>191</v>
      </c>
      <c r="BL1528" t="s">
        <v>880</v>
      </c>
      <c r="BM1528" t="s">
        <v>191</v>
      </c>
      <c r="BN1528" t="s">
        <v>881</v>
      </c>
      <c r="BO1528" t="s">
        <v>191</v>
      </c>
      <c r="BP1528" t="s">
        <v>882</v>
      </c>
      <c r="BQ1528" t="s">
        <v>883</v>
      </c>
    </row>
    <row r="1529" spans="1:69" x14ac:dyDescent="0.25">
      <c r="A1529" s="1">
        <v>30493821</v>
      </c>
      <c r="B1529" t="s">
        <v>162</v>
      </c>
      <c r="C1529" t="s">
        <v>39</v>
      </c>
      <c r="L1529" s="1">
        <v>0</v>
      </c>
      <c r="M1529" s="1">
        <v>0</v>
      </c>
      <c r="N1529" s="1">
        <v>0</v>
      </c>
      <c r="O1529" s="1">
        <v>0</v>
      </c>
      <c r="P1529" s="1">
        <v>0</v>
      </c>
      <c r="Q1529" s="1">
        <v>0</v>
      </c>
      <c r="S1529" s="1">
        <v>0</v>
      </c>
      <c r="T1529" s="1">
        <v>0</v>
      </c>
      <c r="AC1529" s="1">
        <v>0</v>
      </c>
      <c r="AD1529" s="1">
        <v>0</v>
      </c>
      <c r="AE1529" s="1">
        <v>0</v>
      </c>
      <c r="AF1529" s="1">
        <v>0</v>
      </c>
      <c r="AG1529" s="1">
        <v>0</v>
      </c>
      <c r="AH1529" s="1">
        <v>0</v>
      </c>
      <c r="AI1529" s="1">
        <v>0</v>
      </c>
      <c r="AJ1529" s="1">
        <v>0</v>
      </c>
      <c r="AK1529" s="1">
        <v>0</v>
      </c>
      <c r="AL1529" s="1">
        <v>0</v>
      </c>
      <c r="AM1529" s="1">
        <v>0</v>
      </c>
      <c r="AN1529" s="1">
        <v>0</v>
      </c>
      <c r="AO1529" s="1">
        <v>0</v>
      </c>
      <c r="AP1529" s="1">
        <v>0</v>
      </c>
      <c r="AQ1529" s="1">
        <v>0</v>
      </c>
      <c r="AR1529" s="1">
        <v>0</v>
      </c>
      <c r="AS1529" s="1">
        <v>0</v>
      </c>
      <c r="AT1529" s="1">
        <v>0</v>
      </c>
      <c r="AU1529" s="1">
        <v>0</v>
      </c>
      <c r="AV1529" s="1">
        <v>0</v>
      </c>
      <c r="BF1529" s="1">
        <v>0</v>
      </c>
      <c r="BG1529" s="1">
        <v>0</v>
      </c>
      <c r="BH1529" s="1">
        <v>0</v>
      </c>
      <c r="BK1529" s="1">
        <v>0</v>
      </c>
      <c r="BM1529" s="1">
        <v>0</v>
      </c>
      <c r="BO1529" s="1">
        <v>0</v>
      </c>
    </row>
    <row r="1530" spans="1:69" x14ac:dyDescent="0.25">
      <c r="A1530" s="1">
        <v>30494478</v>
      </c>
      <c r="B1530" t="s">
        <v>3710</v>
      </c>
      <c r="C1530" t="s">
        <v>39</v>
      </c>
      <c r="D1530" t="s">
        <v>3138</v>
      </c>
      <c r="E1530" t="s">
        <v>175</v>
      </c>
      <c r="L1530" t="s">
        <v>52</v>
      </c>
      <c r="M1530" s="1">
        <v>0</v>
      </c>
      <c r="N1530" s="1">
        <v>0</v>
      </c>
      <c r="O1530" t="s">
        <v>3139</v>
      </c>
      <c r="P1530" t="s">
        <v>176</v>
      </c>
      <c r="Q1530" t="s">
        <v>238</v>
      </c>
      <c r="S1530" t="s">
        <v>178</v>
      </c>
      <c r="T1530" t="s">
        <v>175</v>
      </c>
      <c r="AC1530" t="s">
        <v>180</v>
      </c>
      <c r="AD1530" t="s">
        <v>175</v>
      </c>
      <c r="AE1530" t="s">
        <v>175</v>
      </c>
      <c r="AF1530" t="s">
        <v>175</v>
      </c>
      <c r="AG1530" t="s">
        <v>175</v>
      </c>
      <c r="AH1530" t="s">
        <v>175</v>
      </c>
      <c r="AI1530" t="s">
        <v>175</v>
      </c>
      <c r="AJ1530" t="s">
        <v>175</v>
      </c>
      <c r="AK1530" t="s">
        <v>175</v>
      </c>
      <c r="AL1530" t="s">
        <v>42</v>
      </c>
      <c r="AM1530" t="s">
        <v>201</v>
      </c>
      <c r="AN1530" t="s">
        <v>185</v>
      </c>
      <c r="AO1530" t="s">
        <v>206</v>
      </c>
      <c r="AP1530" t="s">
        <v>183</v>
      </c>
      <c r="AQ1530" t="s">
        <v>203</v>
      </c>
      <c r="AR1530" t="s">
        <v>202</v>
      </c>
      <c r="AS1530" t="s">
        <v>204</v>
      </c>
      <c r="AT1530" t="s">
        <v>184</v>
      </c>
      <c r="AU1530" t="s">
        <v>182</v>
      </c>
      <c r="AV1530" t="s">
        <v>205</v>
      </c>
      <c r="BF1530" s="1">
        <v>0</v>
      </c>
      <c r="BG1530" s="1">
        <v>0</v>
      </c>
      <c r="BH1530" s="1">
        <v>0</v>
      </c>
      <c r="BK1530" s="1">
        <v>0</v>
      </c>
      <c r="BM1530" s="1">
        <v>0</v>
      </c>
      <c r="BO1530" s="1">
        <v>0</v>
      </c>
    </row>
    <row r="1531" spans="1:69" x14ac:dyDescent="0.25">
      <c r="A1531" s="1">
        <v>30495540</v>
      </c>
      <c r="B1531" t="s">
        <v>4591</v>
      </c>
      <c r="C1531" t="s">
        <v>39</v>
      </c>
      <c r="D1531" t="s">
        <v>3727</v>
      </c>
      <c r="E1531" t="s">
        <v>175</v>
      </c>
      <c r="L1531" t="s">
        <v>52</v>
      </c>
      <c r="M1531" s="1">
        <v>0</v>
      </c>
      <c r="N1531" s="1">
        <v>0</v>
      </c>
      <c r="O1531" t="s">
        <v>3728</v>
      </c>
      <c r="P1531" t="s">
        <v>176</v>
      </c>
      <c r="Q1531" t="s">
        <v>196</v>
      </c>
      <c r="S1531" t="s">
        <v>349</v>
      </c>
      <c r="T1531" t="s">
        <v>175</v>
      </c>
      <c r="AC1531" s="1">
        <v>0</v>
      </c>
      <c r="AD1531" s="1">
        <v>0</v>
      </c>
      <c r="AE1531" s="1">
        <v>0</v>
      </c>
      <c r="AF1531" s="1">
        <v>0</v>
      </c>
      <c r="AG1531" s="1">
        <v>0</v>
      </c>
      <c r="AH1531" s="1">
        <v>0</v>
      </c>
      <c r="AI1531" s="1">
        <v>0</v>
      </c>
      <c r="AJ1531" s="1">
        <v>0</v>
      </c>
      <c r="AK1531" s="1">
        <v>0</v>
      </c>
      <c r="AL1531" s="1">
        <v>0</v>
      </c>
      <c r="AM1531" s="1">
        <v>0</v>
      </c>
      <c r="AN1531" s="1">
        <v>0</v>
      </c>
      <c r="AO1531" s="1">
        <v>0</v>
      </c>
      <c r="AP1531" s="1">
        <v>0</v>
      </c>
      <c r="AQ1531" s="1">
        <v>0</v>
      </c>
      <c r="AR1531" s="1">
        <v>0</v>
      </c>
      <c r="AS1531" s="1">
        <v>0</v>
      </c>
      <c r="AT1531" s="1">
        <v>0</v>
      </c>
      <c r="AU1531" s="1">
        <v>0</v>
      </c>
      <c r="AV1531" s="1">
        <v>0</v>
      </c>
      <c r="BF1531" s="1">
        <v>0</v>
      </c>
      <c r="BG1531" s="1">
        <v>0</v>
      </c>
      <c r="BH1531" s="1">
        <v>0</v>
      </c>
      <c r="BK1531" s="1">
        <v>0</v>
      </c>
      <c r="BM1531" s="1">
        <v>0</v>
      </c>
      <c r="BO1531" s="1">
        <v>0</v>
      </c>
    </row>
    <row r="1532" spans="1:69" x14ac:dyDescent="0.25">
      <c r="A1532" s="1">
        <v>30495837</v>
      </c>
      <c r="B1532" t="s">
        <v>2490</v>
      </c>
      <c r="C1532" t="s">
        <v>39</v>
      </c>
      <c r="D1532" t="s">
        <v>1616</v>
      </c>
      <c r="E1532" t="s">
        <v>200</v>
      </c>
      <c r="L1532" t="s">
        <v>52</v>
      </c>
      <c r="M1532" s="1">
        <v>0</v>
      </c>
      <c r="N1532" s="1">
        <v>0</v>
      </c>
      <c r="O1532" t="s">
        <v>1616</v>
      </c>
      <c r="P1532" t="s">
        <v>216</v>
      </c>
      <c r="Q1532" t="s">
        <v>322</v>
      </c>
      <c r="S1532" s="1">
        <v>0</v>
      </c>
      <c r="T1532" t="s">
        <v>200</v>
      </c>
      <c r="AA1532" t="s">
        <v>273</v>
      </c>
      <c r="AB1532" t="s">
        <v>737</v>
      </c>
      <c r="AC1532" t="s">
        <v>180</v>
      </c>
      <c r="AD1532" t="s">
        <v>200</v>
      </c>
      <c r="AE1532" t="s">
        <v>200</v>
      </c>
      <c r="AF1532" t="s">
        <v>200</v>
      </c>
      <c r="AG1532" t="s">
        <v>200</v>
      </c>
      <c r="AH1532" t="s">
        <v>200</v>
      </c>
      <c r="AI1532" t="s">
        <v>200</v>
      </c>
      <c r="AJ1532" t="s">
        <v>200</v>
      </c>
      <c r="AK1532" t="s">
        <v>200</v>
      </c>
      <c r="AL1532" t="s">
        <v>42</v>
      </c>
      <c r="AM1532" t="s">
        <v>183</v>
      </c>
      <c r="AN1532" s="1">
        <v>0</v>
      </c>
      <c r="AO1532" t="s">
        <v>184</v>
      </c>
      <c r="AP1532" t="s">
        <v>185</v>
      </c>
      <c r="AQ1532" s="1">
        <v>0</v>
      </c>
      <c r="AR1532" s="1">
        <v>0</v>
      </c>
      <c r="AS1532" s="1">
        <v>0</v>
      </c>
      <c r="AT1532" t="s">
        <v>182</v>
      </c>
      <c r="AU1532" s="1">
        <v>0</v>
      </c>
      <c r="AV1532" s="1">
        <v>0</v>
      </c>
      <c r="AX1532" t="s">
        <v>186</v>
      </c>
      <c r="AZ1532" t="s">
        <v>207</v>
      </c>
      <c r="BF1532" t="s">
        <v>210</v>
      </c>
      <c r="BG1532" s="1">
        <v>0</v>
      </c>
      <c r="BH1532" t="s">
        <v>211</v>
      </c>
      <c r="BK1532" t="s">
        <v>191</v>
      </c>
      <c r="BM1532" t="s">
        <v>191</v>
      </c>
      <c r="BO1532" t="s">
        <v>191</v>
      </c>
    </row>
    <row r="1533" spans="1:69" x14ac:dyDescent="0.25">
      <c r="A1533" s="1">
        <v>30495945</v>
      </c>
      <c r="B1533" t="s">
        <v>163</v>
      </c>
      <c r="C1533" t="s">
        <v>39</v>
      </c>
      <c r="L1533" t="s">
        <v>52</v>
      </c>
      <c r="M1533" s="1">
        <v>0</v>
      </c>
      <c r="N1533" s="1">
        <v>0</v>
      </c>
      <c r="O1533" s="1">
        <v>0</v>
      </c>
      <c r="P1533" s="1">
        <v>0</v>
      </c>
      <c r="Q1533" s="1">
        <v>0</v>
      </c>
      <c r="S1533" s="1">
        <v>0</v>
      </c>
      <c r="T1533" s="1">
        <v>0</v>
      </c>
      <c r="AC1533" s="1">
        <v>0</v>
      </c>
      <c r="AD1533" s="1">
        <v>0</v>
      </c>
      <c r="AE1533" s="1">
        <v>0</v>
      </c>
      <c r="AF1533" s="1">
        <v>0</v>
      </c>
      <c r="AG1533" s="1">
        <v>0</v>
      </c>
      <c r="AH1533" s="1">
        <v>0</v>
      </c>
      <c r="AI1533" s="1">
        <v>0</v>
      </c>
      <c r="AJ1533" s="1">
        <v>0</v>
      </c>
      <c r="AK1533" s="1">
        <v>0</v>
      </c>
      <c r="AL1533" s="1">
        <v>0</v>
      </c>
      <c r="AM1533" s="1">
        <v>0</v>
      </c>
      <c r="AN1533" s="1">
        <v>0</v>
      </c>
      <c r="AO1533" s="1">
        <v>0</v>
      </c>
      <c r="AP1533" s="1">
        <v>0</v>
      </c>
      <c r="AQ1533" s="1">
        <v>0</v>
      </c>
      <c r="AR1533" s="1">
        <v>0</v>
      </c>
      <c r="AS1533" s="1">
        <v>0</v>
      </c>
      <c r="AT1533" s="1">
        <v>0</v>
      </c>
      <c r="AU1533" s="1">
        <v>0</v>
      </c>
      <c r="AV1533" s="1">
        <v>0</v>
      </c>
      <c r="BF1533" s="1">
        <v>0</v>
      </c>
      <c r="BG1533" s="1">
        <v>0</v>
      </c>
      <c r="BH1533" s="1">
        <v>0</v>
      </c>
      <c r="BK1533" s="1">
        <v>0</v>
      </c>
      <c r="BM1533" s="1">
        <v>0</v>
      </c>
      <c r="BO1533" s="1">
        <v>0</v>
      </c>
    </row>
    <row r="1534" spans="1:69" x14ac:dyDescent="0.25">
      <c r="A1534" s="1">
        <v>30496525</v>
      </c>
      <c r="B1534" t="s">
        <v>884</v>
      </c>
      <c r="C1534" t="s">
        <v>39</v>
      </c>
      <c r="D1534" t="s">
        <v>174</v>
      </c>
      <c r="E1534" t="s">
        <v>175</v>
      </c>
      <c r="L1534" t="s">
        <v>52</v>
      </c>
      <c r="M1534" s="1">
        <v>0</v>
      </c>
      <c r="N1534" s="1">
        <v>0</v>
      </c>
      <c r="O1534" t="s">
        <v>174</v>
      </c>
      <c r="P1534" t="s">
        <v>176</v>
      </c>
      <c r="Q1534" t="s">
        <v>177</v>
      </c>
      <c r="S1534" t="s">
        <v>178</v>
      </c>
      <c r="T1534" t="s">
        <v>175</v>
      </c>
      <c r="X1534" t="s">
        <v>179</v>
      </c>
      <c r="AC1534" t="s">
        <v>199</v>
      </c>
      <c r="AD1534" t="s">
        <v>175</v>
      </c>
      <c r="AE1534" t="s">
        <v>230</v>
      </c>
      <c r="AF1534" t="s">
        <v>230</v>
      </c>
      <c r="AG1534" t="s">
        <v>230</v>
      </c>
      <c r="AH1534" t="s">
        <v>175</v>
      </c>
      <c r="AI1534" t="s">
        <v>175</v>
      </c>
      <c r="AJ1534" t="s">
        <v>181</v>
      </c>
      <c r="AK1534" t="s">
        <v>181</v>
      </c>
      <c r="AL1534" t="s">
        <v>42</v>
      </c>
      <c r="AM1534" t="s">
        <v>201</v>
      </c>
      <c r="AN1534" t="s">
        <v>184</v>
      </c>
      <c r="AO1534" t="s">
        <v>206</v>
      </c>
      <c r="AP1534" t="s">
        <v>183</v>
      </c>
      <c r="AQ1534" t="s">
        <v>202</v>
      </c>
      <c r="AR1534" t="s">
        <v>203</v>
      </c>
      <c r="AS1534" t="s">
        <v>182</v>
      </c>
      <c r="AT1534" t="s">
        <v>205</v>
      </c>
      <c r="AU1534" t="s">
        <v>204</v>
      </c>
      <c r="AV1534" t="s">
        <v>185</v>
      </c>
      <c r="AX1534" t="s">
        <v>186</v>
      </c>
      <c r="AY1534" t="s">
        <v>187</v>
      </c>
      <c r="AZ1534" t="s">
        <v>207</v>
      </c>
      <c r="BA1534" t="s">
        <v>188</v>
      </c>
      <c r="BC1534" t="s">
        <v>209</v>
      </c>
      <c r="BF1534" t="s">
        <v>232</v>
      </c>
      <c r="BG1534" t="s">
        <v>301</v>
      </c>
      <c r="BH1534" t="s">
        <v>302</v>
      </c>
      <c r="BI1534" t="s">
        <v>885</v>
      </c>
      <c r="BK1534" t="s">
        <v>191</v>
      </c>
      <c r="BL1534" t="s">
        <v>886</v>
      </c>
      <c r="BM1534" t="s">
        <v>191</v>
      </c>
      <c r="BN1534" t="s">
        <v>887</v>
      </c>
      <c r="BO1534" t="s">
        <v>191</v>
      </c>
      <c r="BP1534" t="s">
        <v>888</v>
      </c>
    </row>
    <row r="1535" spans="1:69" x14ac:dyDescent="0.25">
      <c r="A1535" s="1">
        <v>30497166</v>
      </c>
      <c r="B1535" t="s">
        <v>3711</v>
      </c>
      <c r="C1535" t="s">
        <v>39</v>
      </c>
      <c r="D1535" t="s">
        <v>3138</v>
      </c>
      <c r="E1535" t="s">
        <v>200</v>
      </c>
      <c r="L1535" t="s">
        <v>52</v>
      </c>
      <c r="M1535" s="1">
        <v>0</v>
      </c>
      <c r="N1535" s="1">
        <v>0</v>
      </c>
      <c r="O1535" t="s">
        <v>3139</v>
      </c>
      <c r="P1535" t="s">
        <v>176</v>
      </c>
      <c r="Q1535" t="s">
        <v>238</v>
      </c>
      <c r="S1535" t="s">
        <v>178</v>
      </c>
      <c r="T1535" t="s">
        <v>200</v>
      </c>
      <c r="V1535" t="s">
        <v>397</v>
      </c>
      <c r="AC1535" t="s">
        <v>49</v>
      </c>
      <c r="AD1535" t="s">
        <v>175</v>
      </c>
      <c r="AE1535" t="s">
        <v>175</v>
      </c>
      <c r="AF1535" t="s">
        <v>175</v>
      </c>
      <c r="AG1535" t="s">
        <v>175</v>
      </c>
      <c r="AH1535" t="s">
        <v>175</v>
      </c>
      <c r="AI1535" t="s">
        <v>175</v>
      </c>
      <c r="AJ1535" t="s">
        <v>175</v>
      </c>
      <c r="AK1535" t="s">
        <v>175</v>
      </c>
      <c r="AL1535" t="s">
        <v>49</v>
      </c>
      <c r="AM1535" s="1">
        <v>0</v>
      </c>
      <c r="AN1535" s="1">
        <v>0</v>
      </c>
      <c r="AO1535" t="s">
        <v>184</v>
      </c>
      <c r="AP1535" t="s">
        <v>185</v>
      </c>
      <c r="AQ1535" s="1">
        <v>0</v>
      </c>
      <c r="AR1535" s="1">
        <v>0</v>
      </c>
      <c r="AS1535" s="1">
        <v>0</v>
      </c>
      <c r="AT1535" s="1">
        <v>0</v>
      </c>
      <c r="AU1535" s="1">
        <v>0</v>
      </c>
      <c r="AV1535" s="1">
        <v>0</v>
      </c>
      <c r="AX1535" t="s">
        <v>186</v>
      </c>
      <c r="AY1535" t="s">
        <v>187</v>
      </c>
      <c r="AZ1535" t="s">
        <v>207</v>
      </c>
      <c r="BB1535" t="s">
        <v>208</v>
      </c>
      <c r="BC1535" t="s">
        <v>209</v>
      </c>
      <c r="BF1535" t="s">
        <v>49</v>
      </c>
      <c r="BG1535" s="1">
        <v>0</v>
      </c>
      <c r="BH1535" t="s">
        <v>211</v>
      </c>
      <c r="BK1535" t="s">
        <v>191</v>
      </c>
      <c r="BL1535" t="s">
        <v>3712</v>
      </c>
      <c r="BM1535" t="s">
        <v>218</v>
      </c>
      <c r="BN1535" t="s">
        <v>3713</v>
      </c>
      <c r="BO1535" s="1">
        <v>0</v>
      </c>
    </row>
    <row r="1536" spans="1:69" x14ac:dyDescent="0.25">
      <c r="A1536" s="1">
        <v>30497286</v>
      </c>
      <c r="B1536" t="s">
        <v>3714</v>
      </c>
      <c r="C1536" t="s">
        <v>39</v>
      </c>
      <c r="D1536" t="s">
        <v>3138</v>
      </c>
      <c r="E1536" t="s">
        <v>175</v>
      </c>
      <c r="L1536" t="s">
        <v>42</v>
      </c>
      <c r="M1536" t="s">
        <v>52</v>
      </c>
      <c r="N1536" t="s">
        <v>470</v>
      </c>
      <c r="O1536" t="s">
        <v>3139</v>
      </c>
      <c r="P1536" t="s">
        <v>216</v>
      </c>
      <c r="Q1536" t="s">
        <v>322</v>
      </c>
      <c r="S1536" s="1">
        <v>0</v>
      </c>
      <c r="T1536" t="s">
        <v>175</v>
      </c>
      <c r="Y1536" t="s">
        <v>224</v>
      </c>
      <c r="AC1536" t="s">
        <v>225</v>
      </c>
      <c r="AD1536" t="s">
        <v>175</v>
      </c>
      <c r="AE1536" t="s">
        <v>175</v>
      </c>
      <c r="AF1536" t="s">
        <v>175</v>
      </c>
      <c r="AG1536" t="s">
        <v>175</v>
      </c>
      <c r="AH1536" t="s">
        <v>175</v>
      </c>
      <c r="AI1536" t="s">
        <v>175</v>
      </c>
      <c r="AJ1536" t="s">
        <v>181</v>
      </c>
      <c r="AK1536" t="s">
        <v>181</v>
      </c>
      <c r="AL1536" t="s">
        <v>52</v>
      </c>
      <c r="AM1536" s="1">
        <v>0</v>
      </c>
      <c r="AN1536" s="1">
        <v>0</v>
      </c>
      <c r="AO1536" s="1">
        <v>0</v>
      </c>
      <c r="AP1536" s="1">
        <v>0</v>
      </c>
      <c r="AQ1536" s="1">
        <v>0</v>
      </c>
      <c r="AR1536" s="1">
        <v>0</v>
      </c>
      <c r="AS1536" s="1">
        <v>0</v>
      </c>
      <c r="AT1536" s="1">
        <v>0</v>
      </c>
      <c r="AU1536" s="1">
        <v>0</v>
      </c>
      <c r="AV1536" s="1">
        <v>0</v>
      </c>
      <c r="BF1536" s="1">
        <v>0</v>
      </c>
      <c r="BG1536" s="1">
        <v>0</v>
      </c>
      <c r="BH1536" s="1">
        <v>0</v>
      </c>
      <c r="BK1536" s="1">
        <v>0</v>
      </c>
      <c r="BM1536" s="1">
        <v>0</v>
      </c>
      <c r="BO1536" s="1">
        <v>0</v>
      </c>
    </row>
    <row r="1537" spans="1:69" x14ac:dyDescent="0.25">
      <c r="A1537" s="1">
        <v>30497309</v>
      </c>
      <c r="B1537" t="s">
        <v>1573</v>
      </c>
      <c r="C1537" t="s">
        <v>39</v>
      </c>
      <c r="D1537" t="s">
        <v>942</v>
      </c>
      <c r="E1537" t="s">
        <v>200</v>
      </c>
      <c r="L1537" t="s">
        <v>52</v>
      </c>
      <c r="M1537" s="1">
        <v>0</v>
      </c>
      <c r="N1537" s="1">
        <v>0</v>
      </c>
      <c r="O1537" t="s">
        <v>942</v>
      </c>
      <c r="P1537" t="s">
        <v>216</v>
      </c>
      <c r="Q1537" t="s">
        <v>196</v>
      </c>
      <c r="S1537" s="1">
        <v>0</v>
      </c>
      <c r="T1537" t="s">
        <v>200</v>
      </c>
      <c r="Y1537" t="s">
        <v>224</v>
      </c>
      <c r="Z1537" t="s">
        <v>244</v>
      </c>
      <c r="AC1537" t="s">
        <v>180</v>
      </c>
      <c r="AD1537" t="s">
        <v>175</v>
      </c>
      <c r="AE1537" t="s">
        <v>175</v>
      </c>
      <c r="AF1537" t="s">
        <v>175</v>
      </c>
      <c r="AG1537" t="s">
        <v>175</v>
      </c>
      <c r="AH1537" t="s">
        <v>175</v>
      </c>
      <c r="AI1537" t="s">
        <v>175</v>
      </c>
      <c r="AJ1537" t="s">
        <v>181</v>
      </c>
      <c r="AK1537" t="s">
        <v>175</v>
      </c>
      <c r="AL1537" t="s">
        <v>42</v>
      </c>
      <c r="AM1537" t="s">
        <v>182</v>
      </c>
      <c r="AN1537" s="1">
        <v>0</v>
      </c>
      <c r="AO1537" t="s">
        <v>201</v>
      </c>
      <c r="AP1537" s="1">
        <v>0</v>
      </c>
      <c r="AQ1537" s="1">
        <v>0</v>
      </c>
      <c r="AR1537" s="1">
        <v>0</v>
      </c>
      <c r="AS1537" s="1">
        <v>0</v>
      </c>
      <c r="AT1537" t="s">
        <v>184</v>
      </c>
      <c r="AU1537" t="s">
        <v>183</v>
      </c>
      <c r="AV1537" t="s">
        <v>185</v>
      </c>
      <c r="AW1537" t="s">
        <v>1574</v>
      </c>
      <c r="AZ1537" t="s">
        <v>207</v>
      </c>
      <c r="BF1537" t="s">
        <v>210</v>
      </c>
      <c r="BG1537" s="1">
        <v>0</v>
      </c>
      <c r="BH1537" t="s">
        <v>211</v>
      </c>
      <c r="BK1537" t="s">
        <v>191</v>
      </c>
      <c r="BM1537" t="s">
        <v>191</v>
      </c>
      <c r="BN1537" t="s">
        <v>1575</v>
      </c>
      <c r="BO1537" t="s">
        <v>218</v>
      </c>
      <c r="BP1537" t="s">
        <v>192</v>
      </c>
    </row>
    <row r="1538" spans="1:69" x14ac:dyDescent="0.25">
      <c r="A1538" s="1">
        <v>30497789</v>
      </c>
      <c r="B1538" t="s">
        <v>889</v>
      </c>
      <c r="C1538" t="s">
        <v>39</v>
      </c>
      <c r="D1538" t="s">
        <v>174</v>
      </c>
      <c r="E1538" t="s">
        <v>216</v>
      </c>
      <c r="L1538" t="s">
        <v>52</v>
      </c>
      <c r="M1538" s="1">
        <v>0</v>
      </c>
      <c r="N1538" s="1">
        <v>0</v>
      </c>
      <c r="O1538" t="s">
        <v>174</v>
      </c>
      <c r="P1538" t="s">
        <v>216</v>
      </c>
      <c r="Q1538" t="s">
        <v>177</v>
      </c>
      <c r="S1538" s="1">
        <v>0</v>
      </c>
      <c r="T1538" s="1">
        <v>0</v>
      </c>
      <c r="AC1538" s="1">
        <v>0</v>
      </c>
      <c r="AD1538" s="1">
        <v>0</v>
      </c>
      <c r="AE1538" s="1">
        <v>0</v>
      </c>
      <c r="AF1538" s="1">
        <v>0</v>
      </c>
      <c r="AG1538" s="1">
        <v>0</v>
      </c>
      <c r="AH1538" s="1">
        <v>0</v>
      </c>
      <c r="AI1538" s="1">
        <v>0</v>
      </c>
      <c r="AJ1538" s="1">
        <v>0</v>
      </c>
      <c r="AK1538" s="1">
        <v>0</v>
      </c>
      <c r="AL1538" s="1">
        <v>0</v>
      </c>
      <c r="AM1538" s="1">
        <v>0</v>
      </c>
      <c r="AN1538" s="1">
        <v>0</v>
      </c>
      <c r="AO1538" s="1">
        <v>0</v>
      </c>
      <c r="AP1538" s="1">
        <v>0</v>
      </c>
      <c r="AQ1538" s="1">
        <v>0</v>
      </c>
      <c r="AR1538" s="1">
        <v>0</v>
      </c>
      <c r="AS1538" s="1">
        <v>0</v>
      </c>
      <c r="AT1538" s="1">
        <v>0</v>
      </c>
      <c r="AU1538" s="1">
        <v>0</v>
      </c>
      <c r="AV1538" s="1">
        <v>0</v>
      </c>
      <c r="BF1538" s="1">
        <v>0</v>
      </c>
      <c r="BG1538" s="1">
        <v>0</v>
      </c>
      <c r="BH1538" s="1">
        <v>0</v>
      </c>
      <c r="BK1538" s="1">
        <v>0</v>
      </c>
      <c r="BM1538" s="1">
        <v>0</v>
      </c>
      <c r="BO1538" s="1">
        <v>0</v>
      </c>
    </row>
    <row r="1539" spans="1:69" x14ac:dyDescent="0.25">
      <c r="A1539" s="1">
        <v>30497791</v>
      </c>
      <c r="B1539" t="s">
        <v>890</v>
      </c>
      <c r="C1539" t="s">
        <v>39</v>
      </c>
      <c r="D1539" t="s">
        <v>174</v>
      </c>
      <c r="E1539" t="s">
        <v>175</v>
      </c>
      <c r="L1539" t="s">
        <v>52</v>
      </c>
      <c r="M1539" s="1">
        <v>0</v>
      </c>
      <c r="N1539" s="1">
        <v>0</v>
      </c>
      <c r="O1539" t="s">
        <v>174</v>
      </c>
      <c r="P1539" t="s">
        <v>216</v>
      </c>
      <c r="Q1539" t="s">
        <v>196</v>
      </c>
      <c r="S1539" s="1">
        <v>0</v>
      </c>
      <c r="T1539" t="s">
        <v>175</v>
      </c>
      <c r="AA1539" t="s">
        <v>273</v>
      </c>
      <c r="AB1539" t="s">
        <v>891</v>
      </c>
      <c r="AC1539" t="s">
        <v>180</v>
      </c>
      <c r="AD1539" t="s">
        <v>175</v>
      </c>
      <c r="AE1539" t="s">
        <v>230</v>
      </c>
      <c r="AF1539" t="s">
        <v>230</v>
      </c>
      <c r="AG1539" t="s">
        <v>175</v>
      </c>
      <c r="AH1539" t="s">
        <v>200</v>
      </c>
      <c r="AI1539" t="s">
        <v>200</v>
      </c>
      <c r="AJ1539" t="s">
        <v>200</v>
      </c>
      <c r="AK1539" t="s">
        <v>230</v>
      </c>
      <c r="AL1539" t="s">
        <v>52</v>
      </c>
      <c r="AM1539" s="1">
        <v>0</v>
      </c>
      <c r="AN1539" s="1">
        <v>0</v>
      </c>
      <c r="AO1539" s="1">
        <v>0</v>
      </c>
      <c r="AP1539" s="1">
        <v>0</v>
      </c>
      <c r="AQ1539" s="1">
        <v>0</v>
      </c>
      <c r="AR1539" s="1">
        <v>0</v>
      </c>
      <c r="AS1539" s="1">
        <v>0</v>
      </c>
      <c r="AT1539" s="1">
        <v>0</v>
      </c>
      <c r="AU1539" s="1">
        <v>0</v>
      </c>
      <c r="AV1539" s="1">
        <v>0</v>
      </c>
      <c r="BF1539" s="1">
        <v>0</v>
      </c>
      <c r="BG1539" s="1">
        <v>0</v>
      </c>
      <c r="BH1539" s="1">
        <v>0</v>
      </c>
      <c r="BK1539" s="1">
        <v>0</v>
      </c>
      <c r="BM1539" s="1">
        <v>0</v>
      </c>
      <c r="BO1539" s="1">
        <v>0</v>
      </c>
    </row>
    <row r="1540" spans="1:69" x14ac:dyDescent="0.25">
      <c r="A1540" s="1">
        <v>30498203</v>
      </c>
      <c r="B1540" t="s">
        <v>1576</v>
      </c>
      <c r="C1540" t="s">
        <v>39</v>
      </c>
      <c r="D1540" t="s">
        <v>942</v>
      </c>
      <c r="E1540" t="s">
        <v>200</v>
      </c>
      <c r="L1540" t="s">
        <v>52</v>
      </c>
      <c r="M1540" s="1">
        <v>0</v>
      </c>
      <c r="N1540" s="1">
        <v>0</v>
      </c>
      <c r="O1540" t="s">
        <v>942</v>
      </c>
      <c r="P1540" t="s">
        <v>216</v>
      </c>
      <c r="Q1540" t="s">
        <v>322</v>
      </c>
      <c r="S1540" s="1">
        <v>0</v>
      </c>
      <c r="T1540" t="s">
        <v>200</v>
      </c>
      <c r="AA1540" t="s">
        <v>273</v>
      </c>
      <c r="AB1540" t="s">
        <v>737</v>
      </c>
      <c r="AC1540" t="s">
        <v>199</v>
      </c>
      <c r="AD1540" t="s">
        <v>200</v>
      </c>
      <c r="AE1540" t="s">
        <v>200</v>
      </c>
      <c r="AF1540" t="s">
        <v>200</v>
      </c>
      <c r="AG1540" t="s">
        <v>200</v>
      </c>
      <c r="AH1540" t="s">
        <v>200</v>
      </c>
      <c r="AI1540" t="s">
        <v>200</v>
      </c>
      <c r="AJ1540" t="s">
        <v>200</v>
      </c>
      <c r="AK1540" t="s">
        <v>200</v>
      </c>
      <c r="AL1540" t="s">
        <v>42</v>
      </c>
      <c r="AM1540" t="s">
        <v>184</v>
      </c>
      <c r="AN1540" t="s">
        <v>182</v>
      </c>
      <c r="AO1540" t="s">
        <v>185</v>
      </c>
      <c r="AP1540" t="s">
        <v>206</v>
      </c>
      <c r="AQ1540" t="s">
        <v>202</v>
      </c>
      <c r="AR1540" t="s">
        <v>203</v>
      </c>
      <c r="AS1540" t="s">
        <v>204</v>
      </c>
      <c r="AT1540" t="s">
        <v>183</v>
      </c>
      <c r="AU1540" t="s">
        <v>201</v>
      </c>
      <c r="AV1540" t="s">
        <v>205</v>
      </c>
      <c r="AW1540" t="s">
        <v>1577</v>
      </c>
      <c r="AZ1540" t="s">
        <v>207</v>
      </c>
      <c r="BF1540" t="s">
        <v>210</v>
      </c>
      <c r="BG1540" s="1">
        <v>0</v>
      </c>
      <c r="BH1540" t="s">
        <v>464</v>
      </c>
      <c r="BK1540" t="s">
        <v>191</v>
      </c>
      <c r="BL1540" t="s">
        <v>1578</v>
      </c>
      <c r="BM1540" t="s">
        <v>191</v>
      </c>
      <c r="BN1540" t="s">
        <v>1579</v>
      </c>
      <c r="BO1540" t="s">
        <v>218</v>
      </c>
      <c r="BP1540" t="s">
        <v>1580</v>
      </c>
      <c r="BQ1540" t="s">
        <v>1581</v>
      </c>
    </row>
    <row r="1541" spans="1:69" x14ac:dyDescent="0.25">
      <c r="A1541" s="1">
        <v>30498348</v>
      </c>
      <c r="B1541" t="s">
        <v>1582</v>
      </c>
      <c r="C1541" t="s">
        <v>39</v>
      </c>
      <c r="D1541" t="s">
        <v>942</v>
      </c>
      <c r="E1541" t="s">
        <v>216</v>
      </c>
      <c r="L1541" t="s">
        <v>52</v>
      </c>
      <c r="M1541" s="1">
        <v>0</v>
      </c>
      <c r="N1541" s="1">
        <v>0</v>
      </c>
      <c r="O1541" t="s">
        <v>942</v>
      </c>
      <c r="P1541" t="s">
        <v>216</v>
      </c>
      <c r="Q1541" t="s">
        <v>238</v>
      </c>
      <c r="S1541" s="1">
        <v>0</v>
      </c>
      <c r="T1541" t="s">
        <v>49</v>
      </c>
      <c r="X1541" t="s">
        <v>179</v>
      </c>
      <c r="AA1541" t="s">
        <v>273</v>
      </c>
      <c r="AB1541" t="s">
        <v>1583</v>
      </c>
      <c r="AC1541" t="s">
        <v>49</v>
      </c>
      <c r="AD1541" t="s">
        <v>175</v>
      </c>
      <c r="AE1541" t="s">
        <v>175</v>
      </c>
      <c r="AF1541" t="s">
        <v>181</v>
      </c>
      <c r="AG1541" t="s">
        <v>230</v>
      </c>
      <c r="AH1541" t="s">
        <v>181</v>
      </c>
      <c r="AI1541" t="s">
        <v>175</v>
      </c>
      <c r="AJ1541" t="s">
        <v>181</v>
      </c>
      <c r="AK1541" t="s">
        <v>181</v>
      </c>
      <c r="AL1541" t="s">
        <v>42</v>
      </c>
      <c r="AM1541" t="s">
        <v>184</v>
      </c>
      <c r="AN1541" s="1">
        <v>0</v>
      </c>
      <c r="AO1541" t="s">
        <v>183</v>
      </c>
      <c r="AP1541" s="1">
        <v>0</v>
      </c>
      <c r="AQ1541" t="s">
        <v>185</v>
      </c>
      <c r="AR1541" t="s">
        <v>182</v>
      </c>
      <c r="AS1541" s="1">
        <v>0</v>
      </c>
      <c r="AT1541" s="1">
        <v>0</v>
      </c>
      <c r="AU1541" s="1">
        <v>0</v>
      </c>
      <c r="AV1541" s="1">
        <v>0</v>
      </c>
      <c r="AW1541" t="s">
        <v>1584</v>
      </c>
      <c r="AY1541" t="s">
        <v>187</v>
      </c>
      <c r="AZ1541" t="s">
        <v>207</v>
      </c>
      <c r="BA1541" t="s">
        <v>188</v>
      </c>
      <c r="BC1541" t="s">
        <v>209</v>
      </c>
      <c r="BF1541" t="s">
        <v>49</v>
      </c>
      <c r="BG1541" s="1">
        <v>0</v>
      </c>
      <c r="BH1541" t="s">
        <v>190</v>
      </c>
      <c r="BK1541" s="1">
        <v>0</v>
      </c>
      <c r="BL1541" t="s">
        <v>1585</v>
      </c>
      <c r="BM1541" t="s">
        <v>191</v>
      </c>
      <c r="BN1541" t="s">
        <v>1586</v>
      </c>
      <c r="BO1541" t="s">
        <v>191</v>
      </c>
      <c r="BP1541" t="s">
        <v>1587</v>
      </c>
    </row>
    <row r="1542" spans="1:69" x14ac:dyDescent="0.25">
      <c r="A1542" s="1">
        <v>30498364</v>
      </c>
      <c r="B1542" t="s">
        <v>4592</v>
      </c>
      <c r="C1542" t="s">
        <v>39</v>
      </c>
      <c r="D1542" t="s">
        <v>3727</v>
      </c>
      <c r="E1542" t="s">
        <v>216</v>
      </c>
      <c r="L1542" t="s">
        <v>52</v>
      </c>
      <c r="M1542" s="1">
        <v>0</v>
      </c>
      <c r="N1542" s="1">
        <v>0</v>
      </c>
      <c r="O1542" t="s">
        <v>3728</v>
      </c>
      <c r="P1542" t="s">
        <v>216</v>
      </c>
      <c r="Q1542" t="s">
        <v>258</v>
      </c>
      <c r="S1542" s="1">
        <v>0</v>
      </c>
      <c r="T1542" t="s">
        <v>197</v>
      </c>
      <c r="X1542" t="s">
        <v>179</v>
      </c>
      <c r="Y1542" t="s">
        <v>224</v>
      </c>
      <c r="Z1542" t="s">
        <v>244</v>
      </c>
      <c r="AC1542" t="s">
        <v>180</v>
      </c>
      <c r="AD1542" t="s">
        <v>299</v>
      </c>
      <c r="AE1542" t="s">
        <v>299</v>
      </c>
      <c r="AF1542" t="s">
        <v>299</v>
      </c>
      <c r="AG1542" t="s">
        <v>299</v>
      </c>
      <c r="AH1542" t="s">
        <v>230</v>
      </c>
      <c r="AI1542" t="s">
        <v>175</v>
      </c>
      <c r="AJ1542" t="s">
        <v>230</v>
      </c>
      <c r="AK1542" t="s">
        <v>230</v>
      </c>
      <c r="AL1542" t="s">
        <v>42</v>
      </c>
      <c r="AM1542" t="s">
        <v>184</v>
      </c>
      <c r="AN1542" t="s">
        <v>204</v>
      </c>
      <c r="AO1542" t="s">
        <v>205</v>
      </c>
      <c r="AP1542" t="s">
        <v>201</v>
      </c>
      <c r="AQ1542" t="s">
        <v>182</v>
      </c>
      <c r="AR1542" t="s">
        <v>203</v>
      </c>
      <c r="AS1542" t="s">
        <v>202</v>
      </c>
      <c r="AT1542" t="s">
        <v>185</v>
      </c>
      <c r="AU1542" t="s">
        <v>183</v>
      </c>
      <c r="AV1542" t="s">
        <v>206</v>
      </c>
      <c r="BA1542" t="s">
        <v>188</v>
      </c>
      <c r="BC1542" t="s">
        <v>209</v>
      </c>
      <c r="BF1542" t="s">
        <v>49</v>
      </c>
      <c r="BG1542" s="1">
        <v>0</v>
      </c>
      <c r="BH1542" t="s">
        <v>190</v>
      </c>
      <c r="BK1542" t="s">
        <v>191</v>
      </c>
      <c r="BL1542" t="s">
        <v>4593</v>
      </c>
      <c r="BM1542" t="s">
        <v>191</v>
      </c>
      <c r="BO1542" t="s">
        <v>191</v>
      </c>
    </row>
    <row r="1543" spans="1:69" x14ac:dyDescent="0.25">
      <c r="A1543" s="1">
        <v>30498726</v>
      </c>
      <c r="B1543" t="s">
        <v>3715</v>
      </c>
      <c r="C1543" t="s">
        <v>39</v>
      </c>
      <c r="D1543" t="s">
        <v>3138</v>
      </c>
      <c r="E1543" t="s">
        <v>200</v>
      </c>
      <c r="L1543" t="s">
        <v>52</v>
      </c>
      <c r="M1543" s="1">
        <v>0</v>
      </c>
      <c r="N1543" s="1">
        <v>0</v>
      </c>
      <c r="O1543" t="s">
        <v>3139</v>
      </c>
      <c r="P1543" t="s">
        <v>216</v>
      </c>
      <c r="Q1543" t="s">
        <v>258</v>
      </c>
      <c r="S1543" s="1">
        <v>0</v>
      </c>
      <c r="T1543" t="s">
        <v>200</v>
      </c>
      <c r="Y1543" t="s">
        <v>224</v>
      </c>
      <c r="AC1543" t="s">
        <v>266</v>
      </c>
      <c r="AD1543" s="1">
        <v>0</v>
      </c>
      <c r="AE1543" t="s">
        <v>200</v>
      </c>
      <c r="AF1543" t="s">
        <v>200</v>
      </c>
      <c r="AG1543" t="s">
        <v>200</v>
      </c>
      <c r="AH1543" t="s">
        <v>200</v>
      </c>
      <c r="AI1543" t="s">
        <v>200</v>
      </c>
      <c r="AJ1543" t="s">
        <v>200</v>
      </c>
      <c r="AK1543" t="s">
        <v>200</v>
      </c>
      <c r="AL1543" t="s">
        <v>42</v>
      </c>
      <c r="AM1543" s="1">
        <v>0</v>
      </c>
      <c r="AN1543" t="s">
        <v>184</v>
      </c>
      <c r="AO1543" s="1">
        <v>0</v>
      </c>
      <c r="AP1543" s="1">
        <v>0</v>
      </c>
      <c r="AQ1543" s="1">
        <v>0</v>
      </c>
      <c r="AR1543" s="1">
        <v>0</v>
      </c>
      <c r="AS1543" s="1">
        <v>0</v>
      </c>
      <c r="AT1543" t="s">
        <v>182</v>
      </c>
      <c r="AU1543" s="1">
        <v>0</v>
      </c>
      <c r="AV1543" t="s">
        <v>185</v>
      </c>
      <c r="AY1543" t="s">
        <v>187</v>
      </c>
      <c r="AZ1543" t="s">
        <v>207</v>
      </c>
      <c r="BA1543" t="s">
        <v>188</v>
      </c>
      <c r="BF1543" t="s">
        <v>210</v>
      </c>
      <c r="BG1543" s="1">
        <v>0</v>
      </c>
      <c r="BH1543" t="s">
        <v>190</v>
      </c>
      <c r="BK1543" t="s">
        <v>191</v>
      </c>
      <c r="BL1543" t="s">
        <v>3716</v>
      </c>
      <c r="BM1543" t="s">
        <v>191</v>
      </c>
      <c r="BN1543" t="s">
        <v>3717</v>
      </c>
      <c r="BO1543" t="s">
        <v>218</v>
      </c>
      <c r="BP1543" t="s">
        <v>3718</v>
      </c>
      <c r="BQ1543" t="s">
        <v>3719</v>
      </c>
    </row>
    <row r="1544" spans="1:69" x14ac:dyDescent="0.25">
      <c r="A1544" s="1">
        <v>30498749</v>
      </c>
      <c r="B1544" t="s">
        <v>3108</v>
      </c>
      <c r="C1544" t="s">
        <v>39</v>
      </c>
      <c r="D1544" t="s">
        <v>2512</v>
      </c>
      <c r="L1544" t="s">
        <v>52</v>
      </c>
      <c r="M1544" s="1">
        <v>0</v>
      </c>
      <c r="N1544" s="1">
        <v>0</v>
      </c>
      <c r="O1544" t="s">
        <v>2512</v>
      </c>
      <c r="P1544" s="1">
        <v>0</v>
      </c>
      <c r="Q1544" s="1">
        <v>0</v>
      </c>
      <c r="S1544" s="1">
        <v>0</v>
      </c>
      <c r="T1544" s="1">
        <v>0</v>
      </c>
      <c r="AC1544" s="1">
        <v>0</v>
      </c>
      <c r="AD1544" s="1">
        <v>0</v>
      </c>
      <c r="AE1544" s="1">
        <v>0</v>
      </c>
      <c r="AF1544" s="1">
        <v>0</v>
      </c>
      <c r="AG1544" s="1">
        <v>0</v>
      </c>
      <c r="AH1544" s="1">
        <v>0</v>
      </c>
      <c r="AI1544" s="1">
        <v>0</v>
      </c>
      <c r="AJ1544" s="1">
        <v>0</v>
      </c>
      <c r="AK1544" s="1">
        <v>0</v>
      </c>
      <c r="AL1544" s="1">
        <v>0</v>
      </c>
      <c r="AM1544" s="1">
        <v>0</v>
      </c>
      <c r="AN1544" s="1">
        <v>0</v>
      </c>
      <c r="AO1544" s="1">
        <v>0</v>
      </c>
      <c r="AP1544" s="1">
        <v>0</v>
      </c>
      <c r="AQ1544" s="1">
        <v>0</v>
      </c>
      <c r="AR1544" s="1">
        <v>0</v>
      </c>
      <c r="AS1544" s="1">
        <v>0</v>
      </c>
      <c r="AT1544" s="1">
        <v>0</v>
      </c>
      <c r="AU1544" s="1">
        <v>0</v>
      </c>
      <c r="AV1544" s="1">
        <v>0</v>
      </c>
      <c r="BF1544" s="1">
        <v>0</v>
      </c>
      <c r="BG1544" s="1">
        <v>0</v>
      </c>
      <c r="BH1544" s="1">
        <v>0</v>
      </c>
      <c r="BK1544" s="1">
        <v>0</v>
      </c>
      <c r="BM1544" s="1">
        <v>0</v>
      </c>
      <c r="BO1544" s="1">
        <v>0</v>
      </c>
    </row>
    <row r="1545" spans="1:69" x14ac:dyDescent="0.25">
      <c r="A1545" s="1">
        <v>30498843</v>
      </c>
      <c r="B1545" t="s">
        <v>164</v>
      </c>
      <c r="C1545" t="s">
        <v>39</v>
      </c>
      <c r="L1545" s="1">
        <v>0</v>
      </c>
      <c r="M1545" s="1">
        <v>0</v>
      </c>
      <c r="N1545" s="1">
        <v>0</v>
      </c>
      <c r="O1545" s="1">
        <v>0</v>
      </c>
      <c r="P1545" s="1">
        <v>0</v>
      </c>
      <c r="Q1545" s="1">
        <v>0</v>
      </c>
      <c r="S1545" s="1">
        <v>0</v>
      </c>
      <c r="T1545" s="1">
        <v>0</v>
      </c>
      <c r="AC1545" s="1">
        <v>0</v>
      </c>
      <c r="AD1545" s="1">
        <v>0</v>
      </c>
      <c r="AE1545" s="1">
        <v>0</v>
      </c>
      <c r="AF1545" s="1">
        <v>0</v>
      </c>
      <c r="AG1545" s="1">
        <v>0</v>
      </c>
      <c r="AH1545" s="1">
        <v>0</v>
      </c>
      <c r="AI1545" s="1">
        <v>0</v>
      </c>
      <c r="AJ1545" s="1">
        <v>0</v>
      </c>
      <c r="AK1545" s="1">
        <v>0</v>
      </c>
      <c r="AL1545" s="1">
        <v>0</v>
      </c>
      <c r="AM1545" s="1">
        <v>0</v>
      </c>
      <c r="AN1545" s="1">
        <v>0</v>
      </c>
      <c r="AO1545" s="1">
        <v>0</v>
      </c>
      <c r="AP1545" s="1">
        <v>0</v>
      </c>
      <c r="AQ1545" s="1">
        <v>0</v>
      </c>
      <c r="AR1545" s="1">
        <v>0</v>
      </c>
      <c r="AS1545" s="1">
        <v>0</v>
      </c>
      <c r="AT1545" s="1">
        <v>0</v>
      </c>
      <c r="AU1545" s="1">
        <v>0</v>
      </c>
      <c r="AV1545" s="1">
        <v>0</v>
      </c>
      <c r="BF1545" s="1">
        <v>0</v>
      </c>
      <c r="BG1545" s="1">
        <v>0</v>
      </c>
      <c r="BH1545" s="1">
        <v>0</v>
      </c>
      <c r="BK1545" s="1">
        <v>0</v>
      </c>
      <c r="BM1545" s="1">
        <v>0</v>
      </c>
      <c r="BO1545" s="1">
        <v>0</v>
      </c>
    </row>
    <row r="1546" spans="1:69" x14ac:dyDescent="0.25">
      <c r="A1546" s="1">
        <v>30501311</v>
      </c>
      <c r="B1546" t="s">
        <v>4594</v>
      </c>
      <c r="C1546" t="s">
        <v>39</v>
      </c>
      <c r="D1546" t="s">
        <v>3727</v>
      </c>
      <c r="E1546" t="s">
        <v>175</v>
      </c>
      <c r="L1546" t="s">
        <v>52</v>
      </c>
      <c r="M1546" s="1">
        <v>0</v>
      </c>
      <c r="N1546" s="1">
        <v>0</v>
      </c>
      <c r="O1546" t="s">
        <v>3728</v>
      </c>
      <c r="P1546" t="s">
        <v>176</v>
      </c>
      <c r="Q1546" t="s">
        <v>196</v>
      </c>
      <c r="S1546" t="s">
        <v>178</v>
      </c>
      <c r="T1546" t="s">
        <v>175</v>
      </c>
      <c r="Y1546" t="s">
        <v>224</v>
      </c>
      <c r="AC1546" t="s">
        <v>180</v>
      </c>
      <c r="AD1546" s="1">
        <v>0</v>
      </c>
      <c r="AE1546" t="s">
        <v>175</v>
      </c>
      <c r="AF1546" t="s">
        <v>175</v>
      </c>
      <c r="AG1546" t="s">
        <v>175</v>
      </c>
      <c r="AH1546" t="s">
        <v>175</v>
      </c>
      <c r="AI1546" t="s">
        <v>175</v>
      </c>
      <c r="AJ1546" t="s">
        <v>175</v>
      </c>
      <c r="AK1546" t="s">
        <v>175</v>
      </c>
      <c r="AL1546" t="s">
        <v>42</v>
      </c>
      <c r="AM1546" t="s">
        <v>183</v>
      </c>
      <c r="AN1546" t="s">
        <v>184</v>
      </c>
      <c r="AO1546" t="s">
        <v>182</v>
      </c>
      <c r="AP1546" t="s">
        <v>185</v>
      </c>
      <c r="AQ1546" t="s">
        <v>204</v>
      </c>
      <c r="AR1546" t="s">
        <v>202</v>
      </c>
      <c r="AS1546" t="s">
        <v>203</v>
      </c>
      <c r="AT1546" t="s">
        <v>206</v>
      </c>
      <c r="AU1546" t="s">
        <v>205</v>
      </c>
      <c r="AV1546" t="s">
        <v>201</v>
      </c>
      <c r="AW1546" t="s">
        <v>4595</v>
      </c>
      <c r="AX1546" t="s">
        <v>186</v>
      </c>
      <c r="AY1546" t="s">
        <v>187</v>
      </c>
      <c r="AZ1546" t="s">
        <v>207</v>
      </c>
      <c r="BA1546" t="s">
        <v>188</v>
      </c>
      <c r="BB1546" t="s">
        <v>208</v>
      </c>
      <c r="BF1546" t="s">
        <v>232</v>
      </c>
      <c r="BG1546" t="s">
        <v>301</v>
      </c>
      <c r="BH1546" t="s">
        <v>211</v>
      </c>
      <c r="BK1546" t="s">
        <v>191</v>
      </c>
      <c r="BL1546" t="s">
        <v>317</v>
      </c>
      <c r="BM1546" t="s">
        <v>218</v>
      </c>
      <c r="BN1546" t="s">
        <v>4596</v>
      </c>
      <c r="BO1546" t="s">
        <v>218</v>
      </c>
      <c r="BP1546" t="s">
        <v>4597</v>
      </c>
    </row>
    <row r="1547" spans="1:69" x14ac:dyDescent="0.25">
      <c r="A1547" s="1">
        <v>30501434</v>
      </c>
      <c r="B1547" t="s">
        <v>1588</v>
      </c>
      <c r="C1547" t="s">
        <v>39</v>
      </c>
      <c r="D1547" t="s">
        <v>942</v>
      </c>
      <c r="E1547" t="s">
        <v>175</v>
      </c>
      <c r="L1547" t="s">
        <v>52</v>
      </c>
      <c r="M1547" s="1">
        <v>0</v>
      </c>
      <c r="N1547" s="1">
        <v>0</v>
      </c>
      <c r="O1547" t="s">
        <v>942</v>
      </c>
      <c r="P1547" t="s">
        <v>216</v>
      </c>
      <c r="Q1547" t="s">
        <v>322</v>
      </c>
      <c r="S1547" s="1">
        <v>0</v>
      </c>
      <c r="T1547" t="s">
        <v>175</v>
      </c>
      <c r="Y1547" t="s">
        <v>224</v>
      </c>
      <c r="AC1547" t="s">
        <v>180</v>
      </c>
      <c r="AD1547" t="s">
        <v>175</v>
      </c>
      <c r="AE1547" t="s">
        <v>175</v>
      </c>
      <c r="AF1547" t="s">
        <v>175</v>
      </c>
      <c r="AG1547" t="s">
        <v>175</v>
      </c>
      <c r="AH1547" t="s">
        <v>175</v>
      </c>
      <c r="AI1547" t="s">
        <v>175</v>
      </c>
      <c r="AJ1547" t="s">
        <v>175</v>
      </c>
      <c r="AK1547" t="s">
        <v>175</v>
      </c>
      <c r="AL1547" t="s">
        <v>42</v>
      </c>
      <c r="AM1547" t="s">
        <v>201</v>
      </c>
      <c r="AN1547" t="s">
        <v>206</v>
      </c>
      <c r="AO1547" t="s">
        <v>182</v>
      </c>
      <c r="AP1547" t="s">
        <v>183</v>
      </c>
      <c r="AQ1547" t="s">
        <v>204</v>
      </c>
      <c r="AR1547" t="s">
        <v>202</v>
      </c>
      <c r="AS1547" t="s">
        <v>203</v>
      </c>
      <c r="AT1547" t="s">
        <v>185</v>
      </c>
      <c r="AU1547" t="s">
        <v>205</v>
      </c>
      <c r="AV1547" t="s">
        <v>184</v>
      </c>
      <c r="AX1547" t="s">
        <v>186</v>
      </c>
      <c r="BF1547" t="s">
        <v>292</v>
      </c>
      <c r="BG1547" t="s">
        <v>276</v>
      </c>
      <c r="BH1547" t="s">
        <v>211</v>
      </c>
      <c r="BK1547" t="s">
        <v>218</v>
      </c>
      <c r="BL1547" t="s">
        <v>1589</v>
      </c>
      <c r="BM1547" t="s">
        <v>218</v>
      </c>
      <c r="BN1547" t="s">
        <v>1590</v>
      </c>
      <c r="BO1547" t="s">
        <v>191</v>
      </c>
      <c r="BP1547" t="s">
        <v>1591</v>
      </c>
    </row>
    <row r="1548" spans="1:69" x14ac:dyDescent="0.25">
      <c r="A1548" s="1">
        <v>30501576</v>
      </c>
      <c r="B1548" t="s">
        <v>3109</v>
      </c>
      <c r="C1548" t="s">
        <v>39</v>
      </c>
      <c r="D1548" t="s">
        <v>2512</v>
      </c>
      <c r="L1548" t="s">
        <v>52</v>
      </c>
      <c r="M1548" s="1">
        <v>0</v>
      </c>
      <c r="N1548" s="1">
        <v>0</v>
      </c>
      <c r="O1548" t="s">
        <v>2512</v>
      </c>
      <c r="P1548" s="1">
        <v>0</v>
      </c>
      <c r="Q1548" s="1">
        <v>0</v>
      </c>
      <c r="S1548" s="1">
        <v>0</v>
      </c>
      <c r="T1548" s="1">
        <v>0</v>
      </c>
      <c r="AC1548" s="1">
        <v>0</v>
      </c>
      <c r="AD1548" s="1">
        <v>0</v>
      </c>
      <c r="AE1548" s="1">
        <v>0</v>
      </c>
      <c r="AF1548" s="1">
        <v>0</v>
      </c>
      <c r="AG1548" s="1">
        <v>0</v>
      </c>
      <c r="AH1548" s="1">
        <v>0</v>
      </c>
      <c r="AI1548" s="1">
        <v>0</v>
      </c>
      <c r="AJ1548" s="1">
        <v>0</v>
      </c>
      <c r="AK1548" s="1">
        <v>0</v>
      </c>
      <c r="AL1548" s="1">
        <v>0</v>
      </c>
      <c r="AM1548" s="1">
        <v>0</v>
      </c>
      <c r="AN1548" s="1">
        <v>0</v>
      </c>
      <c r="AO1548" s="1">
        <v>0</v>
      </c>
      <c r="AP1548" s="1">
        <v>0</v>
      </c>
      <c r="AQ1548" s="1">
        <v>0</v>
      </c>
      <c r="AR1548" s="1">
        <v>0</v>
      </c>
      <c r="AS1548" s="1">
        <v>0</v>
      </c>
      <c r="AT1548" s="1">
        <v>0</v>
      </c>
      <c r="AU1548" s="1">
        <v>0</v>
      </c>
      <c r="AV1548" s="1">
        <v>0</v>
      </c>
      <c r="BF1548" s="1">
        <v>0</v>
      </c>
      <c r="BG1548" s="1">
        <v>0</v>
      </c>
      <c r="BH1548" s="1">
        <v>0</v>
      </c>
      <c r="BK1548" s="1">
        <v>0</v>
      </c>
      <c r="BM1548" s="1">
        <v>0</v>
      </c>
      <c r="BO1548" s="1">
        <v>0</v>
      </c>
    </row>
    <row r="1549" spans="1:69" x14ac:dyDescent="0.25">
      <c r="A1549" s="1">
        <v>30501756</v>
      </c>
      <c r="B1549" t="s">
        <v>892</v>
      </c>
      <c r="C1549" t="s">
        <v>39</v>
      </c>
      <c r="D1549" t="s">
        <v>174</v>
      </c>
      <c r="E1549" t="s">
        <v>195</v>
      </c>
      <c r="L1549" t="s">
        <v>52</v>
      </c>
      <c r="M1549" s="1">
        <v>0</v>
      </c>
      <c r="N1549" s="1">
        <v>0</v>
      </c>
      <c r="O1549" t="s">
        <v>174</v>
      </c>
      <c r="P1549" t="s">
        <v>176</v>
      </c>
      <c r="Q1549" t="s">
        <v>177</v>
      </c>
      <c r="S1549" t="s">
        <v>349</v>
      </c>
      <c r="T1549" t="s">
        <v>197</v>
      </c>
      <c r="AC1549" t="s">
        <v>199</v>
      </c>
      <c r="AD1549" s="1">
        <v>0</v>
      </c>
      <c r="AE1549" s="1">
        <v>0</v>
      </c>
      <c r="AF1549" s="1">
        <v>0</v>
      </c>
      <c r="AG1549" s="1">
        <v>0</v>
      </c>
      <c r="AH1549" s="1">
        <v>0</v>
      </c>
      <c r="AI1549" s="1">
        <v>0</v>
      </c>
      <c r="AJ1549" s="1">
        <v>0</v>
      </c>
      <c r="AK1549" s="1">
        <v>0</v>
      </c>
      <c r="AL1549" s="1">
        <v>0</v>
      </c>
      <c r="AM1549" s="1">
        <v>0</v>
      </c>
      <c r="AN1549" s="1">
        <v>0</v>
      </c>
      <c r="AO1549" s="1">
        <v>0</v>
      </c>
      <c r="AP1549" s="1">
        <v>0</v>
      </c>
      <c r="AQ1549" s="1">
        <v>0</v>
      </c>
      <c r="AR1549" s="1">
        <v>0</v>
      </c>
      <c r="AS1549" s="1">
        <v>0</v>
      </c>
      <c r="AT1549" s="1">
        <v>0</v>
      </c>
      <c r="AU1549" s="1">
        <v>0</v>
      </c>
      <c r="AV1549" s="1">
        <v>0</v>
      </c>
      <c r="BF1549" s="1">
        <v>0</v>
      </c>
      <c r="BG1549" s="1">
        <v>0</v>
      </c>
      <c r="BH1549" s="1">
        <v>0</v>
      </c>
      <c r="BK1549" s="1">
        <v>0</v>
      </c>
      <c r="BM1549" s="1">
        <v>0</v>
      </c>
      <c r="BO1549" s="1">
        <v>0</v>
      </c>
    </row>
    <row r="1550" spans="1:69" x14ac:dyDescent="0.25">
      <c r="A1550" s="1">
        <v>30503422</v>
      </c>
      <c r="B1550" t="s">
        <v>1592</v>
      </c>
      <c r="C1550" t="s">
        <v>39</v>
      </c>
      <c r="D1550" t="s">
        <v>942</v>
      </c>
      <c r="L1550" t="s">
        <v>52</v>
      </c>
      <c r="M1550" s="1">
        <v>0</v>
      </c>
      <c r="N1550" s="1">
        <v>0</v>
      </c>
      <c r="O1550" t="s">
        <v>942</v>
      </c>
      <c r="P1550" s="1">
        <v>0</v>
      </c>
      <c r="Q1550" s="1">
        <v>0</v>
      </c>
      <c r="S1550" s="1">
        <v>0</v>
      </c>
      <c r="T1550" s="1">
        <v>0</v>
      </c>
      <c r="AC1550" s="1">
        <v>0</v>
      </c>
      <c r="AD1550" s="1">
        <v>0</v>
      </c>
      <c r="AE1550" s="1">
        <v>0</v>
      </c>
      <c r="AF1550" s="1">
        <v>0</v>
      </c>
      <c r="AG1550" s="1">
        <v>0</v>
      </c>
      <c r="AH1550" s="1">
        <v>0</v>
      </c>
      <c r="AI1550" s="1">
        <v>0</v>
      </c>
      <c r="AJ1550" s="1">
        <v>0</v>
      </c>
      <c r="AK1550" s="1">
        <v>0</v>
      </c>
      <c r="AL1550" s="1">
        <v>0</v>
      </c>
      <c r="AM1550" s="1">
        <v>0</v>
      </c>
      <c r="AN1550" s="1">
        <v>0</v>
      </c>
      <c r="AO1550" s="1">
        <v>0</v>
      </c>
      <c r="AP1550" s="1">
        <v>0</v>
      </c>
      <c r="AQ1550" s="1">
        <v>0</v>
      </c>
      <c r="AR1550" s="1">
        <v>0</v>
      </c>
      <c r="AS1550" s="1">
        <v>0</v>
      </c>
      <c r="AT1550" s="1">
        <v>0</v>
      </c>
      <c r="AU1550" s="1">
        <v>0</v>
      </c>
      <c r="AV1550" s="1">
        <v>0</v>
      </c>
      <c r="BF1550" s="1">
        <v>0</v>
      </c>
      <c r="BG1550" s="1">
        <v>0</v>
      </c>
      <c r="BH1550" s="1">
        <v>0</v>
      </c>
      <c r="BK1550" s="1">
        <v>0</v>
      </c>
      <c r="BM1550" s="1">
        <v>0</v>
      </c>
      <c r="BO1550" s="1">
        <v>0</v>
      </c>
    </row>
    <row r="1551" spans="1:69" x14ac:dyDescent="0.25">
      <c r="A1551" s="1">
        <v>30504138</v>
      </c>
      <c r="B1551" t="s">
        <v>3720</v>
      </c>
      <c r="C1551" t="s">
        <v>39</v>
      </c>
      <c r="D1551" t="s">
        <v>3138</v>
      </c>
      <c r="E1551" t="s">
        <v>175</v>
      </c>
      <c r="L1551" t="s">
        <v>52</v>
      </c>
      <c r="M1551" s="1">
        <v>0</v>
      </c>
      <c r="N1551" s="1">
        <v>0</v>
      </c>
      <c r="O1551" t="s">
        <v>3139</v>
      </c>
      <c r="P1551" t="s">
        <v>216</v>
      </c>
      <c r="Q1551" t="s">
        <v>196</v>
      </c>
      <c r="S1551" s="1">
        <v>0</v>
      </c>
      <c r="T1551" t="s">
        <v>175</v>
      </c>
      <c r="Y1551" t="s">
        <v>224</v>
      </c>
      <c r="AC1551" t="s">
        <v>199</v>
      </c>
      <c r="AD1551" t="s">
        <v>181</v>
      </c>
      <c r="AE1551" t="s">
        <v>181</v>
      </c>
      <c r="AF1551" t="s">
        <v>181</v>
      </c>
      <c r="AG1551" t="s">
        <v>181</v>
      </c>
      <c r="AH1551" t="s">
        <v>175</v>
      </c>
      <c r="AI1551" t="s">
        <v>181</v>
      </c>
      <c r="AJ1551" t="s">
        <v>181</v>
      </c>
      <c r="AK1551" t="s">
        <v>181</v>
      </c>
      <c r="AL1551" t="s">
        <v>42</v>
      </c>
      <c r="AM1551" t="s">
        <v>185</v>
      </c>
      <c r="AN1551" t="s">
        <v>201</v>
      </c>
      <c r="AO1551" t="s">
        <v>184</v>
      </c>
      <c r="AP1551" t="s">
        <v>183</v>
      </c>
      <c r="AQ1551" t="s">
        <v>203</v>
      </c>
      <c r="AR1551" t="s">
        <v>202</v>
      </c>
      <c r="AS1551" t="s">
        <v>204</v>
      </c>
      <c r="AT1551" t="s">
        <v>206</v>
      </c>
      <c r="AU1551" t="s">
        <v>205</v>
      </c>
      <c r="AV1551" t="s">
        <v>182</v>
      </c>
      <c r="AX1551" t="s">
        <v>186</v>
      </c>
      <c r="AY1551" t="s">
        <v>187</v>
      </c>
      <c r="AZ1551" t="s">
        <v>207</v>
      </c>
      <c r="BA1551" t="s">
        <v>188</v>
      </c>
      <c r="BC1551" t="s">
        <v>209</v>
      </c>
      <c r="BF1551" t="s">
        <v>49</v>
      </c>
      <c r="BG1551" s="1">
        <v>0</v>
      </c>
      <c r="BH1551" t="s">
        <v>211</v>
      </c>
      <c r="BK1551" t="s">
        <v>191</v>
      </c>
      <c r="BL1551" t="s">
        <v>518</v>
      </c>
      <c r="BM1551" t="s">
        <v>191</v>
      </c>
      <c r="BN1551" t="s">
        <v>316</v>
      </c>
      <c r="BO1551" t="s">
        <v>191</v>
      </c>
      <c r="BP1551" t="s">
        <v>3721</v>
      </c>
    </row>
    <row r="1552" spans="1:69" x14ac:dyDescent="0.25">
      <c r="A1552" s="1">
        <v>30504696</v>
      </c>
      <c r="B1552" t="s">
        <v>4598</v>
      </c>
      <c r="C1552" t="s">
        <v>39</v>
      </c>
      <c r="D1552" t="s">
        <v>3727</v>
      </c>
      <c r="E1552" t="s">
        <v>175</v>
      </c>
      <c r="L1552" t="s">
        <v>52</v>
      </c>
      <c r="M1552" s="1">
        <v>0</v>
      </c>
      <c r="N1552" s="1">
        <v>0</v>
      </c>
      <c r="O1552" t="s">
        <v>3728</v>
      </c>
      <c r="P1552" t="s">
        <v>216</v>
      </c>
      <c r="Q1552" t="s">
        <v>196</v>
      </c>
      <c r="S1552" s="1">
        <v>0</v>
      </c>
      <c r="T1552" t="s">
        <v>175</v>
      </c>
      <c r="Y1552" t="s">
        <v>224</v>
      </c>
      <c r="AC1552" t="s">
        <v>180</v>
      </c>
      <c r="AD1552" t="s">
        <v>175</v>
      </c>
      <c r="AE1552" t="s">
        <v>200</v>
      </c>
      <c r="AF1552" t="s">
        <v>200</v>
      </c>
      <c r="AG1552" t="s">
        <v>200</v>
      </c>
      <c r="AH1552" t="s">
        <v>200</v>
      </c>
      <c r="AI1552" t="s">
        <v>175</v>
      </c>
      <c r="AJ1552" t="s">
        <v>181</v>
      </c>
      <c r="AK1552" t="s">
        <v>175</v>
      </c>
      <c r="AL1552" t="s">
        <v>42</v>
      </c>
      <c r="AM1552" t="s">
        <v>185</v>
      </c>
      <c r="AN1552" t="s">
        <v>206</v>
      </c>
      <c r="AO1552" t="s">
        <v>184</v>
      </c>
      <c r="AP1552" t="s">
        <v>182</v>
      </c>
      <c r="AQ1552" t="s">
        <v>183</v>
      </c>
      <c r="AR1552" t="s">
        <v>202</v>
      </c>
      <c r="AS1552" t="s">
        <v>203</v>
      </c>
      <c r="AT1552" t="s">
        <v>204</v>
      </c>
      <c r="AU1552" t="s">
        <v>205</v>
      </c>
      <c r="AV1552" t="s">
        <v>201</v>
      </c>
      <c r="AX1552" t="s">
        <v>186</v>
      </c>
      <c r="AZ1552" t="s">
        <v>207</v>
      </c>
      <c r="BF1552" t="s">
        <v>189</v>
      </c>
      <c r="BG1552" s="1">
        <v>0</v>
      </c>
      <c r="BH1552" t="s">
        <v>211</v>
      </c>
      <c r="BK1552" t="s">
        <v>191</v>
      </c>
      <c r="BL1552" t="s">
        <v>4599</v>
      </c>
      <c r="BM1552" t="s">
        <v>191</v>
      </c>
      <c r="BN1552" t="s">
        <v>4600</v>
      </c>
      <c r="BO1552" t="s">
        <v>218</v>
      </c>
      <c r="BP1552" t="s">
        <v>4601</v>
      </c>
    </row>
    <row r="1553" spans="1:69" x14ac:dyDescent="0.25">
      <c r="A1553" s="1">
        <v>30504769</v>
      </c>
      <c r="B1553" t="s">
        <v>893</v>
      </c>
      <c r="C1553" t="s">
        <v>39</v>
      </c>
      <c r="D1553" t="s">
        <v>174</v>
      </c>
      <c r="E1553" t="s">
        <v>195</v>
      </c>
      <c r="L1553" t="s">
        <v>52</v>
      </c>
      <c r="M1553" s="1">
        <v>0</v>
      </c>
      <c r="N1553" s="1">
        <v>0</v>
      </c>
      <c r="O1553" t="s">
        <v>174</v>
      </c>
      <c r="P1553" t="s">
        <v>176</v>
      </c>
      <c r="Q1553" t="s">
        <v>238</v>
      </c>
      <c r="S1553" t="s">
        <v>178</v>
      </c>
      <c r="T1553" t="s">
        <v>297</v>
      </c>
      <c r="U1553" t="s">
        <v>894</v>
      </c>
      <c r="Z1553" t="s">
        <v>244</v>
      </c>
      <c r="AA1553" t="s">
        <v>273</v>
      </c>
      <c r="AB1553" t="s">
        <v>895</v>
      </c>
      <c r="AC1553" t="s">
        <v>199</v>
      </c>
      <c r="AD1553" t="s">
        <v>181</v>
      </c>
      <c r="AE1553" t="s">
        <v>181</v>
      </c>
      <c r="AF1553" t="s">
        <v>230</v>
      </c>
      <c r="AG1553" t="s">
        <v>181</v>
      </c>
      <c r="AH1553" t="s">
        <v>175</v>
      </c>
      <c r="AI1553" t="s">
        <v>175</v>
      </c>
      <c r="AJ1553" t="s">
        <v>181</v>
      </c>
      <c r="AK1553" t="s">
        <v>230</v>
      </c>
      <c r="AL1553" t="s">
        <v>42</v>
      </c>
      <c r="AM1553" t="s">
        <v>205</v>
      </c>
      <c r="AN1553" t="s">
        <v>182</v>
      </c>
      <c r="AO1553" t="s">
        <v>202</v>
      </c>
      <c r="AP1553" t="s">
        <v>206</v>
      </c>
      <c r="AQ1553" t="s">
        <v>185</v>
      </c>
      <c r="AR1553" t="s">
        <v>184</v>
      </c>
      <c r="AS1553" t="s">
        <v>204</v>
      </c>
      <c r="AT1553" t="s">
        <v>183</v>
      </c>
      <c r="AU1553" t="s">
        <v>201</v>
      </c>
      <c r="AV1553" t="s">
        <v>203</v>
      </c>
      <c r="AW1553" t="s">
        <v>896</v>
      </c>
      <c r="AX1553" t="s">
        <v>186</v>
      </c>
      <c r="AY1553" t="s">
        <v>187</v>
      </c>
      <c r="AZ1553" t="s">
        <v>207</v>
      </c>
      <c r="BD1553" t="s">
        <v>273</v>
      </c>
      <c r="BE1553" t="s">
        <v>897</v>
      </c>
      <c r="BF1553" t="s">
        <v>189</v>
      </c>
      <c r="BG1553" s="1">
        <v>0</v>
      </c>
      <c r="BH1553" t="s">
        <v>247</v>
      </c>
      <c r="BK1553" t="s">
        <v>191</v>
      </c>
      <c r="BL1553" t="s">
        <v>898</v>
      </c>
      <c r="BM1553" t="s">
        <v>191</v>
      </c>
      <c r="BN1553" t="s">
        <v>899</v>
      </c>
      <c r="BO1553" t="s">
        <v>218</v>
      </c>
      <c r="BP1553" t="s">
        <v>900</v>
      </c>
      <c r="BQ1553" t="s">
        <v>901</v>
      </c>
    </row>
    <row r="1554" spans="1:69" x14ac:dyDescent="0.25">
      <c r="A1554" s="1">
        <v>30504987</v>
      </c>
      <c r="B1554" t="s">
        <v>1593</v>
      </c>
      <c r="C1554" t="s">
        <v>39</v>
      </c>
      <c r="D1554" t="s">
        <v>942</v>
      </c>
      <c r="E1554" t="s">
        <v>216</v>
      </c>
      <c r="L1554" t="s">
        <v>52</v>
      </c>
      <c r="M1554" s="1">
        <v>0</v>
      </c>
      <c r="N1554" s="1">
        <v>0</v>
      </c>
      <c r="O1554" t="s">
        <v>942</v>
      </c>
      <c r="P1554" t="s">
        <v>216</v>
      </c>
      <c r="Q1554" t="s">
        <v>258</v>
      </c>
      <c r="S1554" s="1">
        <v>0</v>
      </c>
      <c r="T1554" t="s">
        <v>297</v>
      </c>
      <c r="U1554" t="s">
        <v>1594</v>
      </c>
      <c r="W1554" t="s">
        <v>262</v>
      </c>
      <c r="Z1554" t="s">
        <v>244</v>
      </c>
      <c r="AC1554" t="s">
        <v>609</v>
      </c>
      <c r="AD1554" s="1">
        <v>0</v>
      </c>
      <c r="AE1554" s="1">
        <v>0</v>
      </c>
      <c r="AF1554" s="1">
        <v>0</v>
      </c>
      <c r="AG1554" s="1">
        <v>0</v>
      </c>
      <c r="AH1554" s="1">
        <v>0</v>
      </c>
      <c r="AI1554" s="1">
        <v>0</v>
      </c>
      <c r="AJ1554" s="1">
        <v>0</v>
      </c>
      <c r="AK1554" s="1">
        <v>0</v>
      </c>
      <c r="AL1554" s="1">
        <v>0</v>
      </c>
      <c r="AM1554" s="1">
        <v>0</v>
      </c>
      <c r="AN1554" s="1">
        <v>0</v>
      </c>
      <c r="AO1554" s="1">
        <v>0</v>
      </c>
      <c r="AP1554" s="1">
        <v>0</v>
      </c>
      <c r="AQ1554" s="1">
        <v>0</v>
      </c>
      <c r="AR1554" s="1">
        <v>0</v>
      </c>
      <c r="AS1554" s="1">
        <v>0</v>
      </c>
      <c r="AT1554" s="1">
        <v>0</v>
      </c>
      <c r="AU1554" s="1">
        <v>0</v>
      </c>
      <c r="AV1554" s="1">
        <v>0</v>
      </c>
      <c r="BF1554" s="1">
        <v>0</v>
      </c>
      <c r="BG1554" s="1">
        <v>0</v>
      </c>
      <c r="BH1554" s="1">
        <v>0</v>
      </c>
      <c r="BK1554" s="1">
        <v>0</v>
      </c>
      <c r="BM1554" s="1">
        <v>0</v>
      </c>
      <c r="BO1554" s="1">
        <v>0</v>
      </c>
    </row>
    <row r="1555" spans="1:69" x14ac:dyDescent="0.25">
      <c r="A1555" s="1">
        <v>30505663</v>
      </c>
      <c r="B1555" t="s">
        <v>902</v>
      </c>
      <c r="C1555" t="s">
        <v>39</v>
      </c>
      <c r="D1555" t="s">
        <v>174</v>
      </c>
      <c r="E1555" t="s">
        <v>175</v>
      </c>
      <c r="L1555" t="s">
        <v>52</v>
      </c>
      <c r="M1555" s="1">
        <v>0</v>
      </c>
      <c r="N1555" s="1">
        <v>0</v>
      </c>
      <c r="O1555" t="s">
        <v>174</v>
      </c>
      <c r="P1555" t="s">
        <v>176</v>
      </c>
      <c r="Q1555" t="s">
        <v>196</v>
      </c>
      <c r="S1555" t="s">
        <v>178</v>
      </c>
      <c r="T1555" t="s">
        <v>175</v>
      </c>
      <c r="Y1555" t="s">
        <v>224</v>
      </c>
      <c r="AC1555" t="s">
        <v>199</v>
      </c>
      <c r="AD1555" t="s">
        <v>175</v>
      </c>
      <c r="AE1555" t="s">
        <v>181</v>
      </c>
      <c r="AF1555" t="s">
        <v>175</v>
      </c>
      <c r="AG1555" t="s">
        <v>175</v>
      </c>
      <c r="AH1555" t="s">
        <v>175</v>
      </c>
      <c r="AI1555" t="s">
        <v>175</v>
      </c>
      <c r="AJ1555" t="s">
        <v>175</v>
      </c>
      <c r="AK1555" t="s">
        <v>181</v>
      </c>
      <c r="AL1555" t="s">
        <v>52</v>
      </c>
      <c r="AM1555" t="s">
        <v>182</v>
      </c>
      <c r="AN1555" s="1">
        <v>0</v>
      </c>
      <c r="AO1555" t="s">
        <v>183</v>
      </c>
      <c r="AP1555" t="s">
        <v>184</v>
      </c>
      <c r="AQ1555" s="1">
        <v>0</v>
      </c>
      <c r="AR1555" s="1">
        <v>0</v>
      </c>
      <c r="AS1555" s="1">
        <v>0</v>
      </c>
      <c r="AT1555" t="s">
        <v>185</v>
      </c>
      <c r="AU1555" s="1">
        <v>0</v>
      </c>
      <c r="AV1555" s="1">
        <v>0</v>
      </c>
      <c r="BF1555" s="1">
        <v>0</v>
      </c>
      <c r="BG1555" s="1">
        <v>0</v>
      </c>
      <c r="BH1555" s="1">
        <v>0</v>
      </c>
      <c r="BK1555" s="1">
        <v>0</v>
      </c>
      <c r="BM1555" s="1">
        <v>0</v>
      </c>
      <c r="BO1555" s="1">
        <v>0</v>
      </c>
    </row>
    <row r="1556" spans="1:69" x14ac:dyDescent="0.25">
      <c r="A1556" s="1">
        <v>30507313</v>
      </c>
      <c r="B1556" t="s">
        <v>3722</v>
      </c>
      <c r="C1556" t="s">
        <v>39</v>
      </c>
      <c r="D1556" t="s">
        <v>3138</v>
      </c>
      <c r="E1556" t="s">
        <v>216</v>
      </c>
      <c r="L1556" t="s">
        <v>52</v>
      </c>
      <c r="M1556" s="1">
        <v>0</v>
      </c>
      <c r="N1556" s="1">
        <v>0</v>
      </c>
      <c r="O1556" t="s">
        <v>3139</v>
      </c>
      <c r="P1556" t="s">
        <v>216</v>
      </c>
      <c r="Q1556" t="s">
        <v>322</v>
      </c>
      <c r="S1556" s="1">
        <v>0</v>
      </c>
      <c r="T1556" t="s">
        <v>197</v>
      </c>
      <c r="Y1556" t="s">
        <v>224</v>
      </c>
      <c r="AC1556" t="s">
        <v>199</v>
      </c>
      <c r="AD1556" t="s">
        <v>175</v>
      </c>
      <c r="AE1556" t="s">
        <v>175</v>
      </c>
      <c r="AF1556" t="s">
        <v>175</v>
      </c>
      <c r="AG1556" t="s">
        <v>175</v>
      </c>
      <c r="AH1556" t="s">
        <v>175</v>
      </c>
      <c r="AI1556" t="s">
        <v>175</v>
      </c>
      <c r="AJ1556" t="s">
        <v>175</v>
      </c>
      <c r="AK1556" t="s">
        <v>175</v>
      </c>
      <c r="AL1556" t="s">
        <v>52</v>
      </c>
      <c r="AM1556" s="1">
        <v>0</v>
      </c>
      <c r="AN1556" s="1">
        <v>0</v>
      </c>
      <c r="AO1556" s="1">
        <v>0</v>
      </c>
      <c r="AP1556" t="s">
        <v>185</v>
      </c>
      <c r="AQ1556" s="1">
        <v>0</v>
      </c>
      <c r="AR1556" s="1">
        <v>0</v>
      </c>
      <c r="AS1556" s="1">
        <v>0</v>
      </c>
      <c r="AT1556" s="1">
        <v>0</v>
      </c>
      <c r="AU1556" s="1">
        <v>0</v>
      </c>
      <c r="AV1556" s="1">
        <v>0</v>
      </c>
      <c r="AX1556" t="s">
        <v>186</v>
      </c>
      <c r="AY1556" t="s">
        <v>187</v>
      </c>
      <c r="AZ1556" t="s">
        <v>207</v>
      </c>
      <c r="BC1556" t="s">
        <v>209</v>
      </c>
      <c r="BF1556" t="s">
        <v>49</v>
      </c>
      <c r="BG1556" s="1">
        <v>0</v>
      </c>
      <c r="BH1556" t="s">
        <v>211</v>
      </c>
      <c r="BK1556" t="s">
        <v>191</v>
      </c>
      <c r="BM1556" t="s">
        <v>191</v>
      </c>
      <c r="BO1556" t="s">
        <v>191</v>
      </c>
    </row>
    <row r="1557" spans="1:69" x14ac:dyDescent="0.25">
      <c r="A1557" s="1">
        <v>30507475</v>
      </c>
      <c r="B1557" t="s">
        <v>4602</v>
      </c>
      <c r="C1557" t="s">
        <v>39</v>
      </c>
      <c r="D1557" t="s">
        <v>3727</v>
      </c>
      <c r="E1557" t="s">
        <v>200</v>
      </c>
      <c r="L1557" t="s">
        <v>52</v>
      </c>
      <c r="M1557" s="1">
        <v>0</v>
      </c>
      <c r="N1557" s="1">
        <v>0</v>
      </c>
      <c r="O1557" t="s">
        <v>3728</v>
      </c>
      <c r="P1557" t="s">
        <v>216</v>
      </c>
      <c r="Q1557" t="s">
        <v>196</v>
      </c>
      <c r="S1557" s="1">
        <v>0</v>
      </c>
      <c r="T1557" t="s">
        <v>200</v>
      </c>
      <c r="X1557" t="s">
        <v>179</v>
      </c>
      <c r="AC1557" t="s">
        <v>199</v>
      </c>
      <c r="AD1557" t="s">
        <v>175</v>
      </c>
      <c r="AE1557" t="s">
        <v>175</v>
      </c>
      <c r="AF1557" t="s">
        <v>175</v>
      </c>
      <c r="AG1557" t="s">
        <v>175</v>
      </c>
      <c r="AH1557" t="s">
        <v>175</v>
      </c>
      <c r="AI1557" t="s">
        <v>175</v>
      </c>
      <c r="AJ1557" t="s">
        <v>175</v>
      </c>
      <c r="AK1557" t="s">
        <v>175</v>
      </c>
      <c r="AL1557" t="s">
        <v>42</v>
      </c>
      <c r="AM1557" t="s">
        <v>185</v>
      </c>
      <c r="AN1557" t="s">
        <v>202</v>
      </c>
      <c r="AO1557" t="s">
        <v>201</v>
      </c>
      <c r="AP1557" t="s">
        <v>184</v>
      </c>
      <c r="AQ1557" t="s">
        <v>205</v>
      </c>
      <c r="AR1557" t="s">
        <v>206</v>
      </c>
      <c r="AS1557" t="s">
        <v>183</v>
      </c>
      <c r="AT1557" t="s">
        <v>203</v>
      </c>
      <c r="AU1557" t="s">
        <v>204</v>
      </c>
      <c r="AV1557" t="s">
        <v>182</v>
      </c>
      <c r="AX1557" t="s">
        <v>186</v>
      </c>
      <c r="AY1557" t="s">
        <v>187</v>
      </c>
      <c r="AZ1557" t="s">
        <v>207</v>
      </c>
      <c r="BF1557" t="s">
        <v>210</v>
      </c>
      <c r="BG1557" s="1">
        <v>0</v>
      </c>
      <c r="BH1557" t="s">
        <v>211</v>
      </c>
      <c r="BK1557" t="s">
        <v>191</v>
      </c>
      <c r="BL1557" t="s">
        <v>4603</v>
      </c>
      <c r="BM1557" t="s">
        <v>218</v>
      </c>
      <c r="BN1557" t="s">
        <v>4604</v>
      </c>
      <c r="BO1557" t="s">
        <v>218</v>
      </c>
      <c r="BP1557" t="s">
        <v>4605</v>
      </c>
      <c r="BQ1557" t="s">
        <v>4606</v>
      </c>
    </row>
    <row r="1558" spans="1:69" x14ac:dyDescent="0.25">
      <c r="A1558" s="1">
        <v>30507543</v>
      </c>
      <c r="B1558" t="s">
        <v>1595</v>
      </c>
      <c r="C1558" t="s">
        <v>39</v>
      </c>
      <c r="D1558" t="s">
        <v>942</v>
      </c>
      <c r="E1558" t="s">
        <v>200</v>
      </c>
      <c r="L1558" t="s">
        <v>52</v>
      </c>
      <c r="M1558" s="1">
        <v>0</v>
      </c>
      <c r="N1558" s="1">
        <v>0</v>
      </c>
      <c r="O1558" t="s">
        <v>942</v>
      </c>
      <c r="P1558" t="s">
        <v>216</v>
      </c>
      <c r="Q1558" t="s">
        <v>322</v>
      </c>
      <c r="S1558" s="1">
        <v>0</v>
      </c>
      <c r="T1558" t="s">
        <v>200</v>
      </c>
      <c r="AA1558" t="s">
        <v>273</v>
      </c>
      <c r="AB1558" t="s">
        <v>1596</v>
      </c>
      <c r="AC1558" t="s">
        <v>180</v>
      </c>
      <c r="AD1558" t="s">
        <v>200</v>
      </c>
      <c r="AE1558" t="s">
        <v>200</v>
      </c>
      <c r="AF1558" t="s">
        <v>200</v>
      </c>
      <c r="AG1558" t="s">
        <v>200</v>
      </c>
      <c r="AH1558" t="s">
        <v>200</v>
      </c>
      <c r="AI1558" t="s">
        <v>200</v>
      </c>
      <c r="AJ1558" t="s">
        <v>200</v>
      </c>
      <c r="AK1558" t="s">
        <v>200</v>
      </c>
      <c r="AL1558" t="s">
        <v>42</v>
      </c>
      <c r="AM1558" s="1">
        <v>0</v>
      </c>
      <c r="AN1558" s="1">
        <v>0</v>
      </c>
      <c r="AO1558" s="1">
        <v>0</v>
      </c>
      <c r="AP1558" s="1">
        <v>0</v>
      </c>
      <c r="AQ1558" s="1">
        <v>0</v>
      </c>
      <c r="AR1558" s="1">
        <v>0</v>
      </c>
      <c r="AS1558" s="1">
        <v>0</v>
      </c>
      <c r="AT1558" s="1">
        <v>0</v>
      </c>
      <c r="AU1558" s="1">
        <v>0</v>
      </c>
      <c r="AV1558" s="1">
        <v>0</v>
      </c>
      <c r="BF1558" t="s">
        <v>210</v>
      </c>
      <c r="BG1558" s="1">
        <v>0</v>
      </c>
      <c r="BH1558" t="s">
        <v>211</v>
      </c>
      <c r="BK1558" s="1">
        <v>0</v>
      </c>
      <c r="BL1558" t="s">
        <v>1597</v>
      </c>
      <c r="BM1558" s="1">
        <v>0</v>
      </c>
      <c r="BO1558" s="1">
        <v>0</v>
      </c>
    </row>
    <row r="1559" spans="1:69" x14ac:dyDescent="0.25">
      <c r="A1559" s="1">
        <v>30508044</v>
      </c>
      <c r="B1559" t="s">
        <v>903</v>
      </c>
      <c r="C1559" t="s">
        <v>39</v>
      </c>
      <c r="D1559" t="s">
        <v>174</v>
      </c>
      <c r="E1559" t="s">
        <v>200</v>
      </c>
      <c r="L1559" t="s">
        <v>52</v>
      </c>
      <c r="M1559" s="1">
        <v>0</v>
      </c>
      <c r="N1559" s="1">
        <v>0</v>
      </c>
      <c r="O1559" t="s">
        <v>174</v>
      </c>
      <c r="P1559" t="s">
        <v>176</v>
      </c>
      <c r="Q1559" t="s">
        <v>258</v>
      </c>
      <c r="S1559" t="s">
        <v>178</v>
      </c>
      <c r="T1559" t="s">
        <v>200</v>
      </c>
      <c r="X1559" t="s">
        <v>179</v>
      </c>
      <c r="AC1559" t="s">
        <v>266</v>
      </c>
      <c r="AD1559" t="s">
        <v>175</v>
      </c>
      <c r="AE1559" t="s">
        <v>175</v>
      </c>
      <c r="AF1559" t="s">
        <v>175</v>
      </c>
      <c r="AG1559" t="s">
        <v>175</v>
      </c>
      <c r="AH1559" t="s">
        <v>175</v>
      </c>
      <c r="AI1559" t="s">
        <v>175</v>
      </c>
      <c r="AJ1559" t="s">
        <v>175</v>
      </c>
      <c r="AK1559" t="s">
        <v>175</v>
      </c>
      <c r="AL1559" t="s">
        <v>52</v>
      </c>
      <c r="AM1559" s="1">
        <v>0</v>
      </c>
      <c r="AN1559" t="s">
        <v>182</v>
      </c>
      <c r="AO1559" t="s">
        <v>185</v>
      </c>
      <c r="AP1559" s="1">
        <v>0</v>
      </c>
      <c r="AQ1559" t="s">
        <v>184</v>
      </c>
      <c r="AR1559" s="1">
        <v>0</v>
      </c>
      <c r="AS1559" s="1">
        <v>0</v>
      </c>
      <c r="AT1559" s="1">
        <v>0</v>
      </c>
      <c r="AU1559" s="1">
        <v>0</v>
      </c>
      <c r="AV1559" s="1">
        <v>0</v>
      </c>
      <c r="BA1559" t="s">
        <v>188</v>
      </c>
      <c r="BF1559" t="s">
        <v>210</v>
      </c>
      <c r="BG1559" s="1">
        <v>0</v>
      </c>
      <c r="BH1559" t="s">
        <v>211</v>
      </c>
      <c r="BK1559" s="1">
        <v>0</v>
      </c>
      <c r="BM1559" s="1">
        <v>0</v>
      </c>
      <c r="BO1559" s="1">
        <v>0</v>
      </c>
    </row>
    <row r="1560" spans="1:69" x14ac:dyDescent="0.25">
      <c r="A1560" s="1">
        <v>30510338</v>
      </c>
      <c r="B1560" t="s">
        <v>165</v>
      </c>
      <c r="C1560" t="s">
        <v>39</v>
      </c>
      <c r="L1560" t="s">
        <v>52</v>
      </c>
      <c r="M1560" s="1">
        <v>0</v>
      </c>
      <c r="N1560" s="1">
        <v>0</v>
      </c>
      <c r="O1560" s="1">
        <v>0</v>
      </c>
      <c r="P1560" s="1">
        <v>0</v>
      </c>
      <c r="Q1560" s="1">
        <v>0</v>
      </c>
      <c r="S1560" s="1">
        <v>0</v>
      </c>
      <c r="T1560" s="1">
        <v>0</v>
      </c>
      <c r="AC1560" s="1">
        <v>0</v>
      </c>
      <c r="AD1560" s="1">
        <v>0</v>
      </c>
      <c r="AE1560" s="1">
        <v>0</v>
      </c>
      <c r="AF1560" s="1">
        <v>0</v>
      </c>
      <c r="AG1560" s="1">
        <v>0</v>
      </c>
      <c r="AH1560" s="1">
        <v>0</v>
      </c>
      <c r="AI1560" s="1">
        <v>0</v>
      </c>
      <c r="AJ1560" s="1">
        <v>0</v>
      </c>
      <c r="AK1560" s="1">
        <v>0</v>
      </c>
      <c r="AL1560" s="1">
        <v>0</v>
      </c>
      <c r="AM1560" s="1">
        <v>0</v>
      </c>
      <c r="AN1560" s="1">
        <v>0</v>
      </c>
      <c r="AO1560" s="1">
        <v>0</v>
      </c>
      <c r="AP1560" s="1">
        <v>0</v>
      </c>
      <c r="AQ1560" s="1">
        <v>0</v>
      </c>
      <c r="AR1560" s="1">
        <v>0</v>
      </c>
      <c r="AS1560" s="1">
        <v>0</v>
      </c>
      <c r="AT1560" s="1">
        <v>0</v>
      </c>
      <c r="AU1560" s="1">
        <v>0</v>
      </c>
      <c r="AV1560" s="1">
        <v>0</v>
      </c>
      <c r="BF1560" s="1">
        <v>0</v>
      </c>
      <c r="BG1560" s="1">
        <v>0</v>
      </c>
      <c r="BH1560" s="1">
        <v>0</v>
      </c>
      <c r="BK1560" s="1">
        <v>0</v>
      </c>
      <c r="BM1560" s="1">
        <v>0</v>
      </c>
      <c r="BO1560" s="1">
        <v>0</v>
      </c>
    </row>
    <row r="1561" spans="1:69" x14ac:dyDescent="0.25">
      <c r="A1561" s="1">
        <v>30510680</v>
      </c>
      <c r="B1561" t="s">
        <v>904</v>
      </c>
      <c r="C1561" t="s">
        <v>39</v>
      </c>
      <c r="D1561" t="s">
        <v>174</v>
      </c>
      <c r="E1561" t="s">
        <v>200</v>
      </c>
      <c r="L1561" t="s">
        <v>52</v>
      </c>
      <c r="M1561" s="1">
        <v>0</v>
      </c>
      <c r="N1561" s="1">
        <v>0</v>
      </c>
      <c r="O1561" t="s">
        <v>174</v>
      </c>
      <c r="P1561" t="s">
        <v>176</v>
      </c>
      <c r="Q1561" t="s">
        <v>196</v>
      </c>
      <c r="S1561" t="s">
        <v>178</v>
      </c>
      <c r="T1561" t="s">
        <v>200</v>
      </c>
      <c r="AC1561" t="s">
        <v>180</v>
      </c>
      <c r="AD1561" t="s">
        <v>200</v>
      </c>
      <c r="AE1561" t="s">
        <v>200</v>
      </c>
      <c r="AF1561" t="s">
        <v>200</v>
      </c>
      <c r="AG1561" t="s">
        <v>175</v>
      </c>
      <c r="AH1561" t="s">
        <v>200</v>
      </c>
      <c r="AI1561" t="s">
        <v>200</v>
      </c>
      <c r="AJ1561" t="s">
        <v>200</v>
      </c>
      <c r="AK1561" t="s">
        <v>200</v>
      </c>
      <c r="AL1561" t="s">
        <v>52</v>
      </c>
      <c r="AM1561" t="s">
        <v>183</v>
      </c>
      <c r="AN1561" t="s">
        <v>205</v>
      </c>
      <c r="AO1561" t="s">
        <v>185</v>
      </c>
      <c r="AP1561" t="s">
        <v>201</v>
      </c>
      <c r="AQ1561" t="s">
        <v>184</v>
      </c>
      <c r="AR1561" t="s">
        <v>182</v>
      </c>
      <c r="AS1561" t="s">
        <v>203</v>
      </c>
      <c r="AT1561" t="s">
        <v>204</v>
      </c>
      <c r="AU1561" t="s">
        <v>202</v>
      </c>
      <c r="AV1561" t="s">
        <v>206</v>
      </c>
      <c r="AW1561" t="s">
        <v>905</v>
      </c>
      <c r="AX1561" t="s">
        <v>186</v>
      </c>
      <c r="AZ1561" t="s">
        <v>207</v>
      </c>
      <c r="BA1561" t="s">
        <v>188</v>
      </c>
      <c r="BC1561" t="s">
        <v>209</v>
      </c>
      <c r="BF1561" t="s">
        <v>210</v>
      </c>
      <c r="BG1561" s="1">
        <v>0</v>
      </c>
      <c r="BH1561" t="s">
        <v>247</v>
      </c>
      <c r="BK1561" t="s">
        <v>191</v>
      </c>
      <c r="BL1561" t="s">
        <v>906</v>
      </c>
      <c r="BM1561" t="s">
        <v>191</v>
      </c>
      <c r="BN1561" t="s">
        <v>907</v>
      </c>
      <c r="BO1561" t="s">
        <v>218</v>
      </c>
      <c r="BP1561" t="s">
        <v>908</v>
      </c>
    </row>
    <row r="1562" spans="1:69" x14ac:dyDescent="0.25">
      <c r="A1562" s="1">
        <v>30511036</v>
      </c>
      <c r="B1562" t="s">
        <v>3136</v>
      </c>
      <c r="C1562" t="s">
        <v>39</v>
      </c>
      <c r="D1562" t="s">
        <v>3125</v>
      </c>
      <c r="L1562" t="s">
        <v>52</v>
      </c>
      <c r="M1562" s="1">
        <v>0</v>
      </c>
      <c r="N1562" s="1">
        <v>0</v>
      </c>
      <c r="O1562" t="s">
        <v>49</v>
      </c>
      <c r="P1562" s="1">
        <v>0</v>
      </c>
      <c r="Q1562" s="1">
        <v>0</v>
      </c>
      <c r="S1562" s="1">
        <v>0</v>
      </c>
      <c r="T1562" s="1">
        <v>0</v>
      </c>
      <c r="AC1562" s="1">
        <v>0</v>
      </c>
      <c r="AD1562" s="1">
        <v>0</v>
      </c>
      <c r="AE1562" s="1">
        <v>0</v>
      </c>
      <c r="AF1562" s="1">
        <v>0</v>
      </c>
      <c r="AG1562" s="1">
        <v>0</v>
      </c>
      <c r="AH1562" s="1">
        <v>0</v>
      </c>
      <c r="AI1562" s="1">
        <v>0</v>
      </c>
      <c r="AJ1562" s="1">
        <v>0</v>
      </c>
      <c r="AK1562" s="1">
        <v>0</v>
      </c>
      <c r="AL1562" s="1">
        <v>0</v>
      </c>
      <c r="AM1562" s="1">
        <v>0</v>
      </c>
      <c r="AN1562" s="1">
        <v>0</v>
      </c>
      <c r="AO1562" s="1">
        <v>0</v>
      </c>
      <c r="AP1562" s="1">
        <v>0</v>
      </c>
      <c r="AQ1562" s="1">
        <v>0</v>
      </c>
      <c r="AR1562" s="1">
        <v>0</v>
      </c>
      <c r="AS1562" s="1">
        <v>0</v>
      </c>
      <c r="AT1562" s="1">
        <v>0</v>
      </c>
      <c r="AU1562" s="1">
        <v>0</v>
      </c>
      <c r="AV1562" s="1">
        <v>0</v>
      </c>
      <c r="BF1562" s="1">
        <v>0</v>
      </c>
      <c r="BG1562" s="1">
        <v>0</v>
      </c>
      <c r="BH1562" s="1">
        <v>0</v>
      </c>
      <c r="BK1562" s="1">
        <v>0</v>
      </c>
      <c r="BM1562" s="1">
        <v>0</v>
      </c>
      <c r="BO1562" s="1">
        <v>0</v>
      </c>
    </row>
    <row r="1563" spans="1:69" x14ac:dyDescent="0.25">
      <c r="A1563" s="1">
        <v>30511349</v>
      </c>
      <c r="B1563" t="s">
        <v>2491</v>
      </c>
      <c r="C1563" t="s">
        <v>39</v>
      </c>
      <c r="D1563" t="s">
        <v>1616</v>
      </c>
      <c r="E1563" t="s">
        <v>175</v>
      </c>
      <c r="L1563" t="s">
        <v>52</v>
      </c>
      <c r="M1563" s="1">
        <v>0</v>
      </c>
      <c r="N1563" s="1">
        <v>0</v>
      </c>
      <c r="O1563" t="s">
        <v>1616</v>
      </c>
      <c r="P1563" t="s">
        <v>216</v>
      </c>
      <c r="Q1563" t="s">
        <v>196</v>
      </c>
      <c r="S1563" s="1">
        <v>0</v>
      </c>
      <c r="T1563" t="s">
        <v>175</v>
      </c>
      <c r="AA1563" t="s">
        <v>273</v>
      </c>
      <c r="AB1563" t="s">
        <v>2492</v>
      </c>
      <c r="AC1563" t="s">
        <v>199</v>
      </c>
      <c r="AD1563" t="s">
        <v>175</v>
      </c>
      <c r="AE1563" t="s">
        <v>175</v>
      </c>
      <c r="AF1563" t="s">
        <v>299</v>
      </c>
      <c r="AG1563" t="s">
        <v>175</v>
      </c>
      <c r="AH1563" t="s">
        <v>175</v>
      </c>
      <c r="AI1563" t="s">
        <v>175</v>
      </c>
      <c r="AJ1563" t="s">
        <v>175</v>
      </c>
      <c r="AK1563" t="s">
        <v>175</v>
      </c>
      <c r="AL1563" t="s">
        <v>42</v>
      </c>
      <c r="AM1563" s="1">
        <v>0</v>
      </c>
      <c r="AN1563" s="1">
        <v>0</v>
      </c>
      <c r="AO1563" s="1">
        <v>0</v>
      </c>
      <c r="AP1563" s="1">
        <v>0</v>
      </c>
      <c r="AQ1563" s="1">
        <v>0</v>
      </c>
      <c r="AR1563" s="1">
        <v>0</v>
      </c>
      <c r="AS1563" s="1">
        <v>0</v>
      </c>
      <c r="AT1563" s="1">
        <v>0</v>
      </c>
      <c r="AU1563" s="1">
        <v>0</v>
      </c>
      <c r="AV1563" s="1">
        <v>0</v>
      </c>
      <c r="BF1563" t="s">
        <v>210</v>
      </c>
      <c r="BG1563" s="1">
        <v>0</v>
      </c>
      <c r="BH1563" t="s">
        <v>190</v>
      </c>
      <c r="BK1563" t="s">
        <v>191</v>
      </c>
      <c r="BM1563" t="s">
        <v>191</v>
      </c>
      <c r="BO1563" t="s">
        <v>218</v>
      </c>
    </row>
    <row r="1564" spans="1:69" x14ac:dyDescent="0.25">
      <c r="A1564" s="1">
        <v>30511383</v>
      </c>
      <c r="B1564" t="s">
        <v>909</v>
      </c>
      <c r="C1564" t="s">
        <v>39</v>
      </c>
      <c r="D1564" t="s">
        <v>174</v>
      </c>
      <c r="E1564" t="s">
        <v>175</v>
      </c>
      <c r="L1564" t="s">
        <v>52</v>
      </c>
      <c r="M1564" s="1">
        <v>0</v>
      </c>
      <c r="N1564" s="1">
        <v>0</v>
      </c>
      <c r="O1564" t="s">
        <v>174</v>
      </c>
      <c r="P1564" t="s">
        <v>216</v>
      </c>
      <c r="Q1564" t="s">
        <v>177</v>
      </c>
      <c r="S1564" s="1">
        <v>0</v>
      </c>
      <c r="T1564" t="s">
        <v>175</v>
      </c>
      <c r="Y1564" t="s">
        <v>224</v>
      </c>
      <c r="AC1564" t="s">
        <v>180</v>
      </c>
      <c r="AD1564" t="s">
        <v>175</v>
      </c>
      <c r="AE1564" t="s">
        <v>175</v>
      </c>
      <c r="AF1564" t="s">
        <v>175</v>
      </c>
      <c r="AG1564" t="s">
        <v>175</v>
      </c>
      <c r="AH1564" t="s">
        <v>175</v>
      </c>
      <c r="AI1564" t="s">
        <v>175</v>
      </c>
      <c r="AJ1564" t="s">
        <v>175</v>
      </c>
      <c r="AK1564" t="s">
        <v>175</v>
      </c>
      <c r="AL1564" t="s">
        <v>52</v>
      </c>
      <c r="AM1564" t="s">
        <v>184</v>
      </c>
      <c r="AN1564" t="s">
        <v>201</v>
      </c>
      <c r="AO1564" t="s">
        <v>182</v>
      </c>
      <c r="AP1564" t="s">
        <v>185</v>
      </c>
      <c r="AQ1564" t="s">
        <v>202</v>
      </c>
      <c r="AR1564" t="s">
        <v>203</v>
      </c>
      <c r="AS1564" t="s">
        <v>183</v>
      </c>
      <c r="AT1564" t="s">
        <v>206</v>
      </c>
      <c r="AU1564" t="s">
        <v>205</v>
      </c>
      <c r="AV1564" t="s">
        <v>204</v>
      </c>
      <c r="AW1564" t="s">
        <v>910</v>
      </c>
      <c r="AZ1564" t="s">
        <v>207</v>
      </c>
      <c r="BC1564" t="s">
        <v>209</v>
      </c>
      <c r="BF1564" t="s">
        <v>292</v>
      </c>
      <c r="BG1564" t="s">
        <v>301</v>
      </c>
      <c r="BH1564" t="s">
        <v>211</v>
      </c>
      <c r="BK1564" t="s">
        <v>191</v>
      </c>
      <c r="BL1564" t="s">
        <v>911</v>
      </c>
      <c r="BM1564" t="s">
        <v>191</v>
      </c>
      <c r="BN1564" t="s">
        <v>911</v>
      </c>
      <c r="BO1564" t="s">
        <v>218</v>
      </c>
      <c r="BP1564" t="s">
        <v>912</v>
      </c>
    </row>
    <row r="1565" spans="1:69" x14ac:dyDescent="0.25">
      <c r="A1565" s="1">
        <v>30511536</v>
      </c>
      <c r="B1565" t="s">
        <v>2493</v>
      </c>
      <c r="C1565" t="s">
        <v>39</v>
      </c>
      <c r="D1565" t="s">
        <v>1616</v>
      </c>
      <c r="E1565" t="s">
        <v>200</v>
      </c>
      <c r="L1565" t="s">
        <v>52</v>
      </c>
      <c r="M1565" s="1">
        <v>0</v>
      </c>
      <c r="N1565" s="1">
        <v>0</v>
      </c>
      <c r="O1565" t="s">
        <v>1616</v>
      </c>
      <c r="P1565" t="s">
        <v>216</v>
      </c>
      <c r="Q1565" t="s">
        <v>196</v>
      </c>
      <c r="S1565" s="1">
        <v>0</v>
      </c>
      <c r="T1565" t="s">
        <v>200</v>
      </c>
      <c r="AA1565" t="s">
        <v>273</v>
      </c>
      <c r="AB1565" t="s">
        <v>2494</v>
      </c>
      <c r="AC1565" t="s">
        <v>199</v>
      </c>
      <c r="AD1565" s="1">
        <v>0</v>
      </c>
      <c r="AE1565" s="1">
        <v>0</v>
      </c>
      <c r="AF1565" s="1">
        <v>0</v>
      </c>
      <c r="AG1565" s="1">
        <v>0</v>
      </c>
      <c r="AH1565" s="1">
        <v>0</v>
      </c>
      <c r="AI1565" s="1">
        <v>0</v>
      </c>
      <c r="AJ1565" s="1">
        <v>0</v>
      </c>
      <c r="AK1565" s="1">
        <v>0</v>
      </c>
      <c r="AL1565" t="s">
        <v>42</v>
      </c>
      <c r="AM1565" t="s">
        <v>183</v>
      </c>
      <c r="AN1565" t="s">
        <v>184</v>
      </c>
      <c r="AO1565" t="s">
        <v>206</v>
      </c>
      <c r="AP1565" t="s">
        <v>185</v>
      </c>
      <c r="AQ1565" t="s">
        <v>203</v>
      </c>
      <c r="AR1565" t="s">
        <v>202</v>
      </c>
      <c r="AS1565" t="s">
        <v>204</v>
      </c>
      <c r="AT1565" t="s">
        <v>182</v>
      </c>
      <c r="AU1565" t="s">
        <v>205</v>
      </c>
      <c r="AV1565" t="s">
        <v>201</v>
      </c>
      <c r="AW1565" t="s">
        <v>225</v>
      </c>
      <c r="BF1565" s="1">
        <v>0</v>
      </c>
      <c r="BG1565" s="1">
        <v>0</v>
      </c>
      <c r="BH1565" s="1">
        <v>0</v>
      </c>
      <c r="BK1565" s="1">
        <v>0</v>
      </c>
      <c r="BM1565" s="1">
        <v>0</v>
      </c>
      <c r="BO1565" s="1">
        <v>0</v>
      </c>
    </row>
    <row r="1566" spans="1:69" x14ac:dyDescent="0.25">
      <c r="A1566" s="1">
        <v>30512305</v>
      </c>
      <c r="B1566" t="s">
        <v>3110</v>
      </c>
      <c r="C1566" t="s">
        <v>39</v>
      </c>
      <c r="D1566" t="s">
        <v>2512</v>
      </c>
      <c r="L1566" t="s">
        <v>52</v>
      </c>
      <c r="M1566" s="1">
        <v>0</v>
      </c>
      <c r="N1566" s="1">
        <v>0</v>
      </c>
      <c r="O1566" t="s">
        <v>2512</v>
      </c>
      <c r="P1566" s="1">
        <v>0</v>
      </c>
      <c r="Q1566" s="1">
        <v>0</v>
      </c>
      <c r="S1566" s="1">
        <v>0</v>
      </c>
      <c r="T1566" s="1">
        <v>0</v>
      </c>
      <c r="AC1566" s="1">
        <v>0</v>
      </c>
      <c r="AD1566" s="1">
        <v>0</v>
      </c>
      <c r="AE1566" s="1">
        <v>0</v>
      </c>
      <c r="AF1566" s="1">
        <v>0</v>
      </c>
      <c r="AG1566" s="1">
        <v>0</v>
      </c>
      <c r="AH1566" s="1">
        <v>0</v>
      </c>
      <c r="AI1566" s="1">
        <v>0</v>
      </c>
      <c r="AJ1566" s="1">
        <v>0</v>
      </c>
      <c r="AK1566" s="1">
        <v>0</v>
      </c>
      <c r="AL1566" s="1">
        <v>0</v>
      </c>
      <c r="AM1566" s="1">
        <v>0</v>
      </c>
      <c r="AN1566" s="1">
        <v>0</v>
      </c>
      <c r="AO1566" s="1">
        <v>0</v>
      </c>
      <c r="AP1566" s="1">
        <v>0</v>
      </c>
      <c r="AQ1566" s="1">
        <v>0</v>
      </c>
      <c r="AR1566" s="1">
        <v>0</v>
      </c>
      <c r="AS1566" s="1">
        <v>0</v>
      </c>
      <c r="AT1566" s="1">
        <v>0</v>
      </c>
      <c r="AU1566" s="1">
        <v>0</v>
      </c>
      <c r="AV1566" s="1">
        <v>0</v>
      </c>
      <c r="BF1566" s="1">
        <v>0</v>
      </c>
      <c r="BG1566" s="1">
        <v>0</v>
      </c>
      <c r="BH1566" s="1">
        <v>0</v>
      </c>
      <c r="BK1566" s="1">
        <v>0</v>
      </c>
      <c r="BM1566" s="1">
        <v>0</v>
      </c>
      <c r="BO1566" s="1">
        <v>0</v>
      </c>
    </row>
    <row r="1567" spans="1:69" x14ac:dyDescent="0.25">
      <c r="A1567" s="1">
        <v>30512352</v>
      </c>
      <c r="B1567" t="s">
        <v>166</v>
      </c>
      <c r="C1567" t="s">
        <v>39</v>
      </c>
      <c r="L1567" t="s">
        <v>42</v>
      </c>
      <c r="M1567" s="1">
        <v>0</v>
      </c>
      <c r="N1567" s="1">
        <v>0</v>
      </c>
      <c r="O1567" s="1">
        <v>0</v>
      </c>
      <c r="P1567" s="1">
        <v>0</v>
      </c>
      <c r="Q1567" s="1">
        <v>0</v>
      </c>
      <c r="S1567" s="1">
        <v>0</v>
      </c>
      <c r="T1567" s="1">
        <v>0</v>
      </c>
      <c r="AC1567" s="1">
        <v>0</v>
      </c>
      <c r="AD1567" s="1">
        <v>0</v>
      </c>
      <c r="AE1567" s="1">
        <v>0</v>
      </c>
      <c r="AF1567" s="1">
        <v>0</v>
      </c>
      <c r="AG1567" s="1">
        <v>0</v>
      </c>
      <c r="AH1567" s="1">
        <v>0</v>
      </c>
      <c r="AI1567" s="1">
        <v>0</v>
      </c>
      <c r="AJ1567" s="1">
        <v>0</v>
      </c>
      <c r="AK1567" s="1">
        <v>0</v>
      </c>
      <c r="AL1567" s="1">
        <v>0</v>
      </c>
      <c r="AM1567" s="1">
        <v>0</v>
      </c>
      <c r="AN1567" s="1">
        <v>0</v>
      </c>
      <c r="AO1567" s="1">
        <v>0</v>
      </c>
      <c r="AP1567" s="1">
        <v>0</v>
      </c>
      <c r="AQ1567" s="1">
        <v>0</v>
      </c>
      <c r="AR1567" s="1">
        <v>0</v>
      </c>
      <c r="AS1567" s="1">
        <v>0</v>
      </c>
      <c r="AT1567" s="1">
        <v>0</v>
      </c>
      <c r="AU1567" s="1">
        <v>0</v>
      </c>
      <c r="AV1567" s="1">
        <v>0</v>
      </c>
      <c r="BF1567" s="1">
        <v>0</v>
      </c>
      <c r="BG1567" s="1">
        <v>0</v>
      </c>
      <c r="BH1567" s="1">
        <v>0</v>
      </c>
      <c r="BK1567" s="1">
        <v>0</v>
      </c>
      <c r="BM1567" s="1">
        <v>0</v>
      </c>
      <c r="BO1567" s="1">
        <v>0</v>
      </c>
    </row>
    <row r="1568" spans="1:69" x14ac:dyDescent="0.25">
      <c r="A1568" s="1">
        <v>30512376</v>
      </c>
      <c r="B1568" t="s">
        <v>3111</v>
      </c>
      <c r="C1568" t="s">
        <v>39</v>
      </c>
      <c r="D1568" t="s">
        <v>2512</v>
      </c>
      <c r="E1568" t="s">
        <v>195</v>
      </c>
      <c r="L1568" t="s">
        <v>52</v>
      </c>
      <c r="M1568" s="1">
        <v>0</v>
      </c>
      <c r="N1568" s="1">
        <v>0</v>
      </c>
      <c r="O1568" t="s">
        <v>2512</v>
      </c>
      <c r="P1568" t="s">
        <v>176</v>
      </c>
      <c r="Q1568" s="1">
        <v>0</v>
      </c>
      <c r="S1568" s="1">
        <v>0</v>
      </c>
      <c r="T1568" s="1">
        <v>0</v>
      </c>
      <c r="AC1568" s="1">
        <v>0</v>
      </c>
      <c r="AD1568" s="1">
        <v>0</v>
      </c>
      <c r="AE1568" s="1">
        <v>0</v>
      </c>
      <c r="AF1568" s="1">
        <v>0</v>
      </c>
      <c r="AG1568" s="1">
        <v>0</v>
      </c>
      <c r="AH1568" s="1">
        <v>0</v>
      </c>
      <c r="AI1568" s="1">
        <v>0</v>
      </c>
      <c r="AJ1568" s="1">
        <v>0</v>
      </c>
      <c r="AK1568" s="1">
        <v>0</v>
      </c>
      <c r="AL1568" s="1">
        <v>0</v>
      </c>
      <c r="AM1568" s="1">
        <v>0</v>
      </c>
      <c r="AN1568" s="1">
        <v>0</v>
      </c>
      <c r="AO1568" s="1">
        <v>0</v>
      </c>
      <c r="AP1568" s="1">
        <v>0</v>
      </c>
      <c r="AQ1568" s="1">
        <v>0</v>
      </c>
      <c r="AR1568" s="1">
        <v>0</v>
      </c>
      <c r="AS1568" s="1">
        <v>0</v>
      </c>
      <c r="AT1568" s="1">
        <v>0</v>
      </c>
      <c r="AU1568" s="1">
        <v>0</v>
      </c>
      <c r="AV1568" s="1">
        <v>0</v>
      </c>
      <c r="BF1568" s="1">
        <v>0</v>
      </c>
      <c r="BG1568" s="1">
        <v>0</v>
      </c>
      <c r="BH1568" s="1">
        <v>0</v>
      </c>
      <c r="BK1568" s="1">
        <v>0</v>
      </c>
      <c r="BM1568" s="1">
        <v>0</v>
      </c>
      <c r="BO1568" s="1">
        <v>0</v>
      </c>
    </row>
    <row r="1569" spans="1:69" x14ac:dyDescent="0.25">
      <c r="A1569" s="1">
        <v>30512377</v>
      </c>
      <c r="B1569" t="s">
        <v>3112</v>
      </c>
      <c r="C1569" t="s">
        <v>39</v>
      </c>
      <c r="D1569" t="s">
        <v>2512</v>
      </c>
      <c r="E1569" t="s">
        <v>200</v>
      </c>
      <c r="L1569" t="s">
        <v>52</v>
      </c>
      <c r="M1569" s="1">
        <v>0</v>
      </c>
      <c r="N1569" s="1">
        <v>0</v>
      </c>
      <c r="O1569" t="s">
        <v>2512</v>
      </c>
      <c r="P1569" t="s">
        <v>176</v>
      </c>
      <c r="Q1569" t="s">
        <v>196</v>
      </c>
      <c r="S1569" t="s">
        <v>178</v>
      </c>
      <c r="T1569" t="s">
        <v>200</v>
      </c>
      <c r="AA1569" t="s">
        <v>273</v>
      </c>
      <c r="AB1569" t="s">
        <v>2364</v>
      </c>
      <c r="AC1569" t="s">
        <v>199</v>
      </c>
      <c r="AD1569" t="s">
        <v>200</v>
      </c>
      <c r="AE1569" t="s">
        <v>200</v>
      </c>
      <c r="AF1569" t="s">
        <v>200</v>
      </c>
      <c r="AG1569" t="s">
        <v>200</v>
      </c>
      <c r="AH1569" t="s">
        <v>200</v>
      </c>
      <c r="AI1569" t="s">
        <v>200</v>
      </c>
      <c r="AJ1569" t="s">
        <v>200</v>
      </c>
      <c r="AK1569" t="s">
        <v>200</v>
      </c>
      <c r="AL1569" t="s">
        <v>42</v>
      </c>
      <c r="AM1569" t="s">
        <v>185</v>
      </c>
      <c r="AN1569" t="s">
        <v>201</v>
      </c>
      <c r="AO1569" t="s">
        <v>182</v>
      </c>
      <c r="AP1569" t="s">
        <v>184</v>
      </c>
      <c r="AQ1569" t="s">
        <v>202</v>
      </c>
      <c r="AR1569" t="s">
        <v>203</v>
      </c>
      <c r="AS1569" t="s">
        <v>205</v>
      </c>
      <c r="AT1569" t="s">
        <v>204</v>
      </c>
      <c r="AU1569" t="s">
        <v>206</v>
      </c>
      <c r="AV1569" t="s">
        <v>183</v>
      </c>
      <c r="AZ1569" t="s">
        <v>207</v>
      </c>
      <c r="BF1569" t="s">
        <v>210</v>
      </c>
      <c r="BG1569" s="1">
        <v>0</v>
      </c>
      <c r="BH1569" t="s">
        <v>211</v>
      </c>
      <c r="BK1569" t="s">
        <v>191</v>
      </c>
      <c r="BL1569" t="s">
        <v>580</v>
      </c>
      <c r="BM1569" t="s">
        <v>218</v>
      </c>
      <c r="BN1569" t="s">
        <v>3113</v>
      </c>
      <c r="BO1569" t="s">
        <v>218</v>
      </c>
      <c r="BP1569" t="s">
        <v>3113</v>
      </c>
      <c r="BQ1569" t="s">
        <v>3114</v>
      </c>
    </row>
    <row r="1570" spans="1:69" x14ac:dyDescent="0.25">
      <c r="A1570" s="1">
        <v>30514459</v>
      </c>
      <c r="B1570" t="s">
        <v>167</v>
      </c>
      <c r="C1570" t="s">
        <v>39</v>
      </c>
      <c r="L1570" s="1">
        <v>0</v>
      </c>
      <c r="M1570" s="1">
        <v>0</v>
      </c>
      <c r="N1570" s="1">
        <v>0</v>
      </c>
      <c r="O1570" s="1">
        <v>0</v>
      </c>
      <c r="P1570" s="1">
        <v>0</v>
      </c>
      <c r="Q1570" s="1">
        <v>0</v>
      </c>
      <c r="S1570" s="1">
        <v>0</v>
      </c>
      <c r="T1570" s="1">
        <v>0</v>
      </c>
      <c r="AC1570" s="1">
        <v>0</v>
      </c>
      <c r="AD1570" s="1">
        <v>0</v>
      </c>
      <c r="AE1570" s="1">
        <v>0</v>
      </c>
      <c r="AF1570" s="1">
        <v>0</v>
      </c>
      <c r="AG1570" s="1">
        <v>0</v>
      </c>
      <c r="AH1570" s="1">
        <v>0</v>
      </c>
      <c r="AI1570" s="1">
        <v>0</v>
      </c>
      <c r="AJ1570" s="1">
        <v>0</v>
      </c>
      <c r="AK1570" s="1">
        <v>0</v>
      </c>
      <c r="AL1570" s="1">
        <v>0</v>
      </c>
      <c r="AM1570" s="1">
        <v>0</v>
      </c>
      <c r="AN1570" s="1">
        <v>0</v>
      </c>
      <c r="AO1570" s="1">
        <v>0</v>
      </c>
      <c r="AP1570" s="1">
        <v>0</v>
      </c>
      <c r="AQ1570" s="1">
        <v>0</v>
      </c>
      <c r="AR1570" s="1">
        <v>0</v>
      </c>
      <c r="AS1570" s="1">
        <v>0</v>
      </c>
      <c r="AT1570" s="1">
        <v>0</v>
      </c>
      <c r="AU1570" s="1">
        <v>0</v>
      </c>
      <c r="AV1570" s="1">
        <v>0</v>
      </c>
      <c r="BF1570" s="1">
        <v>0</v>
      </c>
      <c r="BG1570" s="1">
        <v>0</v>
      </c>
      <c r="BH1570" s="1">
        <v>0</v>
      </c>
      <c r="BK1570" s="1">
        <v>0</v>
      </c>
      <c r="BM1570" s="1">
        <v>0</v>
      </c>
      <c r="BO1570" s="1">
        <v>0</v>
      </c>
    </row>
    <row r="1571" spans="1:69" x14ac:dyDescent="0.25">
      <c r="A1571" s="1">
        <v>30514715</v>
      </c>
      <c r="B1571" t="s">
        <v>913</v>
      </c>
      <c r="C1571" t="s">
        <v>39</v>
      </c>
      <c r="D1571" t="s">
        <v>174</v>
      </c>
      <c r="E1571" t="s">
        <v>175</v>
      </c>
      <c r="L1571" t="s">
        <v>52</v>
      </c>
      <c r="M1571" s="1">
        <v>0</v>
      </c>
      <c r="N1571" s="1">
        <v>0</v>
      </c>
      <c r="O1571" t="s">
        <v>174</v>
      </c>
      <c r="P1571" t="s">
        <v>176</v>
      </c>
      <c r="Q1571" t="s">
        <v>196</v>
      </c>
      <c r="S1571" t="s">
        <v>178</v>
      </c>
      <c r="T1571" t="s">
        <v>175</v>
      </c>
      <c r="Z1571" t="s">
        <v>244</v>
      </c>
      <c r="AC1571" t="s">
        <v>199</v>
      </c>
      <c r="AD1571" t="s">
        <v>175</v>
      </c>
      <c r="AE1571" t="s">
        <v>181</v>
      </c>
      <c r="AF1571" t="s">
        <v>181</v>
      </c>
      <c r="AG1571" t="s">
        <v>181</v>
      </c>
      <c r="AH1571" t="s">
        <v>200</v>
      </c>
      <c r="AI1571" t="s">
        <v>175</v>
      </c>
      <c r="AJ1571" t="s">
        <v>181</v>
      </c>
      <c r="AK1571" t="s">
        <v>181</v>
      </c>
      <c r="AL1571" t="s">
        <v>42</v>
      </c>
      <c r="AM1571" t="s">
        <v>182</v>
      </c>
      <c r="AN1571" t="s">
        <v>206</v>
      </c>
      <c r="AO1571" t="s">
        <v>185</v>
      </c>
      <c r="AP1571" t="s">
        <v>184</v>
      </c>
      <c r="AQ1571" t="s">
        <v>202</v>
      </c>
      <c r="AR1571" t="s">
        <v>203</v>
      </c>
      <c r="AS1571" t="s">
        <v>204</v>
      </c>
      <c r="AT1571" t="s">
        <v>183</v>
      </c>
      <c r="AU1571" t="s">
        <v>205</v>
      </c>
      <c r="AV1571" t="s">
        <v>201</v>
      </c>
      <c r="AX1571" t="s">
        <v>186</v>
      </c>
      <c r="BA1571" t="s">
        <v>188</v>
      </c>
      <c r="BC1571" t="s">
        <v>209</v>
      </c>
      <c r="BF1571" t="s">
        <v>210</v>
      </c>
      <c r="BG1571" s="1">
        <v>0</v>
      </c>
      <c r="BH1571" t="s">
        <v>464</v>
      </c>
      <c r="BK1571" t="s">
        <v>191</v>
      </c>
      <c r="BL1571" t="s">
        <v>914</v>
      </c>
      <c r="BM1571" t="s">
        <v>191</v>
      </c>
      <c r="BN1571" t="s">
        <v>915</v>
      </c>
      <c r="BO1571" t="s">
        <v>191</v>
      </c>
      <c r="BP1571" t="s">
        <v>916</v>
      </c>
      <c r="BQ1571" t="s">
        <v>917</v>
      </c>
    </row>
    <row r="1572" spans="1:69" x14ac:dyDescent="0.25">
      <c r="A1572" s="1">
        <v>30514972</v>
      </c>
      <c r="B1572" t="s">
        <v>4607</v>
      </c>
      <c r="C1572" t="s">
        <v>39</v>
      </c>
      <c r="D1572" t="s">
        <v>3727</v>
      </c>
      <c r="E1572" t="s">
        <v>175</v>
      </c>
      <c r="L1572" t="s">
        <v>52</v>
      </c>
      <c r="M1572" s="1">
        <v>0</v>
      </c>
      <c r="N1572" s="1">
        <v>0</v>
      </c>
      <c r="O1572" t="s">
        <v>3728</v>
      </c>
      <c r="P1572" t="s">
        <v>216</v>
      </c>
      <c r="Q1572" t="s">
        <v>322</v>
      </c>
      <c r="S1572" s="1">
        <v>0</v>
      </c>
      <c r="T1572" t="s">
        <v>175</v>
      </c>
      <c r="Y1572" t="s">
        <v>224</v>
      </c>
      <c r="AC1572" t="s">
        <v>199</v>
      </c>
      <c r="AD1572" t="s">
        <v>175</v>
      </c>
      <c r="AE1572" t="s">
        <v>175</v>
      </c>
      <c r="AF1572" t="s">
        <v>175</v>
      </c>
      <c r="AG1572" t="s">
        <v>181</v>
      </c>
      <c r="AH1572" t="s">
        <v>200</v>
      </c>
      <c r="AI1572" t="s">
        <v>200</v>
      </c>
      <c r="AJ1572" t="s">
        <v>200</v>
      </c>
      <c r="AK1572" t="s">
        <v>200</v>
      </c>
      <c r="AL1572" t="s">
        <v>42</v>
      </c>
      <c r="AM1572" t="s">
        <v>185</v>
      </c>
      <c r="AN1572" t="s">
        <v>182</v>
      </c>
      <c r="AO1572" t="s">
        <v>183</v>
      </c>
      <c r="AP1572" t="s">
        <v>184</v>
      </c>
      <c r="AQ1572" t="s">
        <v>201</v>
      </c>
      <c r="AR1572" t="s">
        <v>202</v>
      </c>
      <c r="AS1572" t="s">
        <v>203</v>
      </c>
      <c r="AT1572" t="s">
        <v>205</v>
      </c>
      <c r="AU1572" t="s">
        <v>204</v>
      </c>
      <c r="AV1572" t="s">
        <v>206</v>
      </c>
      <c r="AY1572" t="s">
        <v>187</v>
      </c>
      <c r="AZ1572" t="s">
        <v>207</v>
      </c>
      <c r="BB1572" t="s">
        <v>208</v>
      </c>
      <c r="BF1572" t="s">
        <v>210</v>
      </c>
      <c r="BG1572" s="1">
        <v>0</v>
      </c>
      <c r="BH1572" t="s">
        <v>211</v>
      </c>
      <c r="BK1572" t="s">
        <v>191</v>
      </c>
      <c r="BL1572" t="s">
        <v>4608</v>
      </c>
      <c r="BM1572" t="s">
        <v>218</v>
      </c>
      <c r="BN1572" t="s">
        <v>4609</v>
      </c>
      <c r="BO1572" t="s">
        <v>218</v>
      </c>
      <c r="BP1572" t="s">
        <v>4610</v>
      </c>
      <c r="BQ1572" t="s">
        <v>4611</v>
      </c>
    </row>
    <row r="1573" spans="1:69" x14ac:dyDescent="0.25">
      <c r="A1573" s="1">
        <v>30515180</v>
      </c>
      <c r="B1573" t="s">
        <v>918</v>
      </c>
      <c r="C1573" t="s">
        <v>39</v>
      </c>
      <c r="D1573" t="s">
        <v>174</v>
      </c>
      <c r="E1573" t="s">
        <v>200</v>
      </c>
      <c r="L1573" t="s">
        <v>52</v>
      </c>
      <c r="M1573" s="1">
        <v>0</v>
      </c>
      <c r="N1573" s="1">
        <v>0</v>
      </c>
      <c r="O1573" t="s">
        <v>174</v>
      </c>
      <c r="P1573" t="s">
        <v>216</v>
      </c>
      <c r="Q1573" t="s">
        <v>196</v>
      </c>
      <c r="S1573" s="1">
        <v>0</v>
      </c>
      <c r="T1573" t="s">
        <v>200</v>
      </c>
      <c r="Y1573" t="s">
        <v>224</v>
      </c>
      <c r="AC1573" t="s">
        <v>180</v>
      </c>
      <c r="AD1573" t="s">
        <v>200</v>
      </c>
      <c r="AE1573" t="s">
        <v>200</v>
      </c>
      <c r="AF1573" t="s">
        <v>200</v>
      </c>
      <c r="AG1573" t="s">
        <v>200</v>
      </c>
      <c r="AH1573" t="s">
        <v>200</v>
      </c>
      <c r="AI1573" t="s">
        <v>200</v>
      </c>
      <c r="AJ1573" t="s">
        <v>200</v>
      </c>
      <c r="AK1573" t="s">
        <v>200</v>
      </c>
      <c r="AL1573" t="s">
        <v>52</v>
      </c>
      <c r="AM1573" t="s">
        <v>183</v>
      </c>
      <c r="AN1573" t="s">
        <v>204</v>
      </c>
      <c r="AO1573" t="s">
        <v>182</v>
      </c>
      <c r="AP1573" t="s">
        <v>205</v>
      </c>
      <c r="AQ1573" t="s">
        <v>184</v>
      </c>
      <c r="AR1573" t="s">
        <v>202</v>
      </c>
      <c r="AS1573" t="s">
        <v>185</v>
      </c>
      <c r="AT1573" t="s">
        <v>206</v>
      </c>
      <c r="AU1573" t="s">
        <v>201</v>
      </c>
      <c r="AV1573" t="s">
        <v>203</v>
      </c>
      <c r="AY1573" t="s">
        <v>187</v>
      </c>
      <c r="BF1573" t="s">
        <v>210</v>
      </c>
      <c r="BG1573" s="1">
        <v>0</v>
      </c>
      <c r="BH1573" t="s">
        <v>190</v>
      </c>
      <c r="BK1573" t="s">
        <v>218</v>
      </c>
      <c r="BL1573" t="s">
        <v>919</v>
      </c>
      <c r="BM1573" t="s">
        <v>218</v>
      </c>
      <c r="BN1573" t="s">
        <v>920</v>
      </c>
      <c r="BO1573" s="1">
        <v>0</v>
      </c>
    </row>
    <row r="1574" spans="1:69" x14ac:dyDescent="0.25">
      <c r="A1574" s="1">
        <v>30517714</v>
      </c>
      <c r="B1574" t="s">
        <v>2495</v>
      </c>
      <c r="C1574" t="s">
        <v>39</v>
      </c>
      <c r="D1574" t="s">
        <v>1616</v>
      </c>
      <c r="E1574" t="s">
        <v>175</v>
      </c>
      <c r="L1574" t="s">
        <v>52</v>
      </c>
      <c r="M1574" s="1">
        <v>0</v>
      </c>
      <c r="N1574" s="1">
        <v>0</v>
      </c>
      <c r="O1574" t="s">
        <v>1616</v>
      </c>
      <c r="P1574" t="s">
        <v>216</v>
      </c>
      <c r="Q1574" t="s">
        <v>322</v>
      </c>
      <c r="S1574" s="1">
        <v>0</v>
      </c>
      <c r="T1574" t="s">
        <v>175</v>
      </c>
      <c r="X1574" t="s">
        <v>179</v>
      </c>
      <c r="Y1574" t="s">
        <v>224</v>
      </c>
      <c r="Z1574" t="s">
        <v>244</v>
      </c>
      <c r="AA1574" t="s">
        <v>273</v>
      </c>
      <c r="AB1574" t="s">
        <v>2496</v>
      </c>
      <c r="AC1574" t="s">
        <v>199</v>
      </c>
      <c r="AD1574" t="s">
        <v>175</v>
      </c>
      <c r="AE1574" t="s">
        <v>230</v>
      </c>
      <c r="AF1574" t="s">
        <v>230</v>
      </c>
      <c r="AG1574" t="s">
        <v>175</v>
      </c>
      <c r="AH1574" t="s">
        <v>200</v>
      </c>
      <c r="AI1574" t="s">
        <v>175</v>
      </c>
      <c r="AJ1574" t="s">
        <v>175</v>
      </c>
      <c r="AK1574" t="s">
        <v>175</v>
      </c>
      <c r="AL1574" t="s">
        <v>42</v>
      </c>
      <c r="AM1574" t="s">
        <v>183</v>
      </c>
      <c r="AN1574" t="s">
        <v>206</v>
      </c>
      <c r="AO1574" t="s">
        <v>185</v>
      </c>
      <c r="AP1574" t="s">
        <v>184</v>
      </c>
      <c r="AQ1574" t="s">
        <v>203</v>
      </c>
      <c r="AR1574" t="s">
        <v>202</v>
      </c>
      <c r="AS1574" t="s">
        <v>205</v>
      </c>
      <c r="AT1574" t="s">
        <v>204</v>
      </c>
      <c r="AU1574" t="s">
        <v>201</v>
      </c>
      <c r="AV1574" t="s">
        <v>182</v>
      </c>
      <c r="AW1574" t="s">
        <v>2497</v>
      </c>
      <c r="AX1574" t="s">
        <v>186</v>
      </c>
      <c r="AZ1574" t="s">
        <v>207</v>
      </c>
      <c r="BF1574" t="s">
        <v>210</v>
      </c>
      <c r="BG1574" s="1">
        <v>0</v>
      </c>
      <c r="BH1574" t="s">
        <v>211</v>
      </c>
      <c r="BK1574" t="s">
        <v>191</v>
      </c>
      <c r="BL1574" t="s">
        <v>2498</v>
      </c>
      <c r="BM1574" t="s">
        <v>218</v>
      </c>
      <c r="BN1574" t="s">
        <v>2499</v>
      </c>
      <c r="BO1574" t="s">
        <v>218</v>
      </c>
      <c r="BP1574" t="s">
        <v>2500</v>
      </c>
    </row>
    <row r="1575" spans="1:69" x14ac:dyDescent="0.25">
      <c r="A1575" s="1">
        <v>30517832</v>
      </c>
      <c r="B1575" t="s">
        <v>168</v>
      </c>
      <c r="C1575" t="s">
        <v>39</v>
      </c>
      <c r="L1575" s="1">
        <v>0</v>
      </c>
      <c r="M1575" s="1">
        <v>0</v>
      </c>
      <c r="N1575" s="1">
        <v>0</v>
      </c>
      <c r="O1575" s="1">
        <v>0</v>
      </c>
      <c r="P1575" s="1">
        <v>0</v>
      </c>
      <c r="Q1575" s="1">
        <v>0</v>
      </c>
      <c r="S1575" s="1">
        <v>0</v>
      </c>
      <c r="T1575" s="1">
        <v>0</v>
      </c>
      <c r="AC1575" s="1">
        <v>0</v>
      </c>
      <c r="AD1575" s="1">
        <v>0</v>
      </c>
      <c r="AE1575" s="1">
        <v>0</v>
      </c>
      <c r="AF1575" s="1">
        <v>0</v>
      </c>
      <c r="AG1575" s="1">
        <v>0</v>
      </c>
      <c r="AH1575" s="1">
        <v>0</v>
      </c>
      <c r="AI1575" s="1">
        <v>0</v>
      </c>
      <c r="AJ1575" s="1">
        <v>0</v>
      </c>
      <c r="AK1575" s="1">
        <v>0</v>
      </c>
      <c r="AL1575" s="1">
        <v>0</v>
      </c>
      <c r="AM1575" s="1">
        <v>0</v>
      </c>
      <c r="AN1575" s="1">
        <v>0</v>
      </c>
      <c r="AO1575" s="1">
        <v>0</v>
      </c>
      <c r="AP1575" s="1">
        <v>0</v>
      </c>
      <c r="AQ1575" s="1">
        <v>0</v>
      </c>
      <c r="AR1575" s="1">
        <v>0</v>
      </c>
      <c r="AS1575" s="1">
        <v>0</v>
      </c>
      <c r="AT1575" s="1">
        <v>0</v>
      </c>
      <c r="AU1575" s="1">
        <v>0</v>
      </c>
      <c r="AV1575" s="1">
        <v>0</v>
      </c>
      <c r="BF1575" s="1">
        <v>0</v>
      </c>
      <c r="BG1575" s="1">
        <v>0</v>
      </c>
      <c r="BH1575" s="1">
        <v>0</v>
      </c>
      <c r="BK1575" s="1">
        <v>0</v>
      </c>
      <c r="BM1575" s="1">
        <v>0</v>
      </c>
      <c r="BO1575" s="1">
        <v>0</v>
      </c>
    </row>
    <row r="1576" spans="1:69" x14ac:dyDescent="0.25">
      <c r="A1576" s="1">
        <v>30517893</v>
      </c>
      <c r="B1576" t="s">
        <v>1598</v>
      </c>
      <c r="C1576" t="s">
        <v>39</v>
      </c>
      <c r="D1576" t="s">
        <v>942</v>
      </c>
      <c r="E1576" t="s">
        <v>200</v>
      </c>
      <c r="L1576" t="s">
        <v>52</v>
      </c>
      <c r="M1576" s="1">
        <v>0</v>
      </c>
      <c r="N1576" s="1">
        <v>0</v>
      </c>
      <c r="O1576" t="s">
        <v>942</v>
      </c>
      <c r="P1576" t="s">
        <v>216</v>
      </c>
      <c r="Q1576" t="s">
        <v>322</v>
      </c>
      <c r="S1576" s="1">
        <v>0</v>
      </c>
      <c r="T1576" t="s">
        <v>200</v>
      </c>
      <c r="AA1576" t="s">
        <v>273</v>
      </c>
      <c r="AB1576" t="s">
        <v>1599</v>
      </c>
      <c r="AC1576" t="s">
        <v>609</v>
      </c>
      <c r="AD1576" t="s">
        <v>200</v>
      </c>
      <c r="AE1576" t="s">
        <v>200</v>
      </c>
      <c r="AF1576" t="s">
        <v>200</v>
      </c>
      <c r="AG1576" t="s">
        <v>200</v>
      </c>
      <c r="AH1576" t="s">
        <v>200</v>
      </c>
      <c r="AI1576" t="s">
        <v>200</v>
      </c>
      <c r="AJ1576" t="s">
        <v>200</v>
      </c>
      <c r="AK1576" t="s">
        <v>200</v>
      </c>
      <c r="AL1576" t="s">
        <v>42</v>
      </c>
      <c r="AM1576" t="s">
        <v>184</v>
      </c>
      <c r="AN1576" t="s">
        <v>205</v>
      </c>
      <c r="AO1576" t="s">
        <v>183</v>
      </c>
      <c r="AP1576" t="s">
        <v>201</v>
      </c>
      <c r="AQ1576" t="s">
        <v>185</v>
      </c>
      <c r="AR1576" t="s">
        <v>182</v>
      </c>
      <c r="AS1576" t="s">
        <v>203</v>
      </c>
      <c r="AT1576" t="s">
        <v>204</v>
      </c>
      <c r="AU1576" t="s">
        <v>202</v>
      </c>
      <c r="AV1576" t="s">
        <v>206</v>
      </c>
      <c r="AY1576" t="s">
        <v>187</v>
      </c>
      <c r="AZ1576" t="s">
        <v>207</v>
      </c>
      <c r="BB1576" t="s">
        <v>208</v>
      </c>
      <c r="BF1576" t="s">
        <v>210</v>
      </c>
      <c r="BG1576" s="1">
        <v>0</v>
      </c>
      <c r="BH1576" t="s">
        <v>190</v>
      </c>
      <c r="BK1576" t="s">
        <v>191</v>
      </c>
      <c r="BL1576" t="s">
        <v>1600</v>
      </c>
      <c r="BM1576" t="s">
        <v>191</v>
      </c>
      <c r="BN1576" t="s">
        <v>1601</v>
      </c>
      <c r="BO1576" t="s">
        <v>218</v>
      </c>
      <c r="BP1576" t="s">
        <v>1602</v>
      </c>
    </row>
    <row r="1577" spans="1:69" x14ac:dyDescent="0.25">
      <c r="A1577" s="1">
        <v>30518914</v>
      </c>
      <c r="B1577" t="s">
        <v>3115</v>
      </c>
      <c r="C1577" t="s">
        <v>39</v>
      </c>
      <c r="D1577" t="s">
        <v>2512</v>
      </c>
      <c r="E1577" t="s">
        <v>175</v>
      </c>
      <c r="L1577" t="s">
        <v>52</v>
      </c>
      <c r="M1577" s="1">
        <v>0</v>
      </c>
      <c r="N1577" s="1">
        <v>0</v>
      </c>
      <c r="O1577" t="s">
        <v>2512</v>
      </c>
      <c r="P1577" t="s">
        <v>176</v>
      </c>
      <c r="Q1577" t="s">
        <v>322</v>
      </c>
      <c r="S1577" t="s">
        <v>178</v>
      </c>
      <c r="T1577" t="s">
        <v>175</v>
      </c>
      <c r="W1577" t="s">
        <v>262</v>
      </c>
      <c r="X1577" t="s">
        <v>179</v>
      </c>
      <c r="Y1577" t="s">
        <v>224</v>
      </c>
      <c r="AC1577" t="s">
        <v>1357</v>
      </c>
      <c r="AD1577" t="s">
        <v>181</v>
      </c>
      <c r="AE1577" t="s">
        <v>181</v>
      </c>
      <c r="AF1577" t="s">
        <v>181</v>
      </c>
      <c r="AG1577" t="s">
        <v>175</v>
      </c>
      <c r="AH1577" t="s">
        <v>175</v>
      </c>
      <c r="AI1577" t="s">
        <v>175</v>
      </c>
      <c r="AJ1577" t="s">
        <v>175</v>
      </c>
      <c r="AK1577" t="s">
        <v>175</v>
      </c>
      <c r="AL1577" t="s">
        <v>42</v>
      </c>
      <c r="AM1577" s="1">
        <v>0</v>
      </c>
      <c r="AN1577" s="1">
        <v>0</v>
      </c>
      <c r="AO1577" s="1">
        <v>0</v>
      </c>
      <c r="AP1577" s="1">
        <v>0</v>
      </c>
      <c r="AQ1577" s="1">
        <v>0</v>
      </c>
      <c r="AR1577" s="1">
        <v>0</v>
      </c>
      <c r="AS1577" s="1">
        <v>0</v>
      </c>
      <c r="AT1577" s="1">
        <v>0</v>
      </c>
      <c r="AU1577" s="1">
        <v>0</v>
      </c>
      <c r="AV1577" s="1">
        <v>0</v>
      </c>
      <c r="BF1577" s="1">
        <v>0</v>
      </c>
      <c r="BG1577" s="1">
        <v>0</v>
      </c>
      <c r="BH1577" s="1">
        <v>0</v>
      </c>
      <c r="BK1577" s="1">
        <v>0</v>
      </c>
      <c r="BM1577" s="1">
        <v>0</v>
      </c>
      <c r="BO1577" s="1">
        <v>0</v>
      </c>
    </row>
    <row r="1578" spans="1:69" x14ac:dyDescent="0.25">
      <c r="A1578" s="1">
        <v>30519019</v>
      </c>
      <c r="B1578" t="s">
        <v>1603</v>
      </c>
      <c r="C1578" t="s">
        <v>39</v>
      </c>
      <c r="D1578" t="s">
        <v>942</v>
      </c>
      <c r="E1578" t="s">
        <v>195</v>
      </c>
      <c r="L1578" t="s">
        <v>52</v>
      </c>
      <c r="M1578" s="1">
        <v>0</v>
      </c>
      <c r="N1578" s="1">
        <v>0</v>
      </c>
      <c r="O1578" t="s">
        <v>942</v>
      </c>
      <c r="P1578" t="s">
        <v>176</v>
      </c>
      <c r="Q1578" t="s">
        <v>238</v>
      </c>
      <c r="S1578" t="s">
        <v>178</v>
      </c>
      <c r="T1578" t="s">
        <v>197</v>
      </c>
      <c r="U1578" t="s">
        <v>1604</v>
      </c>
      <c r="W1578" t="s">
        <v>262</v>
      </c>
      <c r="X1578" t="s">
        <v>179</v>
      </c>
      <c r="AC1578" t="s">
        <v>180</v>
      </c>
      <c r="AD1578" t="s">
        <v>230</v>
      </c>
      <c r="AE1578" t="s">
        <v>230</v>
      </c>
      <c r="AF1578" t="s">
        <v>230</v>
      </c>
      <c r="AG1578" t="s">
        <v>181</v>
      </c>
      <c r="AH1578" t="s">
        <v>175</v>
      </c>
      <c r="AI1578" t="s">
        <v>181</v>
      </c>
      <c r="AJ1578" t="s">
        <v>299</v>
      </c>
      <c r="AK1578" t="s">
        <v>230</v>
      </c>
      <c r="AL1578" t="s">
        <v>42</v>
      </c>
      <c r="AM1578" t="s">
        <v>204</v>
      </c>
      <c r="AN1578" t="s">
        <v>201</v>
      </c>
      <c r="AO1578" t="s">
        <v>185</v>
      </c>
      <c r="AP1578" t="s">
        <v>182</v>
      </c>
      <c r="AQ1578" t="s">
        <v>184</v>
      </c>
      <c r="AR1578" t="s">
        <v>203</v>
      </c>
      <c r="AS1578" t="s">
        <v>202</v>
      </c>
      <c r="AT1578" t="s">
        <v>206</v>
      </c>
      <c r="AU1578" t="s">
        <v>205</v>
      </c>
      <c r="AV1578" t="s">
        <v>183</v>
      </c>
      <c r="BF1578" s="1">
        <v>0</v>
      </c>
      <c r="BG1578" s="1">
        <v>0</v>
      </c>
      <c r="BH1578" s="1">
        <v>0</v>
      </c>
      <c r="BK1578" s="1">
        <v>0</v>
      </c>
      <c r="BM1578" s="1">
        <v>0</v>
      </c>
      <c r="BO1578" s="1">
        <v>0</v>
      </c>
    </row>
    <row r="1579" spans="1:69" x14ac:dyDescent="0.25">
      <c r="A1579" s="1">
        <v>30519460</v>
      </c>
      <c r="B1579" t="s">
        <v>2501</v>
      </c>
      <c r="C1579" t="s">
        <v>39</v>
      </c>
      <c r="D1579" t="s">
        <v>1616</v>
      </c>
      <c r="E1579" t="s">
        <v>200</v>
      </c>
      <c r="L1579" t="s">
        <v>52</v>
      </c>
      <c r="M1579" s="1">
        <v>0</v>
      </c>
      <c r="N1579" s="1">
        <v>0</v>
      </c>
      <c r="O1579" t="s">
        <v>1616</v>
      </c>
      <c r="P1579" t="s">
        <v>176</v>
      </c>
      <c r="Q1579" t="s">
        <v>238</v>
      </c>
      <c r="S1579" t="s">
        <v>178</v>
      </c>
      <c r="T1579" t="s">
        <v>200</v>
      </c>
      <c r="X1579" t="s">
        <v>179</v>
      </c>
      <c r="AC1579" t="s">
        <v>180</v>
      </c>
      <c r="AD1579" t="s">
        <v>181</v>
      </c>
      <c r="AE1579" t="s">
        <v>175</v>
      </c>
      <c r="AF1579" t="s">
        <v>175</v>
      </c>
      <c r="AG1579" t="s">
        <v>175</v>
      </c>
      <c r="AH1579" t="s">
        <v>175</v>
      </c>
      <c r="AI1579" t="s">
        <v>181</v>
      </c>
      <c r="AJ1579" t="s">
        <v>175</v>
      </c>
      <c r="AK1579" t="s">
        <v>175</v>
      </c>
      <c r="AL1579" t="s">
        <v>42</v>
      </c>
      <c r="AM1579" t="s">
        <v>203</v>
      </c>
      <c r="AN1579" t="s">
        <v>201</v>
      </c>
      <c r="AO1579" t="s">
        <v>185</v>
      </c>
      <c r="AP1579" t="s">
        <v>183</v>
      </c>
      <c r="AQ1579" t="s">
        <v>202</v>
      </c>
      <c r="AR1579" t="s">
        <v>182</v>
      </c>
      <c r="AS1579" t="s">
        <v>184</v>
      </c>
      <c r="AT1579" t="s">
        <v>205</v>
      </c>
      <c r="AU1579" t="s">
        <v>206</v>
      </c>
      <c r="AV1579" t="s">
        <v>204</v>
      </c>
      <c r="AX1579" t="s">
        <v>186</v>
      </c>
      <c r="BA1579" t="s">
        <v>188</v>
      </c>
      <c r="BB1579" t="s">
        <v>208</v>
      </c>
      <c r="BC1579" t="s">
        <v>209</v>
      </c>
      <c r="BF1579" t="s">
        <v>210</v>
      </c>
      <c r="BG1579" s="1">
        <v>0</v>
      </c>
      <c r="BH1579" t="s">
        <v>190</v>
      </c>
      <c r="BK1579" t="s">
        <v>191</v>
      </c>
      <c r="BL1579" t="s">
        <v>2502</v>
      </c>
      <c r="BM1579" t="s">
        <v>191</v>
      </c>
      <c r="BN1579" t="s">
        <v>2503</v>
      </c>
      <c r="BO1579" t="s">
        <v>218</v>
      </c>
      <c r="BP1579" t="s">
        <v>2504</v>
      </c>
      <c r="BQ1579" t="s">
        <v>2505</v>
      </c>
    </row>
    <row r="1580" spans="1:69" x14ac:dyDescent="0.25">
      <c r="A1580" s="1">
        <v>30520230</v>
      </c>
      <c r="B1580" t="s">
        <v>1605</v>
      </c>
      <c r="C1580" t="s">
        <v>39</v>
      </c>
      <c r="D1580" t="s">
        <v>942</v>
      </c>
      <c r="E1580" t="s">
        <v>175</v>
      </c>
      <c r="L1580" t="s">
        <v>52</v>
      </c>
      <c r="M1580" s="1">
        <v>0</v>
      </c>
      <c r="N1580" s="1">
        <v>0</v>
      </c>
      <c r="O1580" t="s">
        <v>942</v>
      </c>
      <c r="P1580" t="s">
        <v>216</v>
      </c>
      <c r="Q1580" t="s">
        <v>238</v>
      </c>
      <c r="S1580" s="1">
        <v>0</v>
      </c>
      <c r="T1580" t="s">
        <v>175</v>
      </c>
      <c r="X1580" t="s">
        <v>179</v>
      </c>
      <c r="Z1580" t="s">
        <v>244</v>
      </c>
      <c r="AC1580" t="s">
        <v>180</v>
      </c>
      <c r="AD1580" t="s">
        <v>175</v>
      </c>
      <c r="AE1580" t="s">
        <v>200</v>
      </c>
      <c r="AF1580" t="s">
        <v>200</v>
      </c>
      <c r="AG1580" t="s">
        <v>175</v>
      </c>
      <c r="AH1580" t="s">
        <v>200</v>
      </c>
      <c r="AI1580" t="s">
        <v>200</v>
      </c>
      <c r="AJ1580" t="s">
        <v>200</v>
      </c>
      <c r="AK1580" t="s">
        <v>175</v>
      </c>
      <c r="AL1580" t="s">
        <v>42</v>
      </c>
      <c r="AM1580" t="s">
        <v>183</v>
      </c>
      <c r="AN1580" t="s">
        <v>185</v>
      </c>
      <c r="AO1580" t="s">
        <v>206</v>
      </c>
      <c r="AP1580" t="s">
        <v>201</v>
      </c>
      <c r="AQ1580" t="s">
        <v>182</v>
      </c>
      <c r="AR1580" t="s">
        <v>184</v>
      </c>
      <c r="AS1580" s="1">
        <v>0</v>
      </c>
      <c r="AT1580" s="1">
        <v>0</v>
      </c>
      <c r="AU1580" s="1">
        <v>0</v>
      </c>
      <c r="AV1580" s="1">
        <v>0</v>
      </c>
      <c r="AX1580" t="s">
        <v>186</v>
      </c>
      <c r="AZ1580" t="s">
        <v>207</v>
      </c>
      <c r="BC1580" t="s">
        <v>209</v>
      </c>
      <c r="BF1580" t="s">
        <v>232</v>
      </c>
      <c r="BG1580" t="s">
        <v>301</v>
      </c>
      <c r="BH1580" t="s">
        <v>211</v>
      </c>
      <c r="BK1580" t="s">
        <v>191</v>
      </c>
      <c r="BL1580" t="s">
        <v>1606</v>
      </c>
      <c r="BM1580" t="s">
        <v>191</v>
      </c>
      <c r="BN1580" t="s">
        <v>1607</v>
      </c>
      <c r="BO1580" t="s">
        <v>191</v>
      </c>
      <c r="BP1580" t="s">
        <v>1608</v>
      </c>
    </row>
    <row r="1581" spans="1:69" x14ac:dyDescent="0.25">
      <c r="A1581" s="1">
        <v>30523158</v>
      </c>
      <c r="B1581" t="s">
        <v>1609</v>
      </c>
      <c r="C1581" t="s">
        <v>39</v>
      </c>
      <c r="D1581" t="s">
        <v>942</v>
      </c>
      <c r="E1581" t="s">
        <v>175</v>
      </c>
      <c r="L1581" t="s">
        <v>52</v>
      </c>
      <c r="M1581" s="1">
        <v>0</v>
      </c>
      <c r="N1581" s="1">
        <v>0</v>
      </c>
      <c r="O1581" t="s">
        <v>942</v>
      </c>
      <c r="P1581" t="s">
        <v>176</v>
      </c>
      <c r="Q1581" t="s">
        <v>177</v>
      </c>
      <c r="S1581" t="s">
        <v>222</v>
      </c>
      <c r="T1581" t="s">
        <v>175</v>
      </c>
      <c r="V1581" t="s">
        <v>397</v>
      </c>
      <c r="AC1581" t="s">
        <v>199</v>
      </c>
      <c r="AD1581" t="s">
        <v>181</v>
      </c>
      <c r="AE1581" t="s">
        <v>181</v>
      </c>
      <c r="AF1581" t="s">
        <v>181</v>
      </c>
      <c r="AG1581" t="s">
        <v>181</v>
      </c>
      <c r="AH1581" t="s">
        <v>181</v>
      </c>
      <c r="AI1581" t="s">
        <v>175</v>
      </c>
      <c r="AJ1581" t="s">
        <v>299</v>
      </c>
      <c r="AK1581" t="s">
        <v>181</v>
      </c>
      <c r="AL1581" t="s">
        <v>52</v>
      </c>
      <c r="AM1581" t="s">
        <v>184</v>
      </c>
      <c r="AN1581" t="s">
        <v>182</v>
      </c>
      <c r="AO1581" t="s">
        <v>204</v>
      </c>
      <c r="AP1581" t="s">
        <v>206</v>
      </c>
      <c r="AQ1581" t="s">
        <v>205</v>
      </c>
      <c r="AR1581" t="s">
        <v>202</v>
      </c>
      <c r="AS1581" t="s">
        <v>185</v>
      </c>
      <c r="AT1581" t="s">
        <v>183</v>
      </c>
      <c r="AU1581" t="s">
        <v>201</v>
      </c>
      <c r="AV1581" t="s">
        <v>203</v>
      </c>
      <c r="AX1581" t="s">
        <v>186</v>
      </c>
      <c r="AY1581" t="s">
        <v>187</v>
      </c>
      <c r="AZ1581" t="s">
        <v>207</v>
      </c>
      <c r="BA1581" t="s">
        <v>188</v>
      </c>
      <c r="BC1581" t="s">
        <v>209</v>
      </c>
      <c r="BF1581" t="s">
        <v>49</v>
      </c>
      <c r="BG1581" s="1">
        <v>0</v>
      </c>
      <c r="BH1581" t="s">
        <v>302</v>
      </c>
      <c r="BK1581" t="s">
        <v>191</v>
      </c>
      <c r="BM1581" t="s">
        <v>191</v>
      </c>
      <c r="BO1581" t="s">
        <v>191</v>
      </c>
    </row>
    <row r="1582" spans="1:69" x14ac:dyDescent="0.25">
      <c r="A1582" s="1">
        <v>30523566</v>
      </c>
      <c r="B1582" t="s">
        <v>3116</v>
      </c>
      <c r="C1582" t="s">
        <v>39</v>
      </c>
      <c r="D1582" t="s">
        <v>2512</v>
      </c>
      <c r="E1582" t="s">
        <v>175</v>
      </c>
      <c r="L1582" t="s">
        <v>52</v>
      </c>
      <c r="M1582" s="1">
        <v>0</v>
      </c>
      <c r="N1582" s="1">
        <v>0</v>
      </c>
      <c r="O1582" t="s">
        <v>2512</v>
      </c>
      <c r="P1582" t="s">
        <v>176</v>
      </c>
      <c r="Q1582" t="s">
        <v>238</v>
      </c>
      <c r="S1582" t="s">
        <v>178</v>
      </c>
      <c r="T1582" t="s">
        <v>175</v>
      </c>
      <c r="V1582" t="s">
        <v>397</v>
      </c>
      <c r="AC1582" s="1">
        <v>0</v>
      </c>
      <c r="AD1582" t="s">
        <v>175</v>
      </c>
      <c r="AE1582" t="s">
        <v>175</v>
      </c>
      <c r="AF1582" t="s">
        <v>175</v>
      </c>
      <c r="AG1582" t="s">
        <v>175</v>
      </c>
      <c r="AH1582" t="s">
        <v>175</v>
      </c>
      <c r="AI1582" t="s">
        <v>175</v>
      </c>
      <c r="AJ1582" t="s">
        <v>175</v>
      </c>
      <c r="AK1582" t="s">
        <v>175</v>
      </c>
      <c r="AL1582" t="s">
        <v>42</v>
      </c>
      <c r="AM1582" s="1">
        <v>0</v>
      </c>
      <c r="AN1582" s="1">
        <v>0</v>
      </c>
      <c r="AO1582" t="s">
        <v>184</v>
      </c>
      <c r="AP1582" s="1">
        <v>0</v>
      </c>
      <c r="AQ1582" s="1">
        <v>0</v>
      </c>
      <c r="AR1582" t="s">
        <v>182</v>
      </c>
      <c r="AS1582" s="1">
        <v>0</v>
      </c>
      <c r="AT1582" t="s">
        <v>185</v>
      </c>
      <c r="AU1582" s="1">
        <v>0</v>
      </c>
      <c r="AV1582" s="1">
        <v>0</v>
      </c>
      <c r="BB1582" t="s">
        <v>208</v>
      </c>
      <c r="BF1582" t="s">
        <v>210</v>
      </c>
      <c r="BG1582" s="1">
        <v>0</v>
      </c>
      <c r="BH1582" t="s">
        <v>211</v>
      </c>
      <c r="BK1582" t="s">
        <v>191</v>
      </c>
      <c r="BM1582" t="s">
        <v>218</v>
      </c>
      <c r="BO1582" t="s">
        <v>191</v>
      </c>
    </row>
    <row r="1583" spans="1:69" x14ac:dyDescent="0.25">
      <c r="A1583" s="1">
        <v>30523727</v>
      </c>
      <c r="B1583" t="s">
        <v>169</v>
      </c>
      <c r="C1583" t="s">
        <v>39</v>
      </c>
      <c r="L1583" t="s">
        <v>42</v>
      </c>
      <c r="M1583" t="s">
        <v>49</v>
      </c>
      <c r="N1583" s="1">
        <v>0</v>
      </c>
      <c r="O1583" s="1">
        <v>0</v>
      </c>
      <c r="P1583" s="1">
        <v>0</v>
      </c>
      <c r="Q1583" s="1">
        <v>0</v>
      </c>
      <c r="S1583" s="1">
        <v>0</v>
      </c>
      <c r="T1583" s="1">
        <v>0</v>
      </c>
      <c r="AC1583" s="1">
        <v>0</v>
      </c>
      <c r="AD1583" s="1">
        <v>0</v>
      </c>
      <c r="AE1583" s="1">
        <v>0</v>
      </c>
      <c r="AF1583" s="1">
        <v>0</v>
      </c>
      <c r="AG1583" s="1">
        <v>0</v>
      </c>
      <c r="AH1583" s="1">
        <v>0</v>
      </c>
      <c r="AI1583" s="1">
        <v>0</v>
      </c>
      <c r="AJ1583" s="1">
        <v>0</v>
      </c>
      <c r="AK1583" s="1">
        <v>0</v>
      </c>
      <c r="AL1583" s="1">
        <v>0</v>
      </c>
      <c r="AM1583" s="1">
        <v>0</v>
      </c>
      <c r="AN1583" s="1">
        <v>0</v>
      </c>
      <c r="AO1583" s="1">
        <v>0</v>
      </c>
      <c r="AP1583" s="1">
        <v>0</v>
      </c>
      <c r="AQ1583" s="1">
        <v>0</v>
      </c>
      <c r="AR1583" s="1">
        <v>0</v>
      </c>
      <c r="AS1583" s="1">
        <v>0</v>
      </c>
      <c r="AT1583" s="1">
        <v>0</v>
      </c>
      <c r="AU1583" s="1">
        <v>0</v>
      </c>
      <c r="AV1583" s="1">
        <v>0</v>
      </c>
      <c r="BF1583" s="1">
        <v>0</v>
      </c>
      <c r="BG1583" s="1">
        <v>0</v>
      </c>
      <c r="BH1583" s="1">
        <v>0</v>
      </c>
      <c r="BK1583" s="1">
        <v>0</v>
      </c>
      <c r="BM1583" s="1">
        <v>0</v>
      </c>
      <c r="BO1583" s="1">
        <v>0</v>
      </c>
    </row>
    <row r="1584" spans="1:69" x14ac:dyDescent="0.25">
      <c r="A1584" s="1">
        <v>30523886</v>
      </c>
      <c r="B1584" t="s">
        <v>4612</v>
      </c>
      <c r="C1584" t="s">
        <v>39</v>
      </c>
      <c r="D1584" t="s">
        <v>3727</v>
      </c>
      <c r="L1584" t="s">
        <v>52</v>
      </c>
      <c r="M1584" s="1">
        <v>0</v>
      </c>
      <c r="N1584" s="1">
        <v>0</v>
      </c>
      <c r="O1584" t="s">
        <v>3728</v>
      </c>
      <c r="P1584" s="1">
        <v>0</v>
      </c>
      <c r="Q1584" s="1">
        <v>0</v>
      </c>
      <c r="S1584" s="1">
        <v>0</v>
      </c>
      <c r="T1584" s="1">
        <v>0</v>
      </c>
      <c r="AC1584" s="1">
        <v>0</v>
      </c>
      <c r="AD1584" s="1">
        <v>0</v>
      </c>
      <c r="AE1584" s="1">
        <v>0</v>
      </c>
      <c r="AF1584" s="1">
        <v>0</v>
      </c>
      <c r="AG1584" s="1">
        <v>0</v>
      </c>
      <c r="AH1584" s="1">
        <v>0</v>
      </c>
      <c r="AI1584" s="1">
        <v>0</v>
      </c>
      <c r="AJ1584" s="1">
        <v>0</v>
      </c>
      <c r="AK1584" s="1">
        <v>0</v>
      </c>
      <c r="AL1584" s="1">
        <v>0</v>
      </c>
      <c r="AM1584" s="1">
        <v>0</v>
      </c>
      <c r="AN1584" s="1">
        <v>0</v>
      </c>
      <c r="AO1584" s="1">
        <v>0</v>
      </c>
      <c r="AP1584" s="1">
        <v>0</v>
      </c>
      <c r="AQ1584" s="1">
        <v>0</v>
      </c>
      <c r="AR1584" s="1">
        <v>0</v>
      </c>
      <c r="AS1584" s="1">
        <v>0</v>
      </c>
      <c r="AT1584" s="1">
        <v>0</v>
      </c>
      <c r="AU1584" s="1">
        <v>0</v>
      </c>
      <c r="AV1584" s="1">
        <v>0</v>
      </c>
      <c r="BF1584" s="1">
        <v>0</v>
      </c>
      <c r="BG1584" s="1">
        <v>0</v>
      </c>
      <c r="BH1584" s="1">
        <v>0</v>
      </c>
      <c r="BK1584" s="1">
        <v>0</v>
      </c>
      <c r="BM1584" s="1">
        <v>0</v>
      </c>
      <c r="BO1584" s="1">
        <v>0</v>
      </c>
    </row>
    <row r="1585" spans="1:69" x14ac:dyDescent="0.25">
      <c r="A1585" s="1">
        <v>30523888</v>
      </c>
      <c r="B1585" t="s">
        <v>4613</v>
      </c>
      <c r="C1585" t="s">
        <v>39</v>
      </c>
      <c r="D1585" t="s">
        <v>3727</v>
      </c>
      <c r="E1585" t="s">
        <v>175</v>
      </c>
      <c r="L1585" t="s">
        <v>52</v>
      </c>
      <c r="M1585" s="1">
        <v>0</v>
      </c>
      <c r="N1585" s="1">
        <v>0</v>
      </c>
      <c r="O1585" t="s">
        <v>3728</v>
      </c>
      <c r="P1585" t="s">
        <v>176</v>
      </c>
      <c r="Q1585" t="s">
        <v>238</v>
      </c>
      <c r="S1585" t="s">
        <v>349</v>
      </c>
      <c r="T1585" t="s">
        <v>175</v>
      </c>
      <c r="Z1585" t="s">
        <v>244</v>
      </c>
      <c r="AC1585" t="s">
        <v>199</v>
      </c>
      <c r="AD1585" t="s">
        <v>181</v>
      </c>
      <c r="AE1585" t="s">
        <v>175</v>
      </c>
      <c r="AF1585" t="s">
        <v>175</v>
      </c>
      <c r="AG1585" t="s">
        <v>175</v>
      </c>
      <c r="AH1585" t="s">
        <v>200</v>
      </c>
      <c r="AI1585" t="s">
        <v>200</v>
      </c>
      <c r="AJ1585" t="s">
        <v>181</v>
      </c>
      <c r="AK1585" t="s">
        <v>200</v>
      </c>
      <c r="AL1585" s="1">
        <v>0</v>
      </c>
      <c r="AM1585" s="1">
        <v>0</v>
      </c>
      <c r="AN1585" s="1">
        <v>0</v>
      </c>
      <c r="AO1585" s="1">
        <v>0</v>
      </c>
      <c r="AP1585" s="1">
        <v>0</v>
      </c>
      <c r="AQ1585" s="1">
        <v>0</v>
      </c>
      <c r="AR1585" s="1">
        <v>0</v>
      </c>
      <c r="AS1585" s="1">
        <v>0</v>
      </c>
      <c r="AT1585" s="1">
        <v>0</v>
      </c>
      <c r="AU1585" s="1">
        <v>0</v>
      </c>
      <c r="AV1585" s="1">
        <v>0</v>
      </c>
      <c r="BF1585" s="1">
        <v>0</v>
      </c>
      <c r="BG1585" s="1">
        <v>0</v>
      </c>
      <c r="BH1585" s="1">
        <v>0</v>
      </c>
      <c r="BK1585" s="1">
        <v>0</v>
      </c>
      <c r="BM1585" s="1">
        <v>0</v>
      </c>
      <c r="BO1585" s="1">
        <v>0</v>
      </c>
    </row>
    <row r="1586" spans="1:69" x14ac:dyDescent="0.25">
      <c r="A1586" s="1">
        <v>30524181</v>
      </c>
      <c r="B1586" t="s">
        <v>2506</v>
      </c>
      <c r="C1586" t="s">
        <v>39</v>
      </c>
      <c r="D1586" t="s">
        <v>1616</v>
      </c>
      <c r="E1586" t="s">
        <v>175</v>
      </c>
      <c r="L1586" t="s">
        <v>52</v>
      </c>
      <c r="M1586" s="1">
        <v>0</v>
      </c>
      <c r="N1586" s="1">
        <v>0</v>
      </c>
      <c r="O1586" t="s">
        <v>1616</v>
      </c>
      <c r="P1586" t="s">
        <v>176</v>
      </c>
      <c r="Q1586" t="s">
        <v>177</v>
      </c>
      <c r="S1586" t="s">
        <v>349</v>
      </c>
      <c r="T1586" t="s">
        <v>175</v>
      </c>
      <c r="Y1586" t="s">
        <v>224</v>
      </c>
      <c r="AC1586" t="s">
        <v>180</v>
      </c>
      <c r="AD1586" t="s">
        <v>175</v>
      </c>
      <c r="AE1586" t="s">
        <v>175</v>
      </c>
      <c r="AF1586" t="s">
        <v>175</v>
      </c>
      <c r="AG1586" t="s">
        <v>175</v>
      </c>
      <c r="AH1586" t="s">
        <v>175</v>
      </c>
      <c r="AI1586" t="s">
        <v>175</v>
      </c>
      <c r="AJ1586" t="s">
        <v>175</v>
      </c>
      <c r="AK1586" t="s">
        <v>175</v>
      </c>
      <c r="AL1586" t="s">
        <v>42</v>
      </c>
      <c r="AM1586" t="s">
        <v>184</v>
      </c>
      <c r="AN1586" t="s">
        <v>182</v>
      </c>
      <c r="AO1586" t="s">
        <v>185</v>
      </c>
      <c r="AP1586" t="s">
        <v>206</v>
      </c>
      <c r="AQ1586" t="s">
        <v>202</v>
      </c>
      <c r="AR1586" t="s">
        <v>203</v>
      </c>
      <c r="AS1586" t="s">
        <v>204</v>
      </c>
      <c r="AT1586" t="s">
        <v>183</v>
      </c>
      <c r="AU1586" t="s">
        <v>201</v>
      </c>
      <c r="AV1586" t="s">
        <v>205</v>
      </c>
      <c r="AX1586" t="s">
        <v>186</v>
      </c>
      <c r="AY1586" t="s">
        <v>187</v>
      </c>
      <c r="AZ1586" t="s">
        <v>207</v>
      </c>
      <c r="BF1586" t="s">
        <v>232</v>
      </c>
      <c r="BG1586" t="s">
        <v>233</v>
      </c>
      <c r="BH1586" t="s">
        <v>211</v>
      </c>
      <c r="BK1586" s="1">
        <v>0</v>
      </c>
      <c r="BM1586" s="1">
        <v>0</v>
      </c>
      <c r="BO1586" s="1">
        <v>0</v>
      </c>
    </row>
    <row r="1587" spans="1:69" x14ac:dyDescent="0.25">
      <c r="A1587" s="1">
        <v>30524189</v>
      </c>
      <c r="B1587" t="s">
        <v>170</v>
      </c>
      <c r="C1587" t="s">
        <v>39</v>
      </c>
      <c r="L1587" s="1">
        <v>0</v>
      </c>
      <c r="M1587" s="1">
        <v>0</v>
      </c>
      <c r="N1587" s="1">
        <v>0</v>
      </c>
      <c r="O1587" s="1">
        <v>0</v>
      </c>
      <c r="P1587" s="1">
        <v>0</v>
      </c>
      <c r="Q1587" s="1">
        <v>0</v>
      </c>
      <c r="S1587" s="1">
        <v>0</v>
      </c>
      <c r="T1587" s="1">
        <v>0</v>
      </c>
      <c r="AC1587" s="1">
        <v>0</v>
      </c>
      <c r="AD1587" s="1">
        <v>0</v>
      </c>
      <c r="AE1587" s="1">
        <v>0</v>
      </c>
      <c r="AF1587" s="1">
        <v>0</v>
      </c>
      <c r="AG1587" s="1">
        <v>0</v>
      </c>
      <c r="AH1587" s="1">
        <v>0</v>
      </c>
      <c r="AI1587" s="1">
        <v>0</v>
      </c>
      <c r="AJ1587" s="1">
        <v>0</v>
      </c>
      <c r="AK1587" s="1">
        <v>0</v>
      </c>
      <c r="AL1587" s="1">
        <v>0</v>
      </c>
      <c r="AM1587" s="1">
        <v>0</v>
      </c>
      <c r="AN1587" s="1">
        <v>0</v>
      </c>
      <c r="AO1587" s="1">
        <v>0</v>
      </c>
      <c r="AP1587" s="1">
        <v>0</v>
      </c>
      <c r="AQ1587" s="1">
        <v>0</v>
      </c>
      <c r="AR1587" s="1">
        <v>0</v>
      </c>
      <c r="AS1587" s="1">
        <v>0</v>
      </c>
      <c r="AT1587" s="1">
        <v>0</v>
      </c>
      <c r="AU1587" s="1">
        <v>0</v>
      </c>
      <c r="AV1587" s="1">
        <v>0</v>
      </c>
      <c r="BF1587" s="1">
        <v>0</v>
      </c>
      <c r="BG1587" s="1">
        <v>0</v>
      </c>
      <c r="BH1587" s="1">
        <v>0</v>
      </c>
      <c r="BK1587" s="1">
        <v>0</v>
      </c>
      <c r="BM1587" s="1">
        <v>0</v>
      </c>
      <c r="BO1587" s="1">
        <v>0</v>
      </c>
    </row>
    <row r="1588" spans="1:69" x14ac:dyDescent="0.25">
      <c r="A1588" s="1">
        <v>30525750</v>
      </c>
      <c r="B1588" t="s">
        <v>3723</v>
      </c>
      <c r="C1588" t="s">
        <v>39</v>
      </c>
      <c r="D1588" t="s">
        <v>3138</v>
      </c>
      <c r="E1588" t="s">
        <v>200</v>
      </c>
      <c r="L1588" t="s">
        <v>52</v>
      </c>
      <c r="M1588" s="1">
        <v>0</v>
      </c>
      <c r="N1588" s="1">
        <v>0</v>
      </c>
      <c r="O1588" t="s">
        <v>3139</v>
      </c>
      <c r="P1588" t="s">
        <v>176</v>
      </c>
      <c r="Q1588" t="s">
        <v>238</v>
      </c>
      <c r="S1588" t="s">
        <v>178</v>
      </c>
      <c r="T1588" t="s">
        <v>200</v>
      </c>
      <c r="AC1588" t="s">
        <v>199</v>
      </c>
      <c r="AD1588" t="s">
        <v>200</v>
      </c>
      <c r="AE1588" t="s">
        <v>200</v>
      </c>
      <c r="AF1588" t="s">
        <v>200</v>
      </c>
      <c r="AG1588" t="s">
        <v>200</v>
      </c>
      <c r="AH1588" t="s">
        <v>200</v>
      </c>
      <c r="AI1588" t="s">
        <v>200</v>
      </c>
      <c r="AJ1588" t="s">
        <v>200</v>
      </c>
      <c r="AK1588" t="s">
        <v>175</v>
      </c>
      <c r="AL1588" t="s">
        <v>42</v>
      </c>
      <c r="AM1588" t="s">
        <v>206</v>
      </c>
      <c r="AN1588" t="s">
        <v>204</v>
      </c>
      <c r="AO1588" t="s">
        <v>183</v>
      </c>
      <c r="AP1588" t="s">
        <v>182</v>
      </c>
      <c r="AQ1588" t="s">
        <v>184</v>
      </c>
      <c r="AR1588" t="s">
        <v>185</v>
      </c>
      <c r="AS1588" t="s">
        <v>205</v>
      </c>
      <c r="AT1588" t="s">
        <v>202</v>
      </c>
      <c r="AU1588" t="s">
        <v>203</v>
      </c>
      <c r="AV1588" t="s">
        <v>201</v>
      </c>
      <c r="AX1588" t="s">
        <v>186</v>
      </c>
      <c r="BA1588" t="s">
        <v>188</v>
      </c>
      <c r="BC1588" t="s">
        <v>209</v>
      </c>
      <c r="BF1588" t="s">
        <v>210</v>
      </c>
      <c r="BG1588" s="1">
        <v>0</v>
      </c>
      <c r="BH1588" t="s">
        <v>211</v>
      </c>
      <c r="BK1588" t="s">
        <v>191</v>
      </c>
      <c r="BL1588" t="s">
        <v>3724</v>
      </c>
      <c r="BM1588" t="s">
        <v>191</v>
      </c>
      <c r="BN1588" t="s">
        <v>3725</v>
      </c>
      <c r="BO1588" t="s">
        <v>191</v>
      </c>
      <c r="BP1588" t="s">
        <v>3726</v>
      </c>
    </row>
    <row r="1589" spans="1:69" x14ac:dyDescent="0.25">
      <c r="A1589" s="1">
        <v>30525769</v>
      </c>
      <c r="B1589" t="s">
        <v>921</v>
      </c>
      <c r="C1589" t="s">
        <v>39</v>
      </c>
      <c r="D1589" t="s">
        <v>174</v>
      </c>
      <c r="E1589" t="s">
        <v>175</v>
      </c>
      <c r="L1589" t="s">
        <v>52</v>
      </c>
      <c r="M1589" s="1">
        <v>0</v>
      </c>
      <c r="N1589" s="1">
        <v>0</v>
      </c>
      <c r="O1589" t="s">
        <v>174</v>
      </c>
      <c r="P1589" t="s">
        <v>176</v>
      </c>
      <c r="Q1589" t="s">
        <v>238</v>
      </c>
      <c r="S1589" t="s">
        <v>178</v>
      </c>
      <c r="T1589" t="s">
        <v>175</v>
      </c>
      <c r="W1589" t="s">
        <v>262</v>
      </c>
      <c r="X1589" t="s">
        <v>179</v>
      </c>
      <c r="Y1589" t="s">
        <v>224</v>
      </c>
      <c r="Z1589" t="s">
        <v>244</v>
      </c>
      <c r="AC1589" t="s">
        <v>180</v>
      </c>
      <c r="AD1589" t="s">
        <v>175</v>
      </c>
      <c r="AE1589" t="s">
        <v>175</v>
      </c>
      <c r="AF1589" t="s">
        <v>175</v>
      </c>
      <c r="AG1589" t="s">
        <v>175</v>
      </c>
      <c r="AH1589" t="s">
        <v>175</v>
      </c>
      <c r="AI1589" t="s">
        <v>175</v>
      </c>
      <c r="AJ1589" t="s">
        <v>175</v>
      </c>
      <c r="AK1589" t="s">
        <v>175</v>
      </c>
      <c r="AL1589" t="s">
        <v>49</v>
      </c>
      <c r="AM1589" t="s">
        <v>183</v>
      </c>
      <c r="AN1589" t="s">
        <v>202</v>
      </c>
      <c r="AO1589" t="s">
        <v>182</v>
      </c>
      <c r="AP1589" t="s">
        <v>201</v>
      </c>
      <c r="AQ1589" t="s">
        <v>185</v>
      </c>
      <c r="AR1589" t="s">
        <v>203</v>
      </c>
      <c r="AS1589" t="s">
        <v>206</v>
      </c>
      <c r="AT1589" t="s">
        <v>205</v>
      </c>
      <c r="AU1589" t="s">
        <v>204</v>
      </c>
      <c r="AV1589" t="s">
        <v>184</v>
      </c>
      <c r="AX1589" t="s">
        <v>186</v>
      </c>
      <c r="AY1589" t="s">
        <v>187</v>
      </c>
      <c r="AZ1589" t="s">
        <v>207</v>
      </c>
      <c r="BA1589" t="s">
        <v>188</v>
      </c>
      <c r="BB1589" t="s">
        <v>208</v>
      </c>
      <c r="BC1589" t="s">
        <v>209</v>
      </c>
      <c r="BF1589" t="s">
        <v>210</v>
      </c>
      <c r="BG1589" s="1">
        <v>0</v>
      </c>
      <c r="BH1589" t="s">
        <v>211</v>
      </c>
      <c r="BK1589" t="s">
        <v>191</v>
      </c>
      <c r="BL1589" t="s">
        <v>922</v>
      </c>
      <c r="BM1589" t="s">
        <v>191</v>
      </c>
      <c r="BN1589" t="s">
        <v>923</v>
      </c>
      <c r="BO1589" t="s">
        <v>191</v>
      </c>
      <c r="BP1589" t="s">
        <v>924</v>
      </c>
    </row>
    <row r="1590" spans="1:69" x14ac:dyDescent="0.25">
      <c r="A1590" s="1">
        <v>30526339</v>
      </c>
      <c r="B1590" t="s">
        <v>2507</v>
      </c>
      <c r="C1590" t="s">
        <v>39</v>
      </c>
      <c r="D1590" t="s">
        <v>1616</v>
      </c>
      <c r="E1590" t="s">
        <v>200</v>
      </c>
      <c r="L1590" t="s">
        <v>52</v>
      </c>
      <c r="M1590" s="1">
        <v>0</v>
      </c>
      <c r="N1590" s="1">
        <v>0</v>
      </c>
      <c r="O1590" t="s">
        <v>1616</v>
      </c>
      <c r="P1590" t="s">
        <v>176</v>
      </c>
      <c r="Q1590" t="s">
        <v>196</v>
      </c>
      <c r="S1590" t="s">
        <v>178</v>
      </c>
      <c r="T1590" t="s">
        <v>200</v>
      </c>
      <c r="Y1590" t="s">
        <v>224</v>
      </c>
      <c r="AC1590" t="s">
        <v>180</v>
      </c>
      <c r="AD1590" t="s">
        <v>200</v>
      </c>
      <c r="AE1590" t="s">
        <v>200</v>
      </c>
      <c r="AF1590" t="s">
        <v>175</v>
      </c>
      <c r="AG1590" t="s">
        <v>200</v>
      </c>
      <c r="AH1590" t="s">
        <v>200</v>
      </c>
      <c r="AI1590" t="s">
        <v>200</v>
      </c>
      <c r="AJ1590" t="s">
        <v>200</v>
      </c>
      <c r="AK1590" t="s">
        <v>200</v>
      </c>
      <c r="AL1590" t="s">
        <v>52</v>
      </c>
      <c r="AM1590" t="s">
        <v>182</v>
      </c>
      <c r="AN1590" t="s">
        <v>204</v>
      </c>
      <c r="AO1590" t="s">
        <v>184</v>
      </c>
      <c r="AP1590" t="s">
        <v>185</v>
      </c>
      <c r="AQ1590" t="s">
        <v>206</v>
      </c>
      <c r="AR1590" t="s">
        <v>201</v>
      </c>
      <c r="AS1590" t="s">
        <v>203</v>
      </c>
      <c r="AT1590" t="s">
        <v>205</v>
      </c>
      <c r="AU1590" t="s">
        <v>202</v>
      </c>
      <c r="AV1590" t="s">
        <v>183</v>
      </c>
      <c r="AX1590" t="s">
        <v>186</v>
      </c>
      <c r="AY1590" t="s">
        <v>187</v>
      </c>
      <c r="AZ1590" t="s">
        <v>207</v>
      </c>
      <c r="BA1590" t="s">
        <v>188</v>
      </c>
      <c r="BF1590" t="s">
        <v>210</v>
      </c>
      <c r="BG1590" s="1">
        <v>0</v>
      </c>
      <c r="BH1590" t="s">
        <v>190</v>
      </c>
      <c r="BK1590" t="s">
        <v>191</v>
      </c>
      <c r="BL1590" t="s">
        <v>2508</v>
      </c>
      <c r="BM1590" t="s">
        <v>191</v>
      </c>
      <c r="BN1590" t="s">
        <v>2509</v>
      </c>
      <c r="BO1590" t="s">
        <v>191</v>
      </c>
      <c r="BP1590" t="s">
        <v>2510</v>
      </c>
    </row>
    <row r="1591" spans="1:69" x14ac:dyDescent="0.25">
      <c r="A1591" s="1">
        <v>30531082</v>
      </c>
      <c r="B1591" t="s">
        <v>171</v>
      </c>
      <c r="C1591" t="s">
        <v>39</v>
      </c>
      <c r="L1591" t="s">
        <v>52</v>
      </c>
      <c r="M1591" s="1">
        <v>0</v>
      </c>
      <c r="N1591" s="1">
        <v>0</v>
      </c>
      <c r="O1591" s="1">
        <v>0</v>
      </c>
      <c r="P1591" s="1">
        <v>0</v>
      </c>
      <c r="Q1591" s="1">
        <v>0</v>
      </c>
      <c r="S1591" s="1">
        <v>0</v>
      </c>
      <c r="T1591" s="1">
        <v>0</v>
      </c>
      <c r="AC1591" s="1">
        <v>0</v>
      </c>
      <c r="AD1591" s="1">
        <v>0</v>
      </c>
      <c r="AE1591" s="1">
        <v>0</v>
      </c>
      <c r="AF1591" s="1">
        <v>0</v>
      </c>
      <c r="AG1591" s="1">
        <v>0</v>
      </c>
      <c r="AH1591" s="1">
        <v>0</v>
      </c>
      <c r="AI1591" s="1">
        <v>0</v>
      </c>
      <c r="AJ1591" s="1">
        <v>0</v>
      </c>
      <c r="AK1591" s="1">
        <v>0</v>
      </c>
      <c r="AL1591" s="1">
        <v>0</v>
      </c>
      <c r="AM1591" s="1">
        <v>0</v>
      </c>
      <c r="AN1591" s="1">
        <v>0</v>
      </c>
      <c r="AO1591" s="1">
        <v>0</v>
      </c>
      <c r="AP1591" s="1">
        <v>0</v>
      </c>
      <c r="AQ1591" s="1">
        <v>0</v>
      </c>
      <c r="AR1591" s="1">
        <v>0</v>
      </c>
      <c r="AS1591" s="1">
        <v>0</v>
      </c>
      <c r="AT1591" s="1">
        <v>0</v>
      </c>
      <c r="AU1591" s="1">
        <v>0</v>
      </c>
      <c r="AV1591" s="1">
        <v>0</v>
      </c>
      <c r="BF1591" s="1">
        <v>0</v>
      </c>
      <c r="BG1591" s="1">
        <v>0</v>
      </c>
      <c r="BH1591" s="1">
        <v>0</v>
      </c>
      <c r="BK1591" s="1">
        <v>0</v>
      </c>
      <c r="BM1591" s="1">
        <v>0</v>
      </c>
      <c r="BO1591" s="1">
        <v>0</v>
      </c>
    </row>
    <row r="1592" spans="1:69" x14ac:dyDescent="0.25">
      <c r="A1592" s="1">
        <v>30531272</v>
      </c>
      <c r="B1592" t="s">
        <v>925</v>
      </c>
      <c r="C1592" t="s">
        <v>39</v>
      </c>
      <c r="D1592" t="s">
        <v>174</v>
      </c>
      <c r="E1592" t="s">
        <v>175</v>
      </c>
      <c r="L1592" t="s">
        <v>52</v>
      </c>
      <c r="M1592" s="1">
        <v>0</v>
      </c>
      <c r="N1592" s="1">
        <v>0</v>
      </c>
      <c r="O1592" t="s">
        <v>174</v>
      </c>
      <c r="P1592" t="s">
        <v>216</v>
      </c>
      <c r="Q1592" t="s">
        <v>322</v>
      </c>
      <c r="S1592" s="1">
        <v>0</v>
      </c>
      <c r="T1592" t="s">
        <v>175</v>
      </c>
      <c r="X1592" t="s">
        <v>179</v>
      </c>
      <c r="Y1592" t="s">
        <v>224</v>
      </c>
      <c r="AC1592" t="s">
        <v>266</v>
      </c>
      <c r="AD1592" t="s">
        <v>175</v>
      </c>
      <c r="AE1592" t="s">
        <v>181</v>
      </c>
      <c r="AF1592" t="s">
        <v>175</v>
      </c>
      <c r="AG1592" t="s">
        <v>175</v>
      </c>
      <c r="AH1592" t="s">
        <v>175</v>
      </c>
      <c r="AI1592" t="s">
        <v>200</v>
      </c>
      <c r="AJ1592" t="s">
        <v>175</v>
      </c>
      <c r="AK1592" t="s">
        <v>175</v>
      </c>
      <c r="AL1592" t="s">
        <v>52</v>
      </c>
      <c r="AM1592" t="s">
        <v>184</v>
      </c>
      <c r="AN1592" t="s">
        <v>185</v>
      </c>
      <c r="AO1592" t="s">
        <v>206</v>
      </c>
      <c r="AP1592" t="s">
        <v>182</v>
      </c>
      <c r="AQ1592" t="s">
        <v>203</v>
      </c>
      <c r="AR1592" t="s">
        <v>202</v>
      </c>
      <c r="AS1592" t="s">
        <v>205</v>
      </c>
      <c r="AT1592" t="s">
        <v>201</v>
      </c>
      <c r="AU1592" t="s">
        <v>204</v>
      </c>
      <c r="AV1592" t="s">
        <v>183</v>
      </c>
      <c r="AW1592" t="s">
        <v>926</v>
      </c>
      <c r="AX1592" t="s">
        <v>186</v>
      </c>
      <c r="AY1592" t="s">
        <v>187</v>
      </c>
      <c r="AZ1592" t="s">
        <v>207</v>
      </c>
      <c r="BA1592" t="s">
        <v>188</v>
      </c>
      <c r="BB1592" t="s">
        <v>208</v>
      </c>
      <c r="BC1592" t="s">
        <v>209</v>
      </c>
      <c r="BF1592" t="s">
        <v>189</v>
      </c>
      <c r="BG1592" s="1">
        <v>0</v>
      </c>
      <c r="BH1592" t="s">
        <v>211</v>
      </c>
      <c r="BK1592" t="s">
        <v>191</v>
      </c>
      <c r="BL1592" t="s">
        <v>927</v>
      </c>
      <c r="BM1592" t="s">
        <v>218</v>
      </c>
      <c r="BN1592" t="s">
        <v>928</v>
      </c>
      <c r="BO1592" t="s">
        <v>218</v>
      </c>
      <c r="BP1592" t="s">
        <v>929</v>
      </c>
      <c r="BQ1592" t="s">
        <v>930</v>
      </c>
    </row>
    <row r="1593" spans="1:69" x14ac:dyDescent="0.25">
      <c r="A1593" s="1">
        <v>30531809</v>
      </c>
      <c r="B1593" t="s">
        <v>1610</v>
      </c>
      <c r="C1593" t="s">
        <v>39</v>
      </c>
      <c r="D1593" t="s">
        <v>942</v>
      </c>
      <c r="E1593" t="s">
        <v>195</v>
      </c>
      <c r="L1593" t="s">
        <v>52</v>
      </c>
      <c r="M1593" s="1">
        <v>0</v>
      </c>
      <c r="N1593" s="1">
        <v>0</v>
      </c>
      <c r="O1593" t="s">
        <v>942</v>
      </c>
      <c r="P1593" t="s">
        <v>176</v>
      </c>
      <c r="Q1593" t="s">
        <v>238</v>
      </c>
      <c r="S1593" s="1">
        <v>0</v>
      </c>
      <c r="T1593" s="1">
        <v>0</v>
      </c>
      <c r="AC1593" s="1">
        <v>0</v>
      </c>
      <c r="AD1593" s="1">
        <v>0</v>
      </c>
      <c r="AE1593" s="1">
        <v>0</v>
      </c>
      <c r="AF1593" s="1">
        <v>0</v>
      </c>
      <c r="AG1593" s="1">
        <v>0</v>
      </c>
      <c r="AH1593" s="1">
        <v>0</v>
      </c>
      <c r="AI1593" s="1">
        <v>0</v>
      </c>
      <c r="AJ1593" s="1">
        <v>0</v>
      </c>
      <c r="AK1593" s="1">
        <v>0</v>
      </c>
      <c r="AL1593" s="1">
        <v>0</v>
      </c>
      <c r="AM1593" s="1">
        <v>0</v>
      </c>
      <c r="AN1593" s="1">
        <v>0</v>
      </c>
      <c r="AO1593" s="1">
        <v>0</v>
      </c>
      <c r="AP1593" s="1">
        <v>0</v>
      </c>
      <c r="AQ1593" s="1">
        <v>0</v>
      </c>
      <c r="AR1593" s="1">
        <v>0</v>
      </c>
      <c r="AS1593" s="1">
        <v>0</v>
      </c>
      <c r="AT1593" s="1">
        <v>0</v>
      </c>
      <c r="AU1593" s="1">
        <v>0</v>
      </c>
      <c r="AV1593" s="1">
        <v>0</v>
      </c>
      <c r="BF1593" s="1">
        <v>0</v>
      </c>
      <c r="BG1593" s="1">
        <v>0</v>
      </c>
      <c r="BH1593" s="1">
        <v>0</v>
      </c>
      <c r="BK1593" s="1">
        <v>0</v>
      </c>
      <c r="BM1593" s="1">
        <v>0</v>
      </c>
      <c r="BO1593" s="1">
        <v>0</v>
      </c>
    </row>
    <row r="1594" spans="1:69" x14ac:dyDescent="0.25">
      <c r="A1594" s="1">
        <v>30532717</v>
      </c>
      <c r="B1594" t="s">
        <v>3117</v>
      </c>
      <c r="C1594" t="s">
        <v>39</v>
      </c>
      <c r="D1594" t="s">
        <v>2512</v>
      </c>
      <c r="E1594" t="s">
        <v>200</v>
      </c>
      <c r="L1594" t="s">
        <v>52</v>
      </c>
      <c r="M1594" s="1">
        <v>0</v>
      </c>
      <c r="N1594" s="1">
        <v>0</v>
      </c>
      <c r="O1594" t="s">
        <v>2512</v>
      </c>
      <c r="P1594" t="s">
        <v>176</v>
      </c>
      <c r="Q1594" t="s">
        <v>328</v>
      </c>
      <c r="S1594" t="s">
        <v>178</v>
      </c>
      <c r="T1594" t="s">
        <v>200</v>
      </c>
      <c r="Z1594" t="s">
        <v>244</v>
      </c>
      <c r="AC1594" t="s">
        <v>199</v>
      </c>
      <c r="AD1594" t="s">
        <v>200</v>
      </c>
      <c r="AE1594" t="s">
        <v>175</v>
      </c>
      <c r="AF1594" t="s">
        <v>175</v>
      </c>
      <c r="AG1594" t="s">
        <v>175</v>
      </c>
      <c r="AH1594" t="s">
        <v>200</v>
      </c>
      <c r="AI1594" t="s">
        <v>200</v>
      </c>
      <c r="AJ1594" t="s">
        <v>200</v>
      </c>
      <c r="AK1594" t="s">
        <v>200</v>
      </c>
      <c r="AL1594" t="s">
        <v>42</v>
      </c>
      <c r="AM1594" t="s">
        <v>183</v>
      </c>
      <c r="AN1594" t="s">
        <v>205</v>
      </c>
      <c r="AO1594" t="s">
        <v>201</v>
      </c>
      <c r="AP1594" t="s">
        <v>182</v>
      </c>
      <c r="AQ1594" t="s">
        <v>185</v>
      </c>
      <c r="AR1594" t="s">
        <v>184</v>
      </c>
      <c r="AS1594" t="s">
        <v>203</v>
      </c>
      <c r="AT1594" t="s">
        <v>204</v>
      </c>
      <c r="AU1594" t="s">
        <v>202</v>
      </c>
      <c r="AV1594" t="s">
        <v>206</v>
      </c>
      <c r="AX1594" t="s">
        <v>186</v>
      </c>
      <c r="AY1594" t="s">
        <v>187</v>
      </c>
      <c r="AZ1594" t="s">
        <v>207</v>
      </c>
      <c r="BA1594" t="s">
        <v>188</v>
      </c>
      <c r="BB1594" t="s">
        <v>208</v>
      </c>
      <c r="BC1594" t="s">
        <v>209</v>
      </c>
      <c r="BF1594" t="s">
        <v>210</v>
      </c>
      <c r="BG1594" s="1">
        <v>0</v>
      </c>
      <c r="BH1594" t="s">
        <v>211</v>
      </c>
      <c r="BK1594" t="s">
        <v>191</v>
      </c>
      <c r="BL1594" t="s">
        <v>3118</v>
      </c>
      <c r="BM1594" t="s">
        <v>191</v>
      </c>
      <c r="BN1594" t="s">
        <v>3119</v>
      </c>
      <c r="BO1594" t="s">
        <v>191</v>
      </c>
      <c r="BP1594" t="s">
        <v>3120</v>
      </c>
    </row>
    <row r="1595" spans="1:69" x14ac:dyDescent="0.25">
      <c r="A1595" s="1">
        <v>30533193</v>
      </c>
      <c r="B1595" t="s">
        <v>172</v>
      </c>
      <c r="C1595" t="s">
        <v>39</v>
      </c>
      <c r="L1595" s="1">
        <v>0</v>
      </c>
      <c r="M1595" s="1">
        <v>0</v>
      </c>
      <c r="N1595" s="1">
        <v>0</v>
      </c>
      <c r="O1595" s="1">
        <v>0</v>
      </c>
      <c r="P1595" s="1">
        <v>0</v>
      </c>
      <c r="Q1595" s="1">
        <v>0</v>
      </c>
      <c r="S1595" s="1">
        <v>0</v>
      </c>
      <c r="T1595" s="1">
        <v>0</v>
      </c>
      <c r="AC1595" s="1">
        <v>0</v>
      </c>
      <c r="AD1595" s="1">
        <v>0</v>
      </c>
      <c r="AE1595" s="1">
        <v>0</v>
      </c>
      <c r="AF1595" s="1">
        <v>0</v>
      </c>
      <c r="AG1595" s="1">
        <v>0</v>
      </c>
      <c r="AH1595" s="1">
        <v>0</v>
      </c>
      <c r="AI1595" s="1">
        <v>0</v>
      </c>
      <c r="AJ1595" s="1">
        <v>0</v>
      </c>
      <c r="AK1595" s="1">
        <v>0</v>
      </c>
      <c r="AL1595" s="1">
        <v>0</v>
      </c>
      <c r="AM1595" s="1">
        <v>0</v>
      </c>
      <c r="AN1595" s="1">
        <v>0</v>
      </c>
      <c r="AO1595" s="1">
        <v>0</v>
      </c>
      <c r="AP1595" s="1">
        <v>0</v>
      </c>
      <c r="AQ1595" s="1">
        <v>0</v>
      </c>
      <c r="AR1595" s="1">
        <v>0</v>
      </c>
      <c r="AS1595" s="1">
        <v>0</v>
      </c>
      <c r="AT1595" s="1">
        <v>0</v>
      </c>
      <c r="AU1595" s="1">
        <v>0</v>
      </c>
      <c r="AV1595" s="1">
        <v>0</v>
      </c>
      <c r="BF1595" s="1">
        <v>0</v>
      </c>
      <c r="BG1595" s="1">
        <v>0</v>
      </c>
      <c r="BH1595" s="1">
        <v>0</v>
      </c>
      <c r="BK1595" s="1">
        <v>0</v>
      </c>
      <c r="BM1595" s="1">
        <v>0</v>
      </c>
      <c r="BO1595" s="1">
        <v>0</v>
      </c>
    </row>
    <row r="1596" spans="1:69" x14ac:dyDescent="0.25">
      <c r="A1596" s="1">
        <v>30533447</v>
      </c>
      <c r="B1596" t="s">
        <v>3137</v>
      </c>
      <c r="C1596" t="s">
        <v>39</v>
      </c>
      <c r="D1596" t="s">
        <v>3125</v>
      </c>
      <c r="L1596" t="s">
        <v>42</v>
      </c>
      <c r="M1596" t="s">
        <v>52</v>
      </c>
      <c r="N1596" t="s">
        <v>470</v>
      </c>
      <c r="O1596" t="s">
        <v>49</v>
      </c>
      <c r="P1596" s="1">
        <v>0</v>
      </c>
      <c r="Q1596" s="1">
        <v>0</v>
      </c>
      <c r="S1596" s="1">
        <v>0</v>
      </c>
      <c r="T1596" s="1">
        <v>0</v>
      </c>
      <c r="AC1596" s="1">
        <v>0</v>
      </c>
      <c r="AD1596" s="1">
        <v>0</v>
      </c>
      <c r="AE1596" s="1">
        <v>0</v>
      </c>
      <c r="AF1596" s="1">
        <v>0</v>
      </c>
      <c r="AG1596" s="1">
        <v>0</v>
      </c>
      <c r="AH1596" s="1">
        <v>0</v>
      </c>
      <c r="AI1596" s="1">
        <v>0</v>
      </c>
      <c r="AJ1596" s="1">
        <v>0</v>
      </c>
      <c r="AK1596" s="1">
        <v>0</v>
      </c>
      <c r="AL1596" s="1">
        <v>0</v>
      </c>
      <c r="AM1596" s="1">
        <v>0</v>
      </c>
      <c r="AN1596" s="1">
        <v>0</v>
      </c>
      <c r="AO1596" s="1">
        <v>0</v>
      </c>
      <c r="AP1596" s="1">
        <v>0</v>
      </c>
      <c r="AQ1596" s="1">
        <v>0</v>
      </c>
      <c r="AR1596" s="1">
        <v>0</v>
      </c>
      <c r="AS1596" s="1">
        <v>0</v>
      </c>
      <c r="AT1596" s="1">
        <v>0</v>
      </c>
      <c r="AU1596" s="1">
        <v>0</v>
      </c>
      <c r="AV1596" s="1">
        <v>0</v>
      </c>
      <c r="BF1596" s="1">
        <v>0</v>
      </c>
      <c r="BG1596" s="1">
        <v>0</v>
      </c>
      <c r="BH1596" s="1">
        <v>0</v>
      </c>
      <c r="BK1596" s="1">
        <v>0</v>
      </c>
      <c r="BM1596" s="1">
        <v>0</v>
      </c>
      <c r="BO1596" s="1">
        <v>0</v>
      </c>
    </row>
    <row r="1597" spans="1:69" x14ac:dyDescent="0.25">
      <c r="A1597" s="1">
        <v>30533586</v>
      </c>
      <c r="B1597" t="s">
        <v>1611</v>
      </c>
      <c r="C1597" t="s">
        <v>39</v>
      </c>
      <c r="D1597" t="s">
        <v>942</v>
      </c>
      <c r="E1597" t="s">
        <v>195</v>
      </c>
      <c r="L1597" t="s">
        <v>52</v>
      </c>
      <c r="M1597" s="1">
        <v>0</v>
      </c>
      <c r="N1597" s="1">
        <v>0</v>
      </c>
      <c r="O1597" t="s">
        <v>942</v>
      </c>
      <c r="P1597" t="s">
        <v>176</v>
      </c>
      <c r="Q1597" t="s">
        <v>238</v>
      </c>
      <c r="S1597" t="s">
        <v>178</v>
      </c>
      <c r="T1597" t="s">
        <v>49</v>
      </c>
      <c r="AA1597" t="s">
        <v>273</v>
      </c>
      <c r="AC1597" t="s">
        <v>180</v>
      </c>
      <c r="AD1597" t="s">
        <v>181</v>
      </c>
      <c r="AE1597" t="s">
        <v>299</v>
      </c>
      <c r="AF1597" t="s">
        <v>299</v>
      </c>
      <c r="AG1597" t="s">
        <v>299</v>
      </c>
      <c r="AH1597" t="s">
        <v>175</v>
      </c>
      <c r="AI1597" t="s">
        <v>230</v>
      </c>
      <c r="AJ1597" t="s">
        <v>230</v>
      </c>
      <c r="AK1597" t="s">
        <v>299</v>
      </c>
      <c r="AL1597" t="s">
        <v>52</v>
      </c>
      <c r="AM1597" s="1">
        <v>0</v>
      </c>
      <c r="AN1597" s="1">
        <v>0</v>
      </c>
      <c r="AO1597" s="1">
        <v>0</v>
      </c>
      <c r="AP1597" s="1">
        <v>0</v>
      </c>
      <c r="AQ1597" s="1">
        <v>0</v>
      </c>
      <c r="AR1597" s="1">
        <v>0</v>
      </c>
      <c r="AS1597" s="1">
        <v>0</v>
      </c>
      <c r="AT1597" s="1">
        <v>0</v>
      </c>
      <c r="AU1597" s="1">
        <v>0</v>
      </c>
      <c r="AV1597" s="1">
        <v>0</v>
      </c>
      <c r="BF1597" s="1">
        <v>0</v>
      </c>
      <c r="BG1597" s="1">
        <v>0</v>
      </c>
      <c r="BH1597" s="1">
        <v>0</v>
      </c>
      <c r="BK1597" s="1">
        <v>0</v>
      </c>
      <c r="BM1597" s="1">
        <v>0</v>
      </c>
      <c r="BO1597" s="1">
        <v>0</v>
      </c>
    </row>
    <row r="1598" spans="1:69" x14ac:dyDescent="0.25">
      <c r="A1598" s="1">
        <v>30535002</v>
      </c>
      <c r="B1598" t="s">
        <v>931</v>
      </c>
      <c r="C1598" t="s">
        <v>39</v>
      </c>
      <c r="D1598" t="s">
        <v>174</v>
      </c>
      <c r="E1598" t="s">
        <v>175</v>
      </c>
      <c r="L1598" t="s">
        <v>52</v>
      </c>
      <c r="M1598" s="1">
        <v>0</v>
      </c>
      <c r="N1598" s="1">
        <v>0</v>
      </c>
      <c r="O1598" t="s">
        <v>174</v>
      </c>
      <c r="P1598" t="s">
        <v>216</v>
      </c>
      <c r="Q1598" t="s">
        <v>196</v>
      </c>
      <c r="S1598" s="1">
        <v>0</v>
      </c>
      <c r="T1598" t="s">
        <v>175</v>
      </c>
      <c r="Y1598" t="s">
        <v>224</v>
      </c>
      <c r="AC1598" t="s">
        <v>180</v>
      </c>
      <c r="AD1598" t="s">
        <v>175</v>
      </c>
      <c r="AE1598" t="s">
        <v>175</v>
      </c>
      <c r="AF1598" t="s">
        <v>175</v>
      </c>
      <c r="AG1598" t="s">
        <v>175</v>
      </c>
      <c r="AH1598" t="s">
        <v>175</v>
      </c>
      <c r="AI1598" t="s">
        <v>175</v>
      </c>
      <c r="AJ1598" t="s">
        <v>175</v>
      </c>
      <c r="AK1598" t="s">
        <v>175</v>
      </c>
      <c r="AL1598" t="s">
        <v>42</v>
      </c>
      <c r="AM1598" t="s">
        <v>184</v>
      </c>
      <c r="AN1598" t="s">
        <v>182</v>
      </c>
      <c r="AO1598" t="s">
        <v>185</v>
      </c>
      <c r="AP1598" t="s">
        <v>201</v>
      </c>
      <c r="AQ1598" s="1">
        <v>0</v>
      </c>
      <c r="AR1598" s="1">
        <v>0</v>
      </c>
      <c r="AS1598" s="1">
        <v>0</v>
      </c>
      <c r="AT1598" s="1">
        <v>0</v>
      </c>
      <c r="AU1598" s="1">
        <v>0</v>
      </c>
      <c r="AV1598" t="s">
        <v>183</v>
      </c>
      <c r="AY1598" t="s">
        <v>187</v>
      </c>
      <c r="AZ1598" t="s">
        <v>207</v>
      </c>
      <c r="BA1598" t="s">
        <v>188</v>
      </c>
      <c r="BB1598" t="s">
        <v>208</v>
      </c>
      <c r="BF1598" t="s">
        <v>210</v>
      </c>
      <c r="BG1598" s="1">
        <v>0</v>
      </c>
      <c r="BH1598" t="s">
        <v>247</v>
      </c>
      <c r="BK1598" s="1">
        <v>0</v>
      </c>
      <c r="BM1598" t="s">
        <v>191</v>
      </c>
      <c r="BO1598" t="s">
        <v>218</v>
      </c>
    </row>
    <row r="1599" spans="1:69" x14ac:dyDescent="0.25">
      <c r="A1599" s="1">
        <v>30537369</v>
      </c>
      <c r="B1599" t="s">
        <v>4614</v>
      </c>
      <c r="C1599" t="s">
        <v>39</v>
      </c>
      <c r="D1599" t="s">
        <v>3727</v>
      </c>
      <c r="E1599" t="s">
        <v>175</v>
      </c>
      <c r="L1599" t="s">
        <v>52</v>
      </c>
      <c r="M1599" s="1">
        <v>0</v>
      </c>
      <c r="N1599" s="1">
        <v>0</v>
      </c>
      <c r="O1599" t="s">
        <v>3728</v>
      </c>
      <c r="P1599" t="s">
        <v>216</v>
      </c>
      <c r="Q1599" t="s">
        <v>328</v>
      </c>
      <c r="S1599" s="1">
        <v>0</v>
      </c>
      <c r="T1599" t="s">
        <v>175</v>
      </c>
      <c r="X1599" t="s">
        <v>179</v>
      </c>
      <c r="AC1599" t="s">
        <v>199</v>
      </c>
      <c r="AD1599" t="s">
        <v>175</v>
      </c>
      <c r="AE1599" t="s">
        <v>175</v>
      </c>
      <c r="AF1599" t="s">
        <v>181</v>
      </c>
      <c r="AG1599" t="s">
        <v>181</v>
      </c>
      <c r="AH1599" t="s">
        <v>175</v>
      </c>
      <c r="AI1599" t="s">
        <v>200</v>
      </c>
      <c r="AJ1599" t="s">
        <v>175</v>
      </c>
      <c r="AK1599" t="s">
        <v>200</v>
      </c>
      <c r="AL1599" t="s">
        <v>42</v>
      </c>
      <c r="AM1599" t="s">
        <v>184</v>
      </c>
      <c r="AN1599" t="s">
        <v>185</v>
      </c>
      <c r="AO1599" t="s">
        <v>201</v>
      </c>
      <c r="AP1599" t="s">
        <v>203</v>
      </c>
      <c r="AQ1599" t="s">
        <v>183</v>
      </c>
      <c r="AR1599" t="s">
        <v>182</v>
      </c>
      <c r="AS1599" t="s">
        <v>202</v>
      </c>
      <c r="AT1599" t="s">
        <v>206</v>
      </c>
      <c r="AU1599" t="s">
        <v>205</v>
      </c>
      <c r="AV1599" t="s">
        <v>204</v>
      </c>
      <c r="AX1599" t="s">
        <v>186</v>
      </c>
      <c r="AY1599" t="s">
        <v>187</v>
      </c>
      <c r="AZ1599" t="s">
        <v>207</v>
      </c>
      <c r="BA1599" t="s">
        <v>188</v>
      </c>
      <c r="BB1599" t="s">
        <v>208</v>
      </c>
      <c r="BC1599" t="s">
        <v>209</v>
      </c>
      <c r="BD1599" t="s">
        <v>273</v>
      </c>
      <c r="BE1599" t="s">
        <v>4615</v>
      </c>
      <c r="BF1599" t="s">
        <v>210</v>
      </c>
      <c r="BG1599" s="1">
        <v>0</v>
      </c>
      <c r="BH1599" t="s">
        <v>211</v>
      </c>
      <c r="BK1599" t="s">
        <v>191</v>
      </c>
      <c r="BL1599" t="s">
        <v>4616</v>
      </c>
      <c r="BM1599" t="s">
        <v>191</v>
      </c>
      <c r="BN1599" t="s">
        <v>4617</v>
      </c>
      <c r="BO1599" s="1">
        <v>0</v>
      </c>
      <c r="BP1599" t="s">
        <v>4618</v>
      </c>
    </row>
    <row r="1600" spans="1:69" x14ac:dyDescent="0.25">
      <c r="A1600" s="1">
        <v>30539355</v>
      </c>
      <c r="B1600" t="s">
        <v>3121</v>
      </c>
      <c r="C1600" t="s">
        <v>39</v>
      </c>
      <c r="D1600" t="s">
        <v>2512</v>
      </c>
      <c r="E1600" t="s">
        <v>175</v>
      </c>
      <c r="L1600" t="s">
        <v>52</v>
      </c>
      <c r="M1600" s="1">
        <v>0</v>
      </c>
      <c r="N1600" s="1">
        <v>0</v>
      </c>
      <c r="O1600" t="s">
        <v>2512</v>
      </c>
      <c r="P1600" t="s">
        <v>176</v>
      </c>
      <c r="Q1600" t="s">
        <v>238</v>
      </c>
      <c r="S1600" t="s">
        <v>178</v>
      </c>
      <c r="T1600" t="s">
        <v>175</v>
      </c>
      <c r="X1600" t="s">
        <v>179</v>
      </c>
      <c r="AC1600" t="s">
        <v>180</v>
      </c>
      <c r="AD1600" t="s">
        <v>230</v>
      </c>
      <c r="AE1600" t="s">
        <v>230</v>
      </c>
      <c r="AF1600" t="s">
        <v>230</v>
      </c>
      <c r="AG1600" t="s">
        <v>181</v>
      </c>
      <c r="AH1600" t="s">
        <v>175</v>
      </c>
      <c r="AI1600" t="s">
        <v>175</v>
      </c>
      <c r="AJ1600" t="s">
        <v>175</v>
      </c>
      <c r="AK1600" t="s">
        <v>181</v>
      </c>
      <c r="AL1600" t="s">
        <v>52</v>
      </c>
      <c r="AM1600" t="s">
        <v>204</v>
      </c>
      <c r="AN1600" t="s">
        <v>184</v>
      </c>
      <c r="AO1600" t="s">
        <v>206</v>
      </c>
      <c r="AP1600" t="s">
        <v>182</v>
      </c>
      <c r="AQ1600" t="s">
        <v>203</v>
      </c>
      <c r="AR1600" t="s">
        <v>202</v>
      </c>
      <c r="AS1600" t="s">
        <v>185</v>
      </c>
      <c r="AT1600" t="s">
        <v>183</v>
      </c>
      <c r="AU1600" t="s">
        <v>201</v>
      </c>
      <c r="AV1600" t="s">
        <v>205</v>
      </c>
      <c r="AX1600" t="s">
        <v>186</v>
      </c>
      <c r="BA1600" t="s">
        <v>188</v>
      </c>
      <c r="BB1600" t="s">
        <v>208</v>
      </c>
      <c r="BC1600" t="s">
        <v>209</v>
      </c>
      <c r="BF1600" t="s">
        <v>189</v>
      </c>
      <c r="BG1600" s="1">
        <v>0</v>
      </c>
      <c r="BH1600" t="s">
        <v>247</v>
      </c>
      <c r="BK1600" t="s">
        <v>191</v>
      </c>
      <c r="BL1600" t="s">
        <v>3122</v>
      </c>
      <c r="BM1600" t="s">
        <v>191</v>
      </c>
      <c r="BN1600" t="s">
        <v>3123</v>
      </c>
      <c r="BO1600" t="s">
        <v>218</v>
      </c>
      <c r="BP1600" t="s">
        <v>3124</v>
      </c>
    </row>
    <row r="1601" spans="1:69" x14ac:dyDescent="0.25">
      <c r="A1601" s="1">
        <v>30541298</v>
      </c>
      <c r="B1601" t="s">
        <v>1612</v>
      </c>
      <c r="C1601" t="s">
        <v>39</v>
      </c>
      <c r="D1601" t="s">
        <v>942</v>
      </c>
      <c r="E1601" t="s">
        <v>216</v>
      </c>
      <c r="L1601" t="s">
        <v>52</v>
      </c>
      <c r="M1601" s="1">
        <v>0</v>
      </c>
      <c r="N1601" s="1">
        <v>0</v>
      </c>
      <c r="O1601" t="s">
        <v>942</v>
      </c>
      <c r="P1601" t="s">
        <v>216</v>
      </c>
      <c r="Q1601" t="s">
        <v>177</v>
      </c>
      <c r="S1601" s="1">
        <v>0</v>
      </c>
      <c r="T1601" t="s">
        <v>297</v>
      </c>
      <c r="U1601" t="s">
        <v>1613</v>
      </c>
      <c r="AA1601" t="s">
        <v>273</v>
      </c>
      <c r="AB1601" t="s">
        <v>1614</v>
      </c>
      <c r="AC1601" t="s">
        <v>199</v>
      </c>
      <c r="AD1601" t="s">
        <v>175</v>
      </c>
      <c r="AE1601" t="s">
        <v>299</v>
      </c>
      <c r="AF1601" t="s">
        <v>175</v>
      </c>
      <c r="AG1601" t="s">
        <v>175</v>
      </c>
      <c r="AH1601" t="s">
        <v>175</v>
      </c>
      <c r="AI1601" t="s">
        <v>175</v>
      </c>
      <c r="AJ1601" t="s">
        <v>175</v>
      </c>
      <c r="AK1601" t="s">
        <v>175</v>
      </c>
      <c r="AL1601" t="s">
        <v>52</v>
      </c>
      <c r="AM1601" t="s">
        <v>182</v>
      </c>
      <c r="AN1601" t="s">
        <v>185</v>
      </c>
      <c r="AO1601" t="s">
        <v>201</v>
      </c>
      <c r="AP1601" t="s">
        <v>205</v>
      </c>
      <c r="AQ1601" t="s">
        <v>202</v>
      </c>
      <c r="AR1601" t="s">
        <v>203</v>
      </c>
      <c r="AS1601" t="s">
        <v>206</v>
      </c>
      <c r="AT1601" t="s">
        <v>184</v>
      </c>
      <c r="AU1601" t="s">
        <v>183</v>
      </c>
      <c r="AV1601" t="s">
        <v>204</v>
      </c>
      <c r="AX1601" t="s">
        <v>186</v>
      </c>
      <c r="AY1601" t="s">
        <v>187</v>
      </c>
      <c r="AZ1601" t="s">
        <v>207</v>
      </c>
      <c r="BA1601" t="s">
        <v>188</v>
      </c>
      <c r="BB1601" t="s">
        <v>208</v>
      </c>
      <c r="BC1601" t="s">
        <v>209</v>
      </c>
      <c r="BF1601" s="1">
        <v>0</v>
      </c>
      <c r="BG1601" s="1">
        <v>0</v>
      </c>
      <c r="BH1601" s="1">
        <v>0</v>
      </c>
      <c r="BK1601" s="1">
        <v>0</v>
      </c>
      <c r="BM1601" s="1">
        <v>0</v>
      </c>
      <c r="BO1601" s="1">
        <v>0</v>
      </c>
    </row>
    <row r="1602" spans="1:69" x14ac:dyDescent="0.25">
      <c r="A1602" s="1">
        <v>30541314</v>
      </c>
      <c r="B1602" t="s">
        <v>932</v>
      </c>
      <c r="C1602" t="s">
        <v>39</v>
      </c>
      <c r="D1602" t="s">
        <v>174</v>
      </c>
      <c r="E1602" t="s">
        <v>216</v>
      </c>
      <c r="L1602" t="s">
        <v>52</v>
      </c>
      <c r="M1602" s="1">
        <v>0</v>
      </c>
      <c r="N1602" s="1">
        <v>0</v>
      </c>
      <c r="O1602" t="s">
        <v>174</v>
      </c>
      <c r="P1602" t="s">
        <v>216</v>
      </c>
      <c r="Q1602" t="s">
        <v>238</v>
      </c>
      <c r="S1602" s="1">
        <v>0</v>
      </c>
      <c r="T1602" t="s">
        <v>197</v>
      </c>
      <c r="U1602" t="s">
        <v>933</v>
      </c>
      <c r="W1602" t="s">
        <v>262</v>
      </c>
      <c r="X1602" t="s">
        <v>179</v>
      </c>
      <c r="Y1602" t="s">
        <v>224</v>
      </c>
      <c r="Z1602" t="s">
        <v>244</v>
      </c>
      <c r="AA1602" t="s">
        <v>273</v>
      </c>
      <c r="AB1602" t="s">
        <v>934</v>
      </c>
      <c r="AC1602" t="s">
        <v>609</v>
      </c>
      <c r="AD1602" t="s">
        <v>230</v>
      </c>
      <c r="AE1602" t="s">
        <v>230</v>
      </c>
      <c r="AF1602" t="s">
        <v>230</v>
      </c>
      <c r="AG1602" t="s">
        <v>181</v>
      </c>
      <c r="AH1602" t="s">
        <v>175</v>
      </c>
      <c r="AI1602" t="s">
        <v>175</v>
      </c>
      <c r="AJ1602" t="s">
        <v>230</v>
      </c>
      <c r="AK1602" t="s">
        <v>230</v>
      </c>
      <c r="AL1602" t="s">
        <v>42</v>
      </c>
      <c r="AM1602" s="1">
        <v>0</v>
      </c>
      <c r="AN1602" t="s">
        <v>182</v>
      </c>
      <c r="AO1602" s="1">
        <v>0</v>
      </c>
      <c r="AP1602" s="1">
        <v>0</v>
      </c>
      <c r="AQ1602" t="s">
        <v>185</v>
      </c>
      <c r="AR1602" t="s">
        <v>184</v>
      </c>
      <c r="AS1602" s="1">
        <v>0</v>
      </c>
      <c r="AT1602" s="1">
        <v>0</v>
      </c>
      <c r="AU1602" s="1">
        <v>0</v>
      </c>
      <c r="AV1602" s="1">
        <v>0</v>
      </c>
      <c r="AW1602" t="s">
        <v>935</v>
      </c>
      <c r="AX1602" t="s">
        <v>186</v>
      </c>
      <c r="AZ1602" t="s">
        <v>207</v>
      </c>
      <c r="BC1602" t="s">
        <v>209</v>
      </c>
      <c r="BF1602" t="s">
        <v>292</v>
      </c>
      <c r="BG1602" t="s">
        <v>301</v>
      </c>
      <c r="BH1602" t="s">
        <v>302</v>
      </c>
      <c r="BI1602" t="s">
        <v>936</v>
      </c>
      <c r="BK1602" t="s">
        <v>191</v>
      </c>
      <c r="BL1602" t="s">
        <v>937</v>
      </c>
      <c r="BM1602" t="s">
        <v>191</v>
      </c>
      <c r="BN1602" t="s">
        <v>938</v>
      </c>
      <c r="BO1602" t="s">
        <v>191</v>
      </c>
      <c r="BP1602" t="s">
        <v>939</v>
      </c>
      <c r="BQ1602" t="s">
        <v>940</v>
      </c>
    </row>
  </sheetData>
  <sortState ref="A2:CZ1602">
    <sortCondition ref="A2:A1602"/>
  </sortState>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AEP Bill Redesign QPRO Survey d</vt:lpstr>
    </vt:vector>
  </TitlesOfParts>
  <Company>IBM</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BM SPSS Export Facility</dc:creator>
  <cp:lastModifiedBy>Bradley S Berson</cp:lastModifiedBy>
  <dcterms:created xsi:type="dcterms:W3CDTF">2011-08-01T14:22:18Z</dcterms:created>
  <dcterms:modified xsi:type="dcterms:W3CDTF">2017-08-18T22:25:12Z</dcterms:modified>
</cp:coreProperties>
</file>